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H21\"/>
    </mc:Choice>
  </mc:AlternateContent>
  <xr:revisionPtr revIDLastSave="0" documentId="13_ncr:1_{D8C1D767-645D-4632-96AC-AA8BEA2AFDEC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35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0099富山地域）" sheetId="96" r:id="rId51"/>
    <sheet name="年齢別・性別人口(0101下タ)" sheetId="94" r:id="rId52"/>
    <sheet name="年齢別・性別人口(0102小羽)" sheetId="100" r:id="rId53"/>
    <sheet name="年齢別・性別人口(0103船峅)" sheetId="101" r:id="rId54"/>
    <sheet name="年齢別・性別人口(0104大沢野)" sheetId="102" r:id="rId55"/>
    <sheet name="年齢別・性別人口(0105大久保)" sheetId="103" r:id="rId56"/>
    <sheet name="年齢別・性別人口(0199大沢野地域)" sheetId="98" r:id="rId57"/>
    <sheet name="年齢別・性別人口(0201上滝)" sheetId="99" r:id="rId58"/>
    <sheet name="年齢別・性別人口(0202大山)" sheetId="97" r:id="rId59"/>
    <sheet name="年齢別・性別人口(0203大庄)" sheetId="104" r:id="rId60"/>
    <sheet name="年齢別・性別人口(0204福沢)" sheetId="107" r:id="rId61"/>
    <sheet name="年齢別・性別人口(0299大山地域)" sheetId="108" r:id="rId62"/>
    <sheet name="年齢別・性別人口(0301八尾)" sheetId="109" r:id="rId63"/>
    <sheet name="年齢別・性別人口(0302保内)" sheetId="114" r:id="rId64"/>
    <sheet name="年齢別・性別人口(0303杉原)" sheetId="115" r:id="rId65"/>
    <sheet name="年齢別・性別人口(0304卯花)" sheetId="116" r:id="rId66"/>
    <sheet name="年齢別・性別人口(0305室牧)" sheetId="117" r:id="rId67"/>
    <sheet name="年齢別・性別人口(0306黒瀬谷)" sheetId="118" r:id="rId68"/>
    <sheet name="年齢別・性別人口(0307野積)" sheetId="119" r:id="rId69"/>
    <sheet name="年齢別・性別人口(0308仁歩)" sheetId="120" r:id="rId70"/>
    <sheet name="年齢別・性別人口(0309大長谷)" sheetId="121" r:id="rId71"/>
    <sheet name="年齢別・性別人口(0399八尾地域)" sheetId="110" r:id="rId72"/>
    <sheet name="年齢別・性別人口(0401速星)" sheetId="111" r:id="rId73"/>
    <sheet name="年齢別・性別人口(0402鵜坂)" sheetId="112" r:id="rId74"/>
    <sheet name="年齢別・性別人口(0403朝日)" sheetId="113" r:id="rId75"/>
    <sheet name="年齢別・性別人口(0404宮川)" sheetId="123" r:id="rId76"/>
    <sheet name="年齢別・性別人口(0405婦中熊野)" sheetId="125" r:id="rId77"/>
    <sheet name="年齢別・性別人口(0406古里)" sheetId="126" r:id="rId78"/>
    <sheet name="年齢別・性別人口(0407音川)" sheetId="124" r:id="rId79"/>
    <sheet name="年齢別・性別人口(0408神保)" sheetId="122" r:id="rId80"/>
    <sheet name="年齢別・性別人口(0499婦中地域)" sheetId="106" r:id="rId81"/>
    <sheet name="年齢別・性別人口(0501山田南部)" sheetId="127" r:id="rId82"/>
    <sheet name="年齢別・性別人口(0502山田中部)" sheetId="128" r:id="rId83"/>
    <sheet name="年齢別・性別人口(0503山田西部)" sheetId="129" r:id="rId84"/>
    <sheet name="年齢別・性別人口(0504山田東部)" sheetId="130" r:id="rId85"/>
    <sheet name="年齢別・性別人口(0599山田地域)" sheetId="131" r:id="rId86"/>
    <sheet name="年齢別・性別人口(0601細入北部)" sheetId="132" r:id="rId87"/>
    <sheet name="年齢別・性別人口(0602細入南部)" sheetId="133" r:id="rId88"/>
    <sheet name="年齢別・性別人口(0699細入地域)" sheetId="134" r:id="rId89"/>
  </sheets>
  <definedNames>
    <definedName name="_xlnm.Print_Titles" localSheetId="50">'年齢別・性別人口(0099富山地域）'!$4:$4</definedName>
    <definedName name="_xlnm.Print_Titles" localSheetId="51">'年齢別・性別人口(0101下タ)'!$4:$4</definedName>
    <definedName name="_xlnm.Print_Titles" localSheetId="52">'年齢別・性別人口(0102小羽)'!$4:$4</definedName>
    <definedName name="_xlnm.Print_Titles" localSheetId="53">'年齢別・性別人口(0103船峅)'!$4:$4</definedName>
    <definedName name="_xlnm.Print_Titles" localSheetId="54">'年齢別・性別人口(0104大沢野)'!$4:$4</definedName>
    <definedName name="_xlnm.Print_Titles" localSheetId="55">'年齢別・性別人口(0105大久保)'!$4:$4</definedName>
    <definedName name="_xlnm.Print_Titles" localSheetId="56">'年齢別・性別人口(0199大沢野地域)'!$4:$4</definedName>
    <definedName name="_xlnm.Print_Titles" localSheetId="1">'年齢別・性別人口(01総曲輪)'!$4:$4</definedName>
    <definedName name="_xlnm.Print_Titles" localSheetId="57">'年齢別・性別人口(0201上滝)'!$4:$4</definedName>
    <definedName name="_xlnm.Print_Titles" localSheetId="58">'年齢別・性別人口(0202大山)'!$4:$4</definedName>
    <definedName name="_xlnm.Print_Titles" localSheetId="59">'年齢別・性別人口(0203大庄)'!$4:$4</definedName>
    <definedName name="_xlnm.Print_Titles" localSheetId="60">'年齢別・性別人口(0204福沢)'!$4:$4</definedName>
    <definedName name="_xlnm.Print_Titles" localSheetId="61">'年齢別・性別人口(0299大山地域)'!$4:$4</definedName>
    <definedName name="_xlnm.Print_Titles" localSheetId="2">'年齢別・性別人口(02愛宕)'!$4:$4</definedName>
    <definedName name="_xlnm.Print_Titles" localSheetId="62">'年齢別・性別人口(0301八尾)'!$4:$4</definedName>
    <definedName name="_xlnm.Print_Titles" localSheetId="63">'年齢別・性別人口(0302保内)'!$4:$4</definedName>
    <definedName name="_xlnm.Print_Titles" localSheetId="64">'年齢別・性別人口(0303杉原)'!$4:$4</definedName>
    <definedName name="_xlnm.Print_Titles" localSheetId="65">'年齢別・性別人口(0304卯花)'!$4:$4</definedName>
    <definedName name="_xlnm.Print_Titles" localSheetId="66">'年齢別・性別人口(0305室牧)'!$4:$4</definedName>
    <definedName name="_xlnm.Print_Titles" localSheetId="67">'年齢別・性別人口(0306黒瀬谷)'!$4:$4</definedName>
    <definedName name="_xlnm.Print_Titles" localSheetId="68">'年齢別・性別人口(0307野積)'!$4:$4</definedName>
    <definedName name="_xlnm.Print_Titles" localSheetId="69">'年齢別・性別人口(0308仁歩)'!$4:$4</definedName>
    <definedName name="_xlnm.Print_Titles" localSheetId="70">'年齢別・性別人口(0309大長谷)'!$4:$4</definedName>
    <definedName name="_xlnm.Print_Titles" localSheetId="71">'年齢別・性別人口(0399八尾地域)'!$4:$4</definedName>
    <definedName name="_xlnm.Print_Titles" localSheetId="3">'年齢別・性別人口(03安野屋)'!$4:$4</definedName>
    <definedName name="_xlnm.Print_Titles" localSheetId="72">'年齢別・性別人口(0401速星)'!$4:$4</definedName>
    <definedName name="_xlnm.Print_Titles" localSheetId="73">'年齢別・性別人口(0402鵜坂)'!$4:$4</definedName>
    <definedName name="_xlnm.Print_Titles" localSheetId="74">'年齢別・性別人口(0403朝日)'!$4:$4</definedName>
    <definedName name="_xlnm.Print_Titles" localSheetId="75">'年齢別・性別人口(0404宮川)'!$4:$4</definedName>
    <definedName name="_xlnm.Print_Titles" localSheetId="76">'年齢別・性別人口(0405婦中熊野)'!$4:$4</definedName>
    <definedName name="_xlnm.Print_Titles" localSheetId="77">'年齢別・性別人口(0406古里)'!$4:$4</definedName>
    <definedName name="_xlnm.Print_Titles" localSheetId="78">'年齢別・性別人口(0407音川)'!$4:$4</definedName>
    <definedName name="_xlnm.Print_Titles" localSheetId="79">'年齢別・性別人口(0408神保)'!$4:$4</definedName>
    <definedName name="_xlnm.Print_Titles" localSheetId="80">'年齢別・性別人口(0499婦中地域)'!$4:$4</definedName>
    <definedName name="_xlnm.Print_Titles" localSheetId="4">'年齢別・性別人口(04八人町)'!$4:$4</definedName>
    <definedName name="_xlnm.Print_Titles" localSheetId="81">'年齢別・性別人口(0501山田南部)'!$4:$4</definedName>
    <definedName name="_xlnm.Print_Titles" localSheetId="82">'年齢別・性別人口(0502山田中部)'!$4:$4</definedName>
    <definedName name="_xlnm.Print_Titles" localSheetId="83">'年齢別・性別人口(0503山田西部)'!$4:$4</definedName>
    <definedName name="_xlnm.Print_Titles" localSheetId="84">'年齢別・性別人口(0504山田東部)'!$4:$4</definedName>
    <definedName name="_xlnm.Print_Titles" localSheetId="85">'年齢別・性別人口(0599山田地域)'!$4:$4</definedName>
    <definedName name="_xlnm.Print_Titles" localSheetId="5">'年齢別・性別人口(05五番町)'!$4:$4</definedName>
    <definedName name="_xlnm.Print_Titles" localSheetId="86">'年齢別・性別人口(0601細入北部)'!$4:$4</definedName>
    <definedName name="_xlnm.Print_Titles" localSheetId="87">'年齢別・性別人口(0602細入南部)'!$4:$4</definedName>
    <definedName name="_xlnm.Print_Titles" localSheetId="88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913" uniqueCount="244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3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3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3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3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3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3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3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3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3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3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3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3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3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3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3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3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3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3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3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3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3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チク</t>
    </rPh>
    <rPh sb="12" eb="13">
      <t>イキ</t>
    </rPh>
    <phoneticPr fontId="3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3">
      <t>チク</t>
    </rPh>
    <rPh sb="13" eb="14">
      <t>イキ</t>
    </rPh>
    <phoneticPr fontId="3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2">
      <t>チク</t>
    </rPh>
    <rPh sb="12" eb="13">
      <t>イキ</t>
    </rPh>
    <phoneticPr fontId="3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2">
      <t>チク</t>
    </rPh>
    <rPh sb="12" eb="13">
      <t>イキ</t>
    </rPh>
    <phoneticPr fontId="3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2">
      <t>チク</t>
    </rPh>
    <rPh sb="12" eb="13">
      <t>イキ</t>
    </rPh>
    <phoneticPr fontId="3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ク</t>
    </rPh>
    <rPh sb="12" eb="13">
      <t>イキ</t>
    </rPh>
    <phoneticPr fontId="3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チク</t>
    </rPh>
    <rPh sb="12" eb="13">
      <t>イキ</t>
    </rPh>
    <phoneticPr fontId="3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クサワ</t>
    </rPh>
    <phoneticPr fontId="3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ハセ</t>
    </rPh>
    <phoneticPr fontId="3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3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ミナミ</t>
    </rPh>
    <rPh sb="12" eb="13">
      <t>ホクブ</t>
    </rPh>
    <phoneticPr fontId="3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カ</t>
    </rPh>
    <rPh sb="12" eb="13">
      <t>ホクブ</t>
    </rPh>
    <phoneticPr fontId="3"/>
  </si>
  <si>
    <t>101～</t>
    <phoneticPr fontId="3"/>
  </si>
  <si>
    <t>101～</t>
    <phoneticPr fontId="3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3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ヒガシ</t>
    </rPh>
    <rPh sb="12" eb="13">
      <t>ホクブ</t>
    </rPh>
    <phoneticPr fontId="3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シタ</t>
    </rPh>
    <phoneticPr fontId="3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phoneticPr fontId="3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3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3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3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ショウ</t>
    </rPh>
    <phoneticPr fontId="3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3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3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3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3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3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1">
      <t>セ</t>
    </rPh>
    <rPh sb="11" eb="12">
      <t>タニ</t>
    </rPh>
    <phoneticPr fontId="3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3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3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3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3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3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3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3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3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トカワ</t>
    </rPh>
    <phoneticPr fontId="3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ネ</t>
    </rPh>
    <phoneticPr fontId="3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年齢</t>
    <rPh sb="0" eb="2">
      <t>ネンレイ</t>
    </rPh>
    <phoneticPr fontId="3"/>
  </si>
  <si>
    <t>101～</t>
    <phoneticPr fontId="3"/>
  </si>
  <si>
    <t>【合計】</t>
    <rPh sb="1" eb="3">
      <t>ゴウ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3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3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3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3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3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3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3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3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3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3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3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3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3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3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3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3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3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3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3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3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3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3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3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3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3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3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3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ミナミ</t>
    </rPh>
    <rPh sb="12" eb="13">
      <t>ホクブ</t>
    </rPh>
    <phoneticPr fontId="3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ホクブ</t>
    </rPh>
    <phoneticPr fontId="3"/>
  </si>
  <si>
    <t>平成21年5月末</t>
  </si>
  <si>
    <t>目次</t>
    <rPh sb="0" eb="2">
      <t>モクジ</t>
    </rPh>
    <phoneticPr fontId="3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3"/>
  </si>
  <si>
    <t>富山地域</t>
    <rPh sb="0" eb="2">
      <t>トヤマ</t>
    </rPh>
    <rPh sb="2" eb="4">
      <t>チイキ</t>
    </rPh>
    <phoneticPr fontId="3"/>
  </si>
  <si>
    <t>大沢野地域</t>
    <rPh sb="0" eb="3">
      <t>オオサワノ</t>
    </rPh>
    <rPh sb="3" eb="5">
      <t>チイキ</t>
    </rPh>
    <phoneticPr fontId="3"/>
  </si>
  <si>
    <t>総曲輪</t>
    <rPh sb="0" eb="3">
      <t>ソウガワ</t>
    </rPh>
    <phoneticPr fontId="3"/>
  </si>
  <si>
    <t>愛宕</t>
    <rPh sb="0" eb="2">
      <t>アタゴ</t>
    </rPh>
    <phoneticPr fontId="3"/>
  </si>
  <si>
    <t>小羽</t>
    <rPh sb="0" eb="1">
      <t>チイ</t>
    </rPh>
    <rPh sb="1" eb="2">
      <t>ハネ</t>
    </rPh>
    <phoneticPr fontId="3"/>
  </si>
  <si>
    <t>安野屋</t>
    <rPh sb="0" eb="3">
      <t>ヤスノヤ</t>
    </rPh>
    <phoneticPr fontId="3"/>
  </si>
  <si>
    <t>船峅</t>
    <rPh sb="0" eb="2">
      <t>フナクラ</t>
    </rPh>
    <phoneticPr fontId="3"/>
  </si>
  <si>
    <t>八人町</t>
    <rPh sb="0" eb="3">
      <t>ハチニンマチ</t>
    </rPh>
    <phoneticPr fontId="3"/>
  </si>
  <si>
    <t>大沢野</t>
    <rPh sb="0" eb="3">
      <t>オオサワノ</t>
    </rPh>
    <phoneticPr fontId="3"/>
  </si>
  <si>
    <t>五番町</t>
    <rPh sb="0" eb="3">
      <t>ゴバンマチ</t>
    </rPh>
    <phoneticPr fontId="3"/>
  </si>
  <si>
    <t>大久保</t>
    <rPh sb="0" eb="3">
      <t>オオクボ</t>
    </rPh>
    <phoneticPr fontId="3"/>
  </si>
  <si>
    <t>柳町</t>
    <rPh sb="0" eb="2">
      <t>ヤナギマチ</t>
    </rPh>
    <phoneticPr fontId="3"/>
  </si>
  <si>
    <t>大沢野地域（合計）</t>
    <rPh sb="0" eb="3">
      <t>オオサワノ</t>
    </rPh>
    <rPh sb="3" eb="5">
      <t>チイキ</t>
    </rPh>
    <rPh sb="6" eb="8">
      <t>ゴウケイ</t>
    </rPh>
    <phoneticPr fontId="3"/>
  </si>
  <si>
    <t>清水町</t>
    <rPh sb="0" eb="3">
      <t>シミズマチ</t>
    </rPh>
    <phoneticPr fontId="3"/>
  </si>
  <si>
    <t>星井町</t>
    <rPh sb="0" eb="3">
      <t>ホシイマチ</t>
    </rPh>
    <phoneticPr fontId="3"/>
  </si>
  <si>
    <t>大山地域</t>
    <rPh sb="0" eb="2">
      <t>オオヤマ</t>
    </rPh>
    <rPh sb="2" eb="4">
      <t>チイキ</t>
    </rPh>
    <phoneticPr fontId="3"/>
  </si>
  <si>
    <t>西田地方</t>
    <rPh sb="0" eb="4">
      <t>ニシデンジガタ</t>
    </rPh>
    <phoneticPr fontId="3"/>
  </si>
  <si>
    <t>上滝</t>
    <rPh sb="0" eb="2">
      <t>カミダキ</t>
    </rPh>
    <phoneticPr fontId="3"/>
  </si>
  <si>
    <t>堀川</t>
    <rPh sb="0" eb="2">
      <t>ホリカワ</t>
    </rPh>
    <phoneticPr fontId="3"/>
  </si>
  <si>
    <t>大山</t>
    <rPh sb="0" eb="2">
      <t>オオヤマ</t>
    </rPh>
    <phoneticPr fontId="3"/>
  </si>
  <si>
    <t>堀川南</t>
    <rPh sb="0" eb="2">
      <t>ホリカワ</t>
    </rPh>
    <rPh sb="2" eb="3">
      <t>ミナミ</t>
    </rPh>
    <phoneticPr fontId="3"/>
  </si>
  <si>
    <t>大庄</t>
    <rPh sb="0" eb="2">
      <t>ダイショウ</t>
    </rPh>
    <phoneticPr fontId="3"/>
  </si>
  <si>
    <t>東部</t>
    <rPh sb="0" eb="2">
      <t>トウブ</t>
    </rPh>
    <phoneticPr fontId="3"/>
  </si>
  <si>
    <t>福沢</t>
    <rPh sb="0" eb="2">
      <t>フクサワ</t>
    </rPh>
    <phoneticPr fontId="3"/>
  </si>
  <si>
    <t>奥田</t>
    <rPh sb="0" eb="2">
      <t>オクダ</t>
    </rPh>
    <phoneticPr fontId="3"/>
  </si>
  <si>
    <t>大山地域（合計）</t>
    <rPh sb="0" eb="2">
      <t>オオヤマ</t>
    </rPh>
    <rPh sb="2" eb="4">
      <t>チイキ</t>
    </rPh>
    <rPh sb="5" eb="7">
      <t>ゴウケイ</t>
    </rPh>
    <phoneticPr fontId="3"/>
  </si>
  <si>
    <t>奥田北</t>
    <rPh sb="0" eb="3">
      <t>オクダキタ</t>
    </rPh>
    <phoneticPr fontId="3"/>
  </si>
  <si>
    <t>桜谷</t>
    <rPh sb="0" eb="2">
      <t>サクラタニ</t>
    </rPh>
    <phoneticPr fontId="3"/>
  </si>
  <si>
    <t>八尾地域</t>
    <rPh sb="0" eb="4">
      <t>ヤツオチイキ</t>
    </rPh>
    <phoneticPr fontId="3"/>
  </si>
  <si>
    <t>五福</t>
    <rPh sb="0" eb="2">
      <t>ゴフク</t>
    </rPh>
    <phoneticPr fontId="3"/>
  </si>
  <si>
    <t>八尾</t>
    <rPh sb="0" eb="2">
      <t>ヤツオ</t>
    </rPh>
    <phoneticPr fontId="3"/>
  </si>
  <si>
    <t>神明</t>
    <rPh sb="0" eb="2">
      <t>シンメイ</t>
    </rPh>
    <phoneticPr fontId="3"/>
  </si>
  <si>
    <t>保内</t>
    <rPh sb="0" eb="2">
      <t>ヤスウチ</t>
    </rPh>
    <phoneticPr fontId="3"/>
  </si>
  <si>
    <t>岩瀬</t>
    <rPh sb="0" eb="2">
      <t>イワセ</t>
    </rPh>
    <phoneticPr fontId="3"/>
  </si>
  <si>
    <t>杉原</t>
    <rPh sb="0" eb="2">
      <t>スギハラ</t>
    </rPh>
    <phoneticPr fontId="3"/>
  </si>
  <si>
    <t>卯花</t>
    <rPh sb="0" eb="2">
      <t>ウノハナ</t>
    </rPh>
    <phoneticPr fontId="3"/>
  </si>
  <si>
    <t>大広田</t>
    <rPh sb="0" eb="3">
      <t>オオヒロタ</t>
    </rPh>
    <phoneticPr fontId="3"/>
  </si>
  <si>
    <t>室牧</t>
    <rPh sb="0" eb="2">
      <t>ムロマキ</t>
    </rPh>
    <phoneticPr fontId="3"/>
  </si>
  <si>
    <t>浜黒崎</t>
    <rPh sb="0" eb="3">
      <t>ハマクロサキ</t>
    </rPh>
    <phoneticPr fontId="3"/>
  </si>
  <si>
    <t>黒瀬谷</t>
    <rPh sb="0" eb="3">
      <t>クロセタニ</t>
    </rPh>
    <phoneticPr fontId="3"/>
  </si>
  <si>
    <t>針原</t>
    <rPh sb="0" eb="2">
      <t>ハリハラ</t>
    </rPh>
    <phoneticPr fontId="3"/>
  </si>
  <si>
    <t>野積</t>
    <rPh sb="0" eb="2">
      <t>ノヅ</t>
    </rPh>
    <phoneticPr fontId="3"/>
  </si>
  <si>
    <t>豊田</t>
    <rPh sb="0" eb="2">
      <t>トヨタ</t>
    </rPh>
    <phoneticPr fontId="3"/>
  </si>
  <si>
    <t>仁歩</t>
    <rPh sb="0" eb="1">
      <t>ニ</t>
    </rPh>
    <rPh sb="1" eb="2">
      <t>アル</t>
    </rPh>
    <phoneticPr fontId="3"/>
  </si>
  <si>
    <t>広田</t>
    <rPh sb="0" eb="2">
      <t>ヒロタ</t>
    </rPh>
    <phoneticPr fontId="3"/>
  </si>
  <si>
    <t>大長谷</t>
    <rPh sb="0" eb="3">
      <t>オオナガタニ</t>
    </rPh>
    <phoneticPr fontId="3"/>
  </si>
  <si>
    <t>新庄</t>
    <rPh sb="0" eb="2">
      <t>シンジョウ</t>
    </rPh>
    <phoneticPr fontId="3"/>
  </si>
  <si>
    <t>八尾地域（合計）</t>
    <rPh sb="0" eb="4">
      <t>ヤツオチイキ</t>
    </rPh>
    <rPh sb="5" eb="7">
      <t>ゴウケイ</t>
    </rPh>
    <phoneticPr fontId="3"/>
  </si>
  <si>
    <t>藤ノ木</t>
    <rPh sb="0" eb="1">
      <t>フジ</t>
    </rPh>
    <rPh sb="2" eb="3">
      <t>キ</t>
    </rPh>
    <phoneticPr fontId="3"/>
  </si>
  <si>
    <t>山室</t>
    <rPh sb="0" eb="2">
      <t>ヤマムロ</t>
    </rPh>
    <phoneticPr fontId="3"/>
  </si>
  <si>
    <t>婦中地域</t>
    <rPh sb="0" eb="2">
      <t>フチュウ</t>
    </rPh>
    <rPh sb="2" eb="4">
      <t>チイキ</t>
    </rPh>
    <phoneticPr fontId="3"/>
  </si>
  <si>
    <t>山室中部</t>
    <rPh sb="0" eb="4">
      <t>ヤマムロチュウブ</t>
    </rPh>
    <phoneticPr fontId="3"/>
  </si>
  <si>
    <t>速星</t>
    <rPh sb="0" eb="2">
      <t>ハヤホシ</t>
    </rPh>
    <phoneticPr fontId="3"/>
  </si>
  <si>
    <t>太田</t>
    <rPh sb="0" eb="2">
      <t>オオタ</t>
    </rPh>
    <phoneticPr fontId="3"/>
  </si>
  <si>
    <t>鵜坂</t>
    <rPh sb="0" eb="2">
      <t>ウサカ</t>
    </rPh>
    <phoneticPr fontId="3"/>
  </si>
  <si>
    <t>蜷川</t>
    <rPh sb="0" eb="2">
      <t>ニナガワ</t>
    </rPh>
    <phoneticPr fontId="3"/>
  </si>
  <si>
    <t>朝日</t>
    <rPh sb="0" eb="2">
      <t>アサヒ</t>
    </rPh>
    <phoneticPr fontId="3"/>
  </si>
  <si>
    <t>新保</t>
    <rPh sb="0" eb="2">
      <t>シンボ</t>
    </rPh>
    <phoneticPr fontId="3"/>
  </si>
  <si>
    <t>宮川</t>
    <rPh sb="0" eb="2">
      <t>ミヤガワ</t>
    </rPh>
    <phoneticPr fontId="3"/>
  </si>
  <si>
    <t>熊野</t>
    <rPh sb="0" eb="2">
      <t>クマノ</t>
    </rPh>
    <phoneticPr fontId="3"/>
  </si>
  <si>
    <t>婦中熊野</t>
    <rPh sb="0" eb="2">
      <t>フチュウ</t>
    </rPh>
    <rPh sb="2" eb="4">
      <t>クマノ</t>
    </rPh>
    <phoneticPr fontId="3"/>
  </si>
  <si>
    <t>月岡</t>
    <rPh sb="0" eb="2">
      <t>ツキオカ</t>
    </rPh>
    <phoneticPr fontId="3"/>
  </si>
  <si>
    <t>古里</t>
    <rPh sb="0" eb="2">
      <t>フルサト</t>
    </rPh>
    <phoneticPr fontId="3"/>
  </si>
  <si>
    <t>四方</t>
    <rPh sb="0" eb="2">
      <t>ヨカタ</t>
    </rPh>
    <phoneticPr fontId="3"/>
  </si>
  <si>
    <t>音川</t>
    <rPh sb="0" eb="2">
      <t>オトガワ</t>
    </rPh>
    <phoneticPr fontId="3"/>
  </si>
  <si>
    <t>八幡</t>
    <rPh sb="0" eb="2">
      <t>ハチマン</t>
    </rPh>
    <phoneticPr fontId="3"/>
  </si>
  <si>
    <t>神保</t>
    <rPh sb="0" eb="2">
      <t>シンボ</t>
    </rPh>
    <phoneticPr fontId="3"/>
  </si>
  <si>
    <t>草島</t>
    <rPh sb="0" eb="2">
      <t>クサジマ</t>
    </rPh>
    <phoneticPr fontId="3"/>
  </si>
  <si>
    <t>婦中地域（合計）</t>
    <rPh sb="0" eb="2">
      <t>フチュウ</t>
    </rPh>
    <rPh sb="2" eb="4">
      <t>チイキ</t>
    </rPh>
    <rPh sb="5" eb="7">
      <t>ゴウケイ</t>
    </rPh>
    <phoneticPr fontId="3"/>
  </si>
  <si>
    <t>倉垣</t>
    <rPh sb="0" eb="2">
      <t>クラガキ</t>
    </rPh>
    <phoneticPr fontId="3"/>
  </si>
  <si>
    <t>呉羽</t>
    <rPh sb="0" eb="2">
      <t>クレハ</t>
    </rPh>
    <phoneticPr fontId="3"/>
  </si>
  <si>
    <t>山田地域</t>
    <rPh sb="0" eb="4">
      <t>ヤマダチイキ</t>
    </rPh>
    <phoneticPr fontId="3"/>
  </si>
  <si>
    <t>長岡</t>
    <rPh sb="0" eb="2">
      <t>ナガオカ</t>
    </rPh>
    <phoneticPr fontId="3"/>
  </si>
  <si>
    <t>山田南部</t>
    <rPh sb="0" eb="2">
      <t>ヤマダ</t>
    </rPh>
    <rPh sb="2" eb="4">
      <t>ナンブ</t>
    </rPh>
    <phoneticPr fontId="3"/>
  </si>
  <si>
    <t>寒江</t>
    <rPh sb="0" eb="1">
      <t>サム</t>
    </rPh>
    <rPh sb="1" eb="2">
      <t>エ</t>
    </rPh>
    <phoneticPr fontId="3"/>
  </si>
  <si>
    <t>山田中部</t>
    <rPh sb="0" eb="2">
      <t>ヤマダ</t>
    </rPh>
    <rPh sb="2" eb="4">
      <t>チュウブ</t>
    </rPh>
    <phoneticPr fontId="3"/>
  </si>
  <si>
    <t>古沢</t>
    <rPh sb="0" eb="2">
      <t>フルサワ</t>
    </rPh>
    <phoneticPr fontId="3"/>
  </si>
  <si>
    <t>山田西部</t>
    <rPh sb="0" eb="2">
      <t>ヤマダ</t>
    </rPh>
    <rPh sb="2" eb="4">
      <t>セイブ</t>
    </rPh>
    <phoneticPr fontId="3"/>
  </si>
  <si>
    <t>老田</t>
    <rPh sb="0" eb="2">
      <t>オイダ</t>
    </rPh>
    <phoneticPr fontId="3"/>
  </si>
  <si>
    <t>山田東部</t>
    <rPh sb="0" eb="4">
      <t>ヤマダトウブ</t>
    </rPh>
    <phoneticPr fontId="3"/>
  </si>
  <si>
    <t>池多</t>
    <rPh sb="0" eb="2">
      <t>イケダ</t>
    </rPh>
    <phoneticPr fontId="3"/>
  </si>
  <si>
    <t>山田地域（合計）</t>
    <rPh sb="0" eb="4">
      <t>ヤマダチイキ</t>
    </rPh>
    <rPh sb="5" eb="7">
      <t>ゴウケイ</t>
    </rPh>
    <phoneticPr fontId="3"/>
  </si>
  <si>
    <t>水橋中部</t>
    <rPh sb="0" eb="2">
      <t>ミズハシ</t>
    </rPh>
    <rPh sb="2" eb="4">
      <t>チュウブ</t>
    </rPh>
    <phoneticPr fontId="3"/>
  </si>
  <si>
    <t>水橋西部</t>
    <rPh sb="0" eb="2">
      <t>ミズハシ</t>
    </rPh>
    <rPh sb="2" eb="4">
      <t>セイブ</t>
    </rPh>
    <phoneticPr fontId="3"/>
  </si>
  <si>
    <t>細入地域</t>
    <rPh sb="0" eb="2">
      <t>ホソイリ</t>
    </rPh>
    <rPh sb="2" eb="4">
      <t>チイキ</t>
    </rPh>
    <phoneticPr fontId="3"/>
  </si>
  <si>
    <t>水橋東部</t>
    <rPh sb="0" eb="2">
      <t>ミズハシ</t>
    </rPh>
    <rPh sb="2" eb="4">
      <t>トウブ</t>
    </rPh>
    <phoneticPr fontId="3"/>
  </si>
  <si>
    <t>細入北部</t>
    <rPh sb="0" eb="2">
      <t>ホソイリ</t>
    </rPh>
    <rPh sb="2" eb="4">
      <t>ホクブ</t>
    </rPh>
    <phoneticPr fontId="3"/>
  </si>
  <si>
    <t>三郷</t>
    <rPh sb="0" eb="2">
      <t>サンゴウ</t>
    </rPh>
    <phoneticPr fontId="3"/>
  </si>
  <si>
    <t>細入南部</t>
    <rPh sb="0" eb="2">
      <t>ホソイリ</t>
    </rPh>
    <rPh sb="2" eb="4">
      <t>ナンブ</t>
    </rPh>
    <phoneticPr fontId="3"/>
  </si>
  <si>
    <t>上条</t>
    <rPh sb="0" eb="1">
      <t>ウエ</t>
    </rPh>
    <rPh sb="1" eb="2">
      <t>ジョウ</t>
    </rPh>
    <phoneticPr fontId="3"/>
  </si>
  <si>
    <t>細入地域（合計）</t>
    <rPh sb="0" eb="2">
      <t>ホソイリ</t>
    </rPh>
    <rPh sb="2" eb="4">
      <t>チイキ</t>
    </rPh>
    <rPh sb="5" eb="7">
      <t>ゴウケイ</t>
    </rPh>
    <phoneticPr fontId="3"/>
  </si>
  <si>
    <t>光陽</t>
    <rPh sb="0" eb="2">
      <t>コウヨウ</t>
    </rPh>
    <phoneticPr fontId="3"/>
  </si>
  <si>
    <t>富山地域（合計）</t>
    <rPh sb="0" eb="4">
      <t>トヤマチイキ</t>
    </rPh>
    <rPh sb="5" eb="7">
      <t>ゴウケイ</t>
    </rPh>
    <phoneticPr fontId="3"/>
  </si>
  <si>
    <t>下タ</t>
    <rPh sb="0" eb="1">
      <t>シタ</t>
    </rPh>
    <phoneticPr fontId="3"/>
  </si>
  <si>
    <t>萩浦</t>
    <rPh sb="0" eb="1">
      <t>ハギ</t>
    </rPh>
    <rPh sb="1" eb="2">
      <t>ウラ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b/>
      <sz val="11"/>
      <name val="ＭＳ 明朝"/>
      <family val="1"/>
      <charset val="128"/>
    </font>
    <font>
      <u/>
      <sz val="12"/>
      <color indexed="12"/>
      <name val="ＭＳ 明朝"/>
      <family val="1"/>
      <charset val="128"/>
    </font>
    <font>
      <u/>
      <sz val="11"/>
      <color theme="10"/>
      <name val="ＭＳ 明朝"/>
      <family val="1"/>
      <charset val="128"/>
    </font>
    <font>
      <u/>
      <sz val="12"/>
      <color theme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7" fillId="0" borderId="0" applyNumberFormat="0" applyFill="0" applyBorder="0" applyAlignment="0" applyProtection="0">
      <alignment vertical="top"/>
      <protection locked="0"/>
    </xf>
    <xf numFmtId="0" fontId="8" fillId="0" borderId="0" applyNumberFormat="0" applyFill="0" applyBorder="0" applyAlignment="0" applyProtection="0"/>
  </cellStyleXfs>
  <cellXfs count="49">
    <xf numFmtId="0" fontId="0" fillId="0" borderId="0" xfId="0"/>
    <xf numFmtId="0" fontId="4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2" fillId="0" borderId="12" xfId="1" applyBorder="1" applyAlignment="1">
      <alignment horizontal="distributed" vertical="center"/>
    </xf>
    <xf numFmtId="38" fontId="2" fillId="0" borderId="5" xfId="1" applyBorder="1" applyAlignment="1">
      <alignment vertical="center"/>
    </xf>
    <xf numFmtId="38" fontId="2" fillId="0" borderId="6" xfId="1" applyBorder="1" applyAlignment="1">
      <alignment vertical="center"/>
    </xf>
    <xf numFmtId="38" fontId="2" fillId="0" borderId="7" xfId="1" applyBorder="1" applyAlignment="1">
      <alignment vertical="center"/>
    </xf>
    <xf numFmtId="38" fontId="2" fillId="0" borderId="13" xfId="1" applyBorder="1" applyAlignment="1">
      <alignment horizontal="distributed" vertical="center"/>
    </xf>
    <xf numFmtId="38" fontId="2" fillId="0" borderId="8" xfId="1" applyBorder="1" applyAlignment="1">
      <alignment vertical="center"/>
    </xf>
    <xf numFmtId="38" fontId="2" fillId="0" borderId="9" xfId="1" applyBorder="1" applyAlignment="1">
      <alignment vertical="center"/>
    </xf>
    <xf numFmtId="38" fontId="2" fillId="0" borderId="10" xfId="1" applyBorder="1" applyAlignment="1">
      <alignment vertical="center"/>
    </xf>
    <xf numFmtId="38" fontId="2" fillId="0" borderId="13" xfId="1" applyFont="1" applyBorder="1" applyAlignment="1">
      <alignment horizontal="distributed" vertical="center"/>
    </xf>
    <xf numFmtId="38" fontId="2" fillId="0" borderId="13" xfId="1" applyFont="1" applyBorder="1" applyAlignment="1">
      <alignment horizontal="center" vertical="center"/>
    </xf>
    <xf numFmtId="38" fontId="2" fillId="0" borderId="14" xfId="1" applyFont="1" applyBorder="1" applyAlignment="1">
      <alignment horizontal="distributed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2" xfId="1" applyFont="1" applyBorder="1" applyAlignment="1">
      <alignment horizontal="distributed" vertical="center"/>
    </xf>
    <xf numFmtId="38" fontId="1" fillId="0" borderId="13" xfId="1" applyFont="1" applyBorder="1" applyAlignment="1">
      <alignment horizontal="distributed" vertical="center"/>
    </xf>
    <xf numFmtId="38" fontId="1" fillId="0" borderId="13" xfId="1" applyFont="1" applyBorder="1" applyAlignment="1">
      <alignment horizontal="center" vertical="center"/>
    </xf>
    <xf numFmtId="38" fontId="1" fillId="0" borderId="14" xfId="1" applyFont="1" applyBorder="1" applyAlignment="1">
      <alignment horizontal="distributed" vertical="center"/>
    </xf>
    <xf numFmtId="38" fontId="1" fillId="0" borderId="19" xfId="1" applyFont="1" applyBorder="1" applyAlignment="1">
      <alignment vertical="center"/>
    </xf>
    <xf numFmtId="38" fontId="1" fillId="0" borderId="1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38" fontId="1" fillId="0" borderId="21" xfId="1" applyFont="1" applyBorder="1" applyAlignment="1">
      <alignment vertical="center"/>
    </xf>
    <xf numFmtId="38" fontId="1" fillId="0" borderId="22" xfId="1" applyFont="1" applyBorder="1" applyAlignment="1">
      <alignment vertical="center"/>
    </xf>
    <xf numFmtId="38" fontId="1" fillId="0" borderId="23" xfId="1" applyFont="1" applyBorder="1" applyAlignment="1">
      <alignment vertical="center"/>
    </xf>
    <xf numFmtId="38" fontId="1" fillId="0" borderId="18" xfId="1" applyFont="1" applyBorder="1" applyAlignment="1">
      <alignment vertical="center"/>
    </xf>
    <xf numFmtId="0" fontId="6" fillId="0" borderId="0" xfId="0" applyFont="1"/>
    <xf numFmtId="0" fontId="0" fillId="0" borderId="11" xfId="0" applyBorder="1"/>
    <xf numFmtId="0" fontId="7" fillId="0" borderId="11" xfId="2" applyBorder="1" applyAlignment="1" applyProtection="1"/>
    <xf numFmtId="0" fontId="9" fillId="0" borderId="11" xfId="3" applyFont="1" applyBorder="1" applyAlignment="1" applyProtection="1"/>
    <xf numFmtId="0" fontId="0" fillId="0" borderId="11" xfId="0" applyBorder="1" applyAlignment="1">
      <alignment horizont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Alignment="1" applyProtection="1">
      <alignment horizontal="right" vertical="center"/>
      <protection locked="0"/>
    </xf>
  </cellXfs>
  <cellStyles count="4">
    <cellStyle name="ハイパーリンク" xfId="3" builtinId="8"/>
    <cellStyle name="ハイパーリンク 2" xfId="2" xr:uid="{38281307-B272-4C04-893D-5222E465CEAF}"/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theme" Target="theme/theme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AB7E92-33B6-4511-8CB7-413B24600EE6}">
  <sheetPr codeName="Sheet1"/>
  <dimension ref="A1:E52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41" t="s">
        <v>147</v>
      </c>
      <c r="B1" t="s">
        <v>148</v>
      </c>
    </row>
    <row r="2" spans="1:5" x14ac:dyDescent="0.2">
      <c r="A2" s="45" t="s">
        <v>149</v>
      </c>
      <c r="B2" s="45"/>
      <c r="D2" s="45" t="s">
        <v>150</v>
      </c>
      <c r="E2" s="45"/>
    </row>
    <row r="3" spans="1:5" ht="14.4" x14ac:dyDescent="0.2">
      <c r="A3" s="42">
        <v>1</v>
      </c>
      <c r="B3" s="43" t="s">
        <v>151</v>
      </c>
      <c r="D3" s="42">
        <v>101</v>
      </c>
      <c r="E3" s="44" t="s">
        <v>242</v>
      </c>
    </row>
    <row r="4" spans="1:5" ht="14.4" x14ac:dyDescent="0.2">
      <c r="A4" s="42">
        <v>2</v>
      </c>
      <c r="B4" s="43" t="s">
        <v>152</v>
      </c>
      <c r="D4" s="42">
        <v>102</v>
      </c>
      <c r="E4" s="43" t="s">
        <v>153</v>
      </c>
    </row>
    <row r="5" spans="1:5" ht="14.4" x14ac:dyDescent="0.2">
      <c r="A5" s="42">
        <v>3</v>
      </c>
      <c r="B5" s="43" t="s">
        <v>154</v>
      </c>
      <c r="D5" s="42">
        <v>103</v>
      </c>
      <c r="E5" s="43" t="s">
        <v>155</v>
      </c>
    </row>
    <row r="6" spans="1:5" ht="14.4" x14ac:dyDescent="0.2">
      <c r="A6" s="42">
        <v>4</v>
      </c>
      <c r="B6" s="43" t="s">
        <v>156</v>
      </c>
      <c r="D6" s="42">
        <v>104</v>
      </c>
      <c r="E6" s="43" t="s">
        <v>157</v>
      </c>
    </row>
    <row r="7" spans="1:5" ht="14.4" x14ac:dyDescent="0.2">
      <c r="A7" s="42">
        <v>5</v>
      </c>
      <c r="B7" s="43" t="s">
        <v>158</v>
      </c>
      <c r="D7" s="42">
        <v>105</v>
      </c>
      <c r="E7" s="43" t="s">
        <v>159</v>
      </c>
    </row>
    <row r="8" spans="1:5" ht="14.4" x14ac:dyDescent="0.2">
      <c r="A8" s="42">
        <v>6</v>
      </c>
      <c r="B8" s="43" t="s">
        <v>160</v>
      </c>
      <c r="D8" s="42">
        <v>199</v>
      </c>
      <c r="E8" s="43" t="s">
        <v>161</v>
      </c>
    </row>
    <row r="9" spans="1:5" ht="14.4" x14ac:dyDescent="0.2">
      <c r="A9" s="42">
        <v>7</v>
      </c>
      <c r="B9" s="43" t="s">
        <v>162</v>
      </c>
    </row>
    <row r="10" spans="1:5" ht="14.4" x14ac:dyDescent="0.2">
      <c r="A10" s="42">
        <v>8</v>
      </c>
      <c r="B10" s="43" t="s">
        <v>163</v>
      </c>
      <c r="D10" s="45" t="s">
        <v>164</v>
      </c>
      <c r="E10" s="45"/>
    </row>
    <row r="11" spans="1:5" ht="14.4" x14ac:dyDescent="0.2">
      <c r="A11" s="42">
        <v>9</v>
      </c>
      <c r="B11" s="43" t="s">
        <v>165</v>
      </c>
      <c r="D11" s="42">
        <v>201</v>
      </c>
      <c r="E11" s="43" t="s">
        <v>166</v>
      </c>
    </row>
    <row r="12" spans="1:5" ht="14.4" x14ac:dyDescent="0.2">
      <c r="A12" s="42">
        <v>10</v>
      </c>
      <c r="B12" s="43" t="s">
        <v>167</v>
      </c>
      <c r="D12" s="42">
        <v>202</v>
      </c>
      <c r="E12" s="43" t="s">
        <v>168</v>
      </c>
    </row>
    <row r="13" spans="1:5" ht="14.4" x14ac:dyDescent="0.2">
      <c r="A13" s="42">
        <v>11</v>
      </c>
      <c r="B13" s="43" t="s">
        <v>169</v>
      </c>
      <c r="D13" s="42">
        <v>203</v>
      </c>
      <c r="E13" s="43" t="s">
        <v>170</v>
      </c>
    </row>
    <row r="14" spans="1:5" ht="14.4" x14ac:dyDescent="0.2">
      <c r="A14" s="42">
        <v>12</v>
      </c>
      <c r="B14" s="43" t="s">
        <v>171</v>
      </c>
      <c r="D14" s="42">
        <v>204</v>
      </c>
      <c r="E14" s="43" t="s">
        <v>172</v>
      </c>
    </row>
    <row r="15" spans="1:5" ht="14.4" x14ac:dyDescent="0.2">
      <c r="A15" s="42">
        <v>13</v>
      </c>
      <c r="B15" s="43" t="s">
        <v>173</v>
      </c>
      <c r="D15" s="42">
        <v>299</v>
      </c>
      <c r="E15" s="43" t="s">
        <v>174</v>
      </c>
    </row>
    <row r="16" spans="1:5" ht="14.4" x14ac:dyDescent="0.2">
      <c r="A16" s="42">
        <v>14</v>
      </c>
      <c r="B16" s="43" t="s">
        <v>175</v>
      </c>
    </row>
    <row r="17" spans="1:5" ht="14.4" x14ac:dyDescent="0.2">
      <c r="A17" s="42">
        <v>15</v>
      </c>
      <c r="B17" s="43" t="s">
        <v>176</v>
      </c>
      <c r="D17" s="45" t="s">
        <v>177</v>
      </c>
      <c r="E17" s="45"/>
    </row>
    <row r="18" spans="1:5" ht="14.4" x14ac:dyDescent="0.2">
      <c r="A18" s="42">
        <v>16</v>
      </c>
      <c r="B18" s="43" t="s">
        <v>178</v>
      </c>
      <c r="D18" s="42">
        <v>301</v>
      </c>
      <c r="E18" s="43" t="s">
        <v>179</v>
      </c>
    </row>
    <row r="19" spans="1:5" ht="14.4" x14ac:dyDescent="0.2">
      <c r="A19" s="42">
        <v>17</v>
      </c>
      <c r="B19" s="43" t="s">
        <v>180</v>
      </c>
      <c r="D19" s="42">
        <v>302</v>
      </c>
      <c r="E19" s="43" t="s">
        <v>181</v>
      </c>
    </row>
    <row r="20" spans="1:5" ht="14.4" x14ac:dyDescent="0.2">
      <c r="A20" s="42">
        <v>18</v>
      </c>
      <c r="B20" s="43" t="s">
        <v>182</v>
      </c>
      <c r="D20" s="42">
        <v>303</v>
      </c>
      <c r="E20" s="43" t="s">
        <v>183</v>
      </c>
    </row>
    <row r="21" spans="1:5" ht="14.4" x14ac:dyDescent="0.2">
      <c r="A21" s="42">
        <v>19</v>
      </c>
      <c r="B21" s="43" t="s">
        <v>243</v>
      </c>
      <c r="D21" s="42">
        <v>304</v>
      </c>
      <c r="E21" s="43" t="s">
        <v>184</v>
      </c>
    </row>
    <row r="22" spans="1:5" ht="14.4" x14ac:dyDescent="0.2">
      <c r="A22" s="42">
        <v>20</v>
      </c>
      <c r="B22" s="43" t="s">
        <v>185</v>
      </c>
      <c r="D22" s="42">
        <v>305</v>
      </c>
      <c r="E22" s="43" t="s">
        <v>186</v>
      </c>
    </row>
    <row r="23" spans="1:5" ht="14.4" x14ac:dyDescent="0.2">
      <c r="A23" s="42">
        <v>21</v>
      </c>
      <c r="B23" s="43" t="s">
        <v>187</v>
      </c>
      <c r="D23" s="42">
        <v>306</v>
      </c>
      <c r="E23" s="43" t="s">
        <v>188</v>
      </c>
    </row>
    <row r="24" spans="1:5" ht="14.4" x14ac:dyDescent="0.2">
      <c r="A24" s="42">
        <v>22</v>
      </c>
      <c r="B24" s="43" t="s">
        <v>189</v>
      </c>
      <c r="D24" s="42">
        <v>307</v>
      </c>
      <c r="E24" s="43" t="s">
        <v>190</v>
      </c>
    </row>
    <row r="25" spans="1:5" ht="14.4" x14ac:dyDescent="0.2">
      <c r="A25" s="42">
        <v>23</v>
      </c>
      <c r="B25" s="43" t="s">
        <v>191</v>
      </c>
      <c r="D25" s="42">
        <v>308</v>
      </c>
      <c r="E25" s="43" t="s">
        <v>192</v>
      </c>
    </row>
    <row r="26" spans="1:5" ht="14.4" x14ac:dyDescent="0.2">
      <c r="A26" s="42">
        <v>24</v>
      </c>
      <c r="B26" s="43" t="s">
        <v>193</v>
      </c>
      <c r="D26" s="42">
        <v>309</v>
      </c>
      <c r="E26" s="43" t="s">
        <v>194</v>
      </c>
    </row>
    <row r="27" spans="1:5" ht="14.4" x14ac:dyDescent="0.2">
      <c r="A27" s="42">
        <v>25</v>
      </c>
      <c r="B27" s="43" t="s">
        <v>195</v>
      </c>
      <c r="D27" s="42">
        <v>399</v>
      </c>
      <c r="E27" s="43" t="s">
        <v>196</v>
      </c>
    </row>
    <row r="28" spans="1:5" ht="14.4" x14ac:dyDescent="0.2">
      <c r="A28" s="42">
        <v>26</v>
      </c>
      <c r="B28" s="43" t="s">
        <v>197</v>
      </c>
    </row>
    <row r="29" spans="1:5" ht="14.4" x14ac:dyDescent="0.2">
      <c r="A29" s="42">
        <v>27</v>
      </c>
      <c r="B29" s="43" t="s">
        <v>198</v>
      </c>
      <c r="D29" s="45" t="s">
        <v>199</v>
      </c>
      <c r="E29" s="45"/>
    </row>
    <row r="30" spans="1:5" ht="14.4" x14ac:dyDescent="0.2">
      <c r="A30" s="42">
        <v>28</v>
      </c>
      <c r="B30" s="43" t="s">
        <v>200</v>
      </c>
      <c r="D30" s="42">
        <v>401</v>
      </c>
      <c r="E30" s="43" t="s">
        <v>201</v>
      </c>
    </row>
    <row r="31" spans="1:5" ht="14.4" x14ac:dyDescent="0.2">
      <c r="A31" s="42">
        <v>29</v>
      </c>
      <c r="B31" s="43" t="s">
        <v>202</v>
      </c>
      <c r="D31" s="42">
        <v>402</v>
      </c>
      <c r="E31" s="43" t="s">
        <v>203</v>
      </c>
    </row>
    <row r="32" spans="1:5" ht="14.4" x14ac:dyDescent="0.2">
      <c r="A32" s="42">
        <v>30</v>
      </c>
      <c r="B32" s="43" t="s">
        <v>204</v>
      </c>
      <c r="D32" s="42">
        <v>403</v>
      </c>
      <c r="E32" s="43" t="s">
        <v>205</v>
      </c>
    </row>
    <row r="33" spans="1:5" ht="14.4" x14ac:dyDescent="0.2">
      <c r="A33" s="42">
        <v>31</v>
      </c>
      <c r="B33" s="43" t="s">
        <v>206</v>
      </c>
      <c r="D33" s="42">
        <v>404</v>
      </c>
      <c r="E33" s="43" t="s">
        <v>207</v>
      </c>
    </row>
    <row r="34" spans="1:5" ht="14.4" x14ac:dyDescent="0.2">
      <c r="A34" s="42">
        <v>32</v>
      </c>
      <c r="B34" s="43" t="s">
        <v>208</v>
      </c>
      <c r="D34" s="42">
        <v>405</v>
      </c>
      <c r="E34" s="43" t="s">
        <v>209</v>
      </c>
    </row>
    <row r="35" spans="1:5" ht="14.4" x14ac:dyDescent="0.2">
      <c r="A35" s="42">
        <v>33</v>
      </c>
      <c r="B35" s="43" t="s">
        <v>210</v>
      </c>
      <c r="D35" s="42">
        <v>406</v>
      </c>
      <c r="E35" s="43" t="s">
        <v>211</v>
      </c>
    </row>
    <row r="36" spans="1:5" ht="14.4" x14ac:dyDescent="0.2">
      <c r="A36" s="42">
        <v>34</v>
      </c>
      <c r="B36" s="43" t="s">
        <v>212</v>
      </c>
      <c r="D36" s="42">
        <v>407</v>
      </c>
      <c r="E36" s="43" t="s">
        <v>213</v>
      </c>
    </row>
    <row r="37" spans="1:5" ht="14.4" x14ac:dyDescent="0.2">
      <c r="A37" s="42">
        <v>35</v>
      </c>
      <c r="B37" s="43" t="s">
        <v>214</v>
      </c>
      <c r="D37" s="42">
        <v>408</v>
      </c>
      <c r="E37" s="43" t="s">
        <v>215</v>
      </c>
    </row>
    <row r="38" spans="1:5" ht="14.4" x14ac:dyDescent="0.2">
      <c r="A38" s="42">
        <v>36</v>
      </c>
      <c r="B38" s="43" t="s">
        <v>216</v>
      </c>
      <c r="D38" s="42">
        <v>499</v>
      </c>
      <c r="E38" s="43" t="s">
        <v>217</v>
      </c>
    </row>
    <row r="39" spans="1:5" ht="14.4" x14ac:dyDescent="0.2">
      <c r="A39" s="42">
        <v>37</v>
      </c>
      <c r="B39" s="43" t="s">
        <v>218</v>
      </c>
    </row>
    <row r="40" spans="1:5" ht="14.4" x14ac:dyDescent="0.2">
      <c r="A40" s="42">
        <v>38</v>
      </c>
      <c r="B40" s="43" t="s">
        <v>219</v>
      </c>
      <c r="D40" s="45" t="s">
        <v>220</v>
      </c>
      <c r="E40" s="45"/>
    </row>
    <row r="41" spans="1:5" ht="14.4" x14ac:dyDescent="0.2">
      <c r="A41" s="42">
        <v>39</v>
      </c>
      <c r="B41" s="43" t="s">
        <v>221</v>
      </c>
      <c r="D41" s="42">
        <v>501</v>
      </c>
      <c r="E41" s="43" t="s">
        <v>222</v>
      </c>
    </row>
    <row r="42" spans="1:5" ht="14.4" x14ac:dyDescent="0.2">
      <c r="A42" s="42">
        <v>40</v>
      </c>
      <c r="B42" s="43" t="s">
        <v>223</v>
      </c>
      <c r="D42" s="42">
        <v>502</v>
      </c>
      <c r="E42" s="43" t="s">
        <v>224</v>
      </c>
    </row>
    <row r="43" spans="1:5" ht="14.4" x14ac:dyDescent="0.2">
      <c r="A43" s="42">
        <v>41</v>
      </c>
      <c r="B43" s="43" t="s">
        <v>225</v>
      </c>
      <c r="D43" s="42">
        <v>503</v>
      </c>
      <c r="E43" s="43" t="s">
        <v>226</v>
      </c>
    </row>
    <row r="44" spans="1:5" ht="14.4" x14ac:dyDescent="0.2">
      <c r="A44" s="42">
        <v>42</v>
      </c>
      <c r="B44" s="43" t="s">
        <v>227</v>
      </c>
      <c r="D44" s="42">
        <v>504</v>
      </c>
      <c r="E44" s="43" t="s">
        <v>228</v>
      </c>
    </row>
    <row r="45" spans="1:5" ht="14.4" x14ac:dyDescent="0.2">
      <c r="A45" s="42">
        <v>43</v>
      </c>
      <c r="B45" s="43" t="s">
        <v>229</v>
      </c>
      <c r="D45" s="42">
        <v>599</v>
      </c>
      <c r="E45" s="43" t="s">
        <v>230</v>
      </c>
    </row>
    <row r="46" spans="1:5" ht="14.4" x14ac:dyDescent="0.2">
      <c r="A46" s="42">
        <v>44</v>
      </c>
      <c r="B46" s="43" t="s">
        <v>231</v>
      </c>
    </row>
    <row r="47" spans="1:5" ht="14.4" x14ac:dyDescent="0.2">
      <c r="A47" s="42">
        <v>45</v>
      </c>
      <c r="B47" s="43" t="s">
        <v>232</v>
      </c>
      <c r="D47" s="45" t="s">
        <v>233</v>
      </c>
      <c r="E47" s="45"/>
    </row>
    <row r="48" spans="1:5" ht="14.4" x14ac:dyDescent="0.2">
      <c r="A48" s="42">
        <v>46</v>
      </c>
      <c r="B48" s="43" t="s">
        <v>234</v>
      </c>
      <c r="D48" s="42">
        <v>601</v>
      </c>
      <c r="E48" s="43" t="s">
        <v>235</v>
      </c>
    </row>
    <row r="49" spans="1:5" ht="14.4" x14ac:dyDescent="0.2">
      <c r="A49" s="42">
        <v>47</v>
      </c>
      <c r="B49" s="43" t="s">
        <v>236</v>
      </c>
      <c r="D49" s="42">
        <v>602</v>
      </c>
      <c r="E49" s="43" t="s">
        <v>237</v>
      </c>
    </row>
    <row r="50" spans="1:5" ht="14.4" x14ac:dyDescent="0.2">
      <c r="A50" s="42">
        <v>48</v>
      </c>
      <c r="B50" s="43" t="s">
        <v>238</v>
      </c>
      <c r="D50" s="42">
        <v>699</v>
      </c>
      <c r="E50" s="43" t="s">
        <v>239</v>
      </c>
    </row>
    <row r="51" spans="1:5" ht="14.4" x14ac:dyDescent="0.2">
      <c r="A51" s="42">
        <v>49</v>
      </c>
      <c r="B51" s="43" t="s">
        <v>240</v>
      </c>
    </row>
    <row r="52" spans="1:5" ht="14.4" x14ac:dyDescent="0.2">
      <c r="A52" s="42">
        <v>99</v>
      </c>
      <c r="B52" s="43" t="s">
        <v>241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3"/>
  <hyperlinks>
    <hyperlink ref="B3" location="'年齢別・性別人口(01総曲輪)'!A1" display="総曲輪" xr:uid="{737B6F9D-8D9B-41B0-B5D3-7D0EE6ECCF32}"/>
    <hyperlink ref="B4" location="'年齢別・性別人口(02愛宕)'!A1" display="愛宕" xr:uid="{4F89FED6-6F53-4985-BEB2-EC40F7B33D9E}"/>
    <hyperlink ref="B5" location="'年齢別・性別人口(03安野屋)'!A1" display="安野屋" xr:uid="{870DE3C1-1815-4AB3-8744-5568D4D6BFED}"/>
    <hyperlink ref="B6" location="'年齢別・性別人口(04八人町)'!A1" display="八人町" xr:uid="{64B88CCA-5EDD-4395-AD48-9EC8632C3522}"/>
    <hyperlink ref="B7" location="'年齢別・性別人口(05五番町)'!A1" display="五番町" xr:uid="{F52DAE00-A932-4E11-8AB3-C394E91EE54C}"/>
    <hyperlink ref="B8" location="'年齢別・性別人口(06柳町)'!A1" display="柳町" xr:uid="{98C7AF8F-0DD1-47E5-9085-91B992A50BA4}"/>
    <hyperlink ref="B9" location="'年齢別・性別人口(07清水町)'!A1" display="清水町" xr:uid="{11D68EB5-96AD-4740-8E55-F14EB1347B2B}"/>
    <hyperlink ref="B10" location="'年齢別・性別人口(08星井町)'!A1" display="星井町" xr:uid="{723DDC29-0E1B-4734-A9D2-1062A9D81A87}"/>
    <hyperlink ref="B11" location="'年齢別・性別人口(09西田地方)'!A1" display="西田地方" xr:uid="{DD9CEB7D-D9BB-42F2-AF66-EDD1D5A54865}"/>
    <hyperlink ref="B12" location="'年齢別・性別人口(10堀川)'!A1" display="堀川" xr:uid="{C8A257AE-7C7F-4AFC-93CE-1F03695AB61C}"/>
    <hyperlink ref="B13" location="'年齢別・性別人口(11堀川南)'!A1" display="堀川南" xr:uid="{2A9F9F48-8595-4268-95ED-D43B31C83310}"/>
    <hyperlink ref="B14" location="'年齢別・性別人口(12東部)'!A1" display="東部" xr:uid="{4ACBFEDF-F19B-4CFE-A9BF-7497776531A5}"/>
    <hyperlink ref="B15" location="'年齢別・性別人口(13奥田)'!A1" display="奥田" xr:uid="{3F571170-FA8A-4A54-89CC-98EFDBEAAF06}"/>
    <hyperlink ref="B16" location="'年齢別・性別人口(14奥田北)'!A1" display="奥田北" xr:uid="{6355594E-97FD-493C-A279-6C993C3CA2D5}"/>
    <hyperlink ref="B18" location="'年齢別・性別人口(16五福)'!A1" display="五福" xr:uid="{62B1AFDC-7889-4DD6-8CB3-10C61FF8BA3B}"/>
    <hyperlink ref="B19" location="'年齢別・性別人口(17神明)'!A1" display="神明" xr:uid="{560B043B-0061-492D-87AF-D1406CBAC844}"/>
    <hyperlink ref="B20" location="'年齢別・性別人口(18岩瀬)'!A1" display="岩瀬" xr:uid="{67B6960A-41D6-4283-BC32-C37D7A4F784C}"/>
    <hyperlink ref="B21" location="'年齢別・性別人口(19萩浦)'!A1" display="荻浦" xr:uid="{A066EA7A-34DA-4596-B8F9-E158E0707415}"/>
    <hyperlink ref="B22" location="'年齢別・性別人口(20大広田)'!A1" display="大広田" xr:uid="{3B27A08E-05CA-4A93-9F57-970333FB2F6A}"/>
    <hyperlink ref="B23" location="'年齢別・性別人口(21浜黒崎)'!A1" display="浜黒崎" xr:uid="{E9FD6DBD-CE50-4918-B115-A22AC7440724}"/>
    <hyperlink ref="B24" location="'年齢別・性別人口(22針原)'!A1" display="針原" xr:uid="{A4E1BE49-5D1F-4CD8-89A8-8F236EE6329C}"/>
    <hyperlink ref="B25" location="'年齢別・性別人口(23豊田)'!A1" display="豊田" xr:uid="{242E0D55-ECCD-4DC6-B7A4-E72EC2749A6A}"/>
    <hyperlink ref="B26" location="'年齢別・性別人口(24広田)'!A1" display="広田" xr:uid="{9077C2BB-A395-411C-A61B-D69CF3AFC2B6}"/>
    <hyperlink ref="B27" location="'年齢別・性別人口(25新庄)'!A1" display="新庄" xr:uid="{C7375AF5-FDD4-4520-863E-ADC25FED6B73}"/>
    <hyperlink ref="B28" location="'年齢別・性別人口(26藤ノ木)'!A1" display="藤ノ木" xr:uid="{58E6277A-45A3-4664-8940-C7897BC9C7DD}"/>
    <hyperlink ref="B29" location="'年齢別・性別人口(27山室)'!A1" display="山室" xr:uid="{31E5938D-950F-4573-AE7A-3119AAC39D65}"/>
    <hyperlink ref="B30" location="'年齢別・性別人口(28山室中部)'!A1" display="山室中部" xr:uid="{D61F91C7-1FD4-4CF7-A8B1-A1242DBF2EC4}"/>
    <hyperlink ref="B31" location="'年齢別・性別人口(29太田)'!A1" display="太田" xr:uid="{0A40B261-2062-4610-8EC7-2DC4C3AA215E}"/>
    <hyperlink ref="B32" location="'年齢別・性別人口(30蜷川)'!A1" display="蜷川" xr:uid="{8FADAF13-0F64-4B33-9CF2-CE137231051D}"/>
    <hyperlink ref="B33" location="'年齢別・性別人口(31新保)'!A1" display="新保" xr:uid="{2586E0F0-49E4-48B3-BE74-E27AB5D8A321}"/>
    <hyperlink ref="B34" location="'年齢別・性別人口(32熊野)'!A1" display="熊野" xr:uid="{510DB96C-4343-4B86-90AD-D7690FE2138C}"/>
    <hyperlink ref="B35" location="'年齢別・性別人口(33月岡)'!A1" display="月岡" xr:uid="{A781A33A-4ECD-48B6-AA5A-A368EC74DCA2}"/>
    <hyperlink ref="B36" location="'年齢別・性別人口(34四方)'!A1" display="四方" xr:uid="{3EC4B1F6-D2A9-44C6-A7F6-C576E3C8587E}"/>
    <hyperlink ref="B37" location="'年齢別・性別人口(35八幡)'!A1" display="八幡" xr:uid="{35E68400-72F4-4FCA-A473-4B5082570C99}"/>
    <hyperlink ref="B38" location="'年齢別・性別人口(36草島)'!A1" display="草島" xr:uid="{59796909-6262-474F-AB1A-84B9D2D2EF2B}"/>
    <hyperlink ref="B39" location="'年齢別・性別人口(37倉垣)'!A1" display="倉垣" xr:uid="{C73F69F0-FD32-4392-AAB4-FF27BC6C26B3}"/>
    <hyperlink ref="B40" location="'年齢別・性別人口(38呉羽)'!A1" display="呉羽" xr:uid="{91502BC0-A3F7-4AD6-AD6E-BEA250B933CD}"/>
    <hyperlink ref="B41" location="'年齢別・性別人口(39長岡)'!A1" display="長岡" xr:uid="{B2C78FB6-FE27-4F98-9A57-5F7A5FE132CD}"/>
    <hyperlink ref="B42" location="'年齢別・性別人口(40寒江)'!A1" display="寒江" xr:uid="{0DFCDDF6-239D-463F-9862-62BD83525650}"/>
    <hyperlink ref="B43" location="'年齢別・性別人口(41古沢)'!A1" display="古沢" xr:uid="{E15C5B3E-E2F4-47B7-8FC5-5A6C2049D853}"/>
    <hyperlink ref="B44" location="'年齢別・性別人口(42老田)'!A1" display="老田" xr:uid="{DA8A77B0-7315-460D-BD27-E98996035394}"/>
    <hyperlink ref="B45" location="'年齢別・性別人口(43池多)'!A1" display="池多" xr:uid="{1CD6E89B-1D00-4AEE-896C-783D0D78400A}"/>
    <hyperlink ref="B46" location="'年齢別・性別人口(44水橋中部)'!A1" display="水橋中部" xr:uid="{51B958FB-50BA-4C6A-B543-207FE1D97BA7}"/>
    <hyperlink ref="B47" location="'年齢別・性別人口(45水橋西部)'!A1" display="水橋西部" xr:uid="{3A19B1CC-69F1-4A00-898A-31C3E9E3A8A6}"/>
    <hyperlink ref="B48" location="'年齢別・性別人口(46水橋東部)'!A1" display="水橋東部" xr:uid="{7A244A56-372D-4A39-B889-289C6073AA81}"/>
    <hyperlink ref="B49" location="'年齢別・性別人口(47三郷)'!A1" display="三郷" xr:uid="{4CC8BFA4-8261-418F-9DA8-BDFA70EA95C4}"/>
    <hyperlink ref="B50" location="'年齢別・性別人口(48上条)'!A1" display="上条" xr:uid="{4861324C-6490-474F-85D1-8D2DB53E5C41}"/>
    <hyperlink ref="B51" location="'年齢別・性別人口(49光陽)'!A1" display="光陽" xr:uid="{D7837EB6-500E-4E0C-8E55-6651659B2161}"/>
    <hyperlink ref="B52" location="'年齢別・性別人口(0099富山地域）'!A1" display="富山地域（合計）" xr:uid="{9AF6B37A-D4F2-4EB0-89CA-1C14985F95A4}"/>
    <hyperlink ref="E3" location="'年齢別・性別人口(0101下タ)'!A1" display="下夕" xr:uid="{C2798A29-06E5-46CE-AFBE-0D51C2B3FBB6}"/>
    <hyperlink ref="E4" location="'年齢別・性別人口(0102小羽)'!A1" display="小羽" xr:uid="{4BA5312E-14D9-4789-92CD-62122F31E761}"/>
    <hyperlink ref="E5" location="'年齢別・性別人口(0103船峅)'!A1" display="船峅" xr:uid="{BBAC2314-C232-42DB-BEF3-99582D683FEB}"/>
    <hyperlink ref="E6" location="'年齢別・性別人口(0104大沢野)'!A1" display="大沢野" xr:uid="{A82B3D7E-AE50-4EC3-8B62-97D1428675F8}"/>
    <hyperlink ref="E7" location="'年齢別・性別人口(0105大久保)'!A1" display="大久保" xr:uid="{D8C85855-B173-4142-8BDE-E54A47CE81A5}"/>
    <hyperlink ref="E8" location="'年齢別・性別人口(0199大沢野地域)'!A1" display="大沢野地域（合計）" xr:uid="{81213A2B-78A1-4F98-ABE0-0334C8DFFAD8}"/>
    <hyperlink ref="E11" location="'年齢別・性別人口(0201上滝)'!A1" display="上滝" xr:uid="{92B5E237-6459-424B-9FF7-3ADBF8744850}"/>
    <hyperlink ref="E12" location="'年齢別・性別人口(0202大山)'!A1" display="大山" xr:uid="{1DA13698-BDAB-4FCC-A636-551C5B701006}"/>
    <hyperlink ref="E13" location="'年齢別・性別人口(0203大庄)'!A1" display="大庄" xr:uid="{D14162A4-64DB-4779-A593-E3C78B1B8A76}"/>
    <hyperlink ref="E14" location="'年齢別・性別人口(0204福沢)'!A1" display="福沢" xr:uid="{4AF2D3ED-86F0-45D1-A140-B286D79881DD}"/>
    <hyperlink ref="E15" location="'年齢別・性別人口(0299大山地域)'!A1" display="大山地域（合計）" xr:uid="{25DB5075-E0B6-40AB-814C-FC3466CDB32B}"/>
    <hyperlink ref="E18" location="'年齢別・性別人口(0301八尾)'!A1" display="八尾" xr:uid="{D6DBE04E-BAAF-43FB-A102-2A6E80F01AA8}"/>
    <hyperlink ref="E19" location="'年齢別・性別人口(0302保内)'!A1" display="保内" xr:uid="{F9AD803A-72A6-420E-9142-F315695D8EC0}"/>
    <hyperlink ref="E20" location="'年齢別・性別人口(0303杉原)'!A1" display="杉原" xr:uid="{7728C523-CE0B-4E88-B495-52EFFCAB11DF}"/>
    <hyperlink ref="E21" location="'年齢別・性別人口(0304卯花)'!A1" display="卯花" xr:uid="{FA7B855D-7F6D-4540-A8E6-B1D4BA9ADE4C}"/>
    <hyperlink ref="E22" location="'年齢別・性別人口(0305室牧)'!A1" display="室牧" xr:uid="{D58B1D77-3C4E-4D20-B417-FC2135195088}"/>
    <hyperlink ref="E23" location="'年齢別・性別人口(0306黒瀬谷)'!A1" display="黒瀬谷" xr:uid="{5ED5FFBC-E80F-45E4-8712-B520A119EF4D}"/>
    <hyperlink ref="E24" location="'年齢別・性別人口(0307野積)'!A1" display="野積" xr:uid="{1346E56A-A542-431F-98F8-B8FA34E27348}"/>
    <hyperlink ref="E25" location="'年齢別・性別人口(0308仁歩)'!A1" display="仁歩" xr:uid="{FA9813C8-4E3E-4205-8B15-A1EFE68D9F8F}"/>
    <hyperlink ref="E26" location="'年齢別・性別人口(0309大長谷)'!A1" display="大長谷" xr:uid="{E5A03C03-74E9-4D7A-8396-8AE0575DD092}"/>
    <hyperlink ref="E27" location="'年齢別・性別人口(0399八尾地域)'!A1" display="八尾地域（合計）" xr:uid="{77D1F2D7-0F71-49CC-91BF-9C6F8A81C12C}"/>
    <hyperlink ref="E30" location="'年齢別・性別人口(0401速星)'!A1" display="速星" xr:uid="{A43B36B5-E121-4844-94BD-780447D6493A}"/>
    <hyperlink ref="E31" location="'年齢別・性別人口(0402鵜坂)'!A1" display="鵜坂" xr:uid="{DFED0012-33CA-42B5-8406-C9EC58A5CDCC}"/>
    <hyperlink ref="E32" location="'年齢別・性別人口(0403朝日)'!A1" display="朝日" xr:uid="{A81B1606-7D73-4DDF-9C77-047940B71496}"/>
    <hyperlink ref="E33" location="'年齢別・性別人口(0404宮川)'!A1" display="宮川" xr:uid="{D27C75FC-8266-4439-ABA3-EC776B6AAE9B}"/>
    <hyperlink ref="E34" location="'年齢別・性別人口(0405婦中熊野)'!A1" display="婦中熊野" xr:uid="{E6E54445-9A87-4968-B695-28F91EE3840B}"/>
    <hyperlink ref="E35" location="'年齢別・性別人口(0406古里)'!A1" display="古里" xr:uid="{6EEA1486-38FD-4549-87F2-A94691D4B2A8}"/>
    <hyperlink ref="E36" location="'年齢別・性別人口(0407音川)'!A1" display="音川" xr:uid="{84571969-2E02-4852-B441-550DB3D0A30A}"/>
    <hyperlink ref="E37" location="'年齢別・性別人口(0408神保)'!A1" display="神保" xr:uid="{A404569F-DC2A-467E-9CFD-F581C99052BD}"/>
    <hyperlink ref="E38" location="'年齢別・性別人口(0499婦中地域)'!A1" display="婦中地域（合計）" xr:uid="{ECFBC8A0-5E40-48EC-A82C-D01E1CB12856}"/>
    <hyperlink ref="E41" location="'年齢別・性別人口(0501山田南部)'!A1" display="山田南部" xr:uid="{44795437-C14E-412C-9383-4777B17DC757}"/>
    <hyperlink ref="E42" location="'年齢別・性別人口(0502山田中部)'!A1" display="山田中部" xr:uid="{605AA288-F96A-4489-9441-E7D7BE6C90EE}"/>
    <hyperlink ref="E43" location="'年齢別・性別人口(0503山田西部)'!A1" display="山田西部" xr:uid="{B0C748D8-F4D4-465C-A058-79D7AD986228}"/>
    <hyperlink ref="E44" location="'年齢別・性別人口(0504山田東部)'!A1" display="山田東部" xr:uid="{1FC5411F-4154-4EEB-9AA5-1B0E61AF4612}"/>
    <hyperlink ref="E45" location="'年齢別・性別人口(0599山田地域)'!A1" display="山田地域（合計）" xr:uid="{DD1DE0B4-7BD0-4055-8436-020281A60A58}"/>
    <hyperlink ref="E48" location="'年齢別・性別人口(0601細入北部)'!A1" display="細入北部" xr:uid="{9450FA12-E53A-4B6F-835E-2C05E313FE3F}"/>
    <hyperlink ref="E49" location="'年齢別・性別人口(0602細入南部)'!A1" display="細入南部" xr:uid="{C2825A3A-3DC5-40C9-93AD-4DF4213CF65C}"/>
    <hyperlink ref="E50" location="'年齢別・性別人口(0699細入地域)'!A1" display="細入地域（合計）" xr:uid="{4F8943CF-35DF-4B52-AD57-61A69321E2AF}"/>
    <hyperlink ref="B17" location="'年齢別・性別人口(15桜谷)'!A1" display="桜谷" xr:uid="{56B75ECB-D891-46E3-AF03-4FB30E343147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5</v>
      </c>
      <c r="C5" s="12">
        <v>17</v>
      </c>
      <c r="D5" s="13">
        <v>52</v>
      </c>
    </row>
    <row r="6" spans="1:4" ht="18" customHeight="1" x14ac:dyDescent="0.2">
      <c r="A6" s="14">
        <v>1</v>
      </c>
      <c r="B6" s="15">
        <v>21</v>
      </c>
      <c r="C6" s="16">
        <v>30</v>
      </c>
      <c r="D6" s="17">
        <v>51</v>
      </c>
    </row>
    <row r="7" spans="1:4" ht="18" customHeight="1" x14ac:dyDescent="0.2">
      <c r="A7" s="14">
        <v>2</v>
      </c>
      <c r="B7" s="15">
        <v>29</v>
      </c>
      <c r="C7" s="16">
        <v>27</v>
      </c>
      <c r="D7" s="17">
        <v>56</v>
      </c>
    </row>
    <row r="8" spans="1:4" ht="18" customHeight="1" x14ac:dyDescent="0.2">
      <c r="A8" s="14">
        <v>3</v>
      </c>
      <c r="B8" s="15">
        <v>24</v>
      </c>
      <c r="C8" s="16">
        <v>22</v>
      </c>
      <c r="D8" s="17">
        <v>46</v>
      </c>
    </row>
    <row r="9" spans="1:4" ht="18" customHeight="1" x14ac:dyDescent="0.2">
      <c r="A9" s="14">
        <v>4</v>
      </c>
      <c r="B9" s="15">
        <v>18</v>
      </c>
      <c r="C9" s="16">
        <v>30</v>
      </c>
      <c r="D9" s="17">
        <v>48</v>
      </c>
    </row>
    <row r="10" spans="1:4" ht="18" customHeight="1" x14ac:dyDescent="0.2">
      <c r="A10" s="18" t="s">
        <v>66</v>
      </c>
      <c r="B10" s="15">
        <v>127</v>
      </c>
      <c r="C10" s="16">
        <v>126</v>
      </c>
      <c r="D10" s="17">
        <v>253</v>
      </c>
    </row>
    <row r="11" spans="1:4" ht="18" customHeight="1" x14ac:dyDescent="0.2">
      <c r="A11" s="14">
        <v>5</v>
      </c>
      <c r="B11" s="15">
        <v>27</v>
      </c>
      <c r="C11" s="16">
        <v>31</v>
      </c>
      <c r="D11" s="17">
        <v>58</v>
      </c>
    </row>
    <row r="12" spans="1:4" ht="18" customHeight="1" x14ac:dyDescent="0.2">
      <c r="A12" s="14">
        <v>6</v>
      </c>
      <c r="B12" s="15">
        <v>27</v>
      </c>
      <c r="C12" s="16">
        <v>31</v>
      </c>
      <c r="D12" s="17">
        <v>58</v>
      </c>
    </row>
    <row r="13" spans="1:4" ht="18" customHeight="1" x14ac:dyDescent="0.2">
      <c r="A13" s="14">
        <v>7</v>
      </c>
      <c r="B13" s="15">
        <v>27</v>
      </c>
      <c r="C13" s="16">
        <v>22</v>
      </c>
      <c r="D13" s="17">
        <v>49</v>
      </c>
    </row>
    <row r="14" spans="1:4" ht="18" customHeight="1" x14ac:dyDescent="0.2">
      <c r="A14" s="14">
        <v>8</v>
      </c>
      <c r="B14" s="15">
        <v>25</v>
      </c>
      <c r="C14" s="16">
        <v>20</v>
      </c>
      <c r="D14" s="17">
        <v>45</v>
      </c>
    </row>
    <row r="15" spans="1:4" ht="18" customHeight="1" x14ac:dyDescent="0.2">
      <c r="A15" s="14">
        <v>9</v>
      </c>
      <c r="B15" s="15">
        <v>34</v>
      </c>
      <c r="C15" s="16">
        <v>26</v>
      </c>
      <c r="D15" s="17">
        <v>60</v>
      </c>
    </row>
    <row r="16" spans="1:4" ht="18" customHeight="1" x14ac:dyDescent="0.2">
      <c r="A16" s="18" t="s">
        <v>67</v>
      </c>
      <c r="B16" s="15">
        <v>140</v>
      </c>
      <c r="C16" s="16">
        <v>130</v>
      </c>
      <c r="D16" s="17">
        <v>270</v>
      </c>
    </row>
    <row r="17" spans="1:4" ht="18" customHeight="1" x14ac:dyDescent="0.2">
      <c r="A17" s="14">
        <v>10</v>
      </c>
      <c r="B17" s="15">
        <v>37</v>
      </c>
      <c r="C17" s="16">
        <v>23</v>
      </c>
      <c r="D17" s="17">
        <v>60</v>
      </c>
    </row>
    <row r="18" spans="1:4" ht="18" customHeight="1" x14ac:dyDescent="0.2">
      <c r="A18" s="14">
        <v>11</v>
      </c>
      <c r="B18" s="15">
        <v>27</v>
      </c>
      <c r="C18" s="16">
        <v>20</v>
      </c>
      <c r="D18" s="17">
        <v>47</v>
      </c>
    </row>
    <row r="19" spans="1:4" ht="18" customHeight="1" x14ac:dyDescent="0.2">
      <c r="A19" s="14">
        <v>12</v>
      </c>
      <c r="B19" s="15">
        <v>32</v>
      </c>
      <c r="C19" s="16">
        <v>35</v>
      </c>
      <c r="D19" s="17">
        <v>67</v>
      </c>
    </row>
    <row r="20" spans="1:4" ht="18" customHeight="1" x14ac:dyDescent="0.2">
      <c r="A20" s="14">
        <v>13</v>
      </c>
      <c r="B20" s="15">
        <v>37</v>
      </c>
      <c r="C20" s="16">
        <v>23</v>
      </c>
      <c r="D20" s="17">
        <v>60</v>
      </c>
    </row>
    <row r="21" spans="1:4" ht="18" customHeight="1" x14ac:dyDescent="0.2">
      <c r="A21" s="14">
        <v>14</v>
      </c>
      <c r="B21" s="15">
        <v>28</v>
      </c>
      <c r="C21" s="16">
        <v>26</v>
      </c>
      <c r="D21" s="17">
        <v>54</v>
      </c>
    </row>
    <row r="22" spans="1:4" ht="18" customHeight="1" x14ac:dyDescent="0.2">
      <c r="A22" s="18" t="s">
        <v>68</v>
      </c>
      <c r="B22" s="15">
        <v>161</v>
      </c>
      <c r="C22" s="16">
        <v>127</v>
      </c>
      <c r="D22" s="17">
        <v>288</v>
      </c>
    </row>
    <row r="23" spans="1:4" ht="18" customHeight="1" x14ac:dyDescent="0.2">
      <c r="A23" s="18" t="s">
        <v>69</v>
      </c>
      <c r="B23" s="15">
        <v>428</v>
      </c>
      <c r="C23" s="16">
        <v>383</v>
      </c>
      <c r="D23" s="17">
        <v>811</v>
      </c>
    </row>
    <row r="24" spans="1:4" ht="18" customHeight="1" x14ac:dyDescent="0.2">
      <c r="A24" s="14">
        <v>15</v>
      </c>
      <c r="B24" s="15">
        <v>29</v>
      </c>
      <c r="C24" s="16">
        <v>25</v>
      </c>
      <c r="D24" s="17">
        <v>54</v>
      </c>
    </row>
    <row r="25" spans="1:4" ht="18" customHeight="1" x14ac:dyDescent="0.2">
      <c r="A25" s="14">
        <v>16</v>
      </c>
      <c r="B25" s="15">
        <v>32</v>
      </c>
      <c r="C25" s="16">
        <v>28</v>
      </c>
      <c r="D25" s="17">
        <v>60</v>
      </c>
    </row>
    <row r="26" spans="1:4" ht="18" customHeight="1" x14ac:dyDescent="0.2">
      <c r="A26" s="14">
        <v>17</v>
      </c>
      <c r="B26" s="15">
        <v>31</v>
      </c>
      <c r="C26" s="16">
        <v>32</v>
      </c>
      <c r="D26" s="17">
        <v>63</v>
      </c>
    </row>
    <row r="27" spans="1:4" ht="18" customHeight="1" x14ac:dyDescent="0.2">
      <c r="A27" s="14">
        <v>18</v>
      </c>
      <c r="B27" s="15">
        <v>22</v>
      </c>
      <c r="C27" s="16">
        <v>21</v>
      </c>
      <c r="D27" s="17">
        <v>43</v>
      </c>
    </row>
    <row r="28" spans="1:4" ht="18" customHeight="1" x14ac:dyDescent="0.2">
      <c r="A28" s="14">
        <v>19</v>
      </c>
      <c r="B28" s="15">
        <v>27</v>
      </c>
      <c r="C28" s="16">
        <v>30</v>
      </c>
      <c r="D28" s="17">
        <v>57</v>
      </c>
    </row>
    <row r="29" spans="1:4" ht="18" customHeight="1" x14ac:dyDescent="0.2">
      <c r="A29" s="18" t="s">
        <v>70</v>
      </c>
      <c r="B29" s="15">
        <v>141</v>
      </c>
      <c r="C29" s="16">
        <v>136</v>
      </c>
      <c r="D29" s="17">
        <v>277</v>
      </c>
    </row>
    <row r="30" spans="1:4" ht="18" customHeight="1" x14ac:dyDescent="0.2">
      <c r="A30" s="14">
        <v>20</v>
      </c>
      <c r="B30" s="15">
        <v>31</v>
      </c>
      <c r="C30" s="16">
        <v>25</v>
      </c>
      <c r="D30" s="17">
        <v>56</v>
      </c>
    </row>
    <row r="31" spans="1:4" ht="18" customHeight="1" x14ac:dyDescent="0.2">
      <c r="A31" s="14">
        <v>21</v>
      </c>
      <c r="B31" s="15">
        <v>19</v>
      </c>
      <c r="C31" s="16">
        <v>26</v>
      </c>
      <c r="D31" s="17">
        <v>45</v>
      </c>
    </row>
    <row r="32" spans="1:4" ht="18" customHeight="1" x14ac:dyDescent="0.2">
      <c r="A32" s="14">
        <v>22</v>
      </c>
      <c r="B32" s="15">
        <v>30</v>
      </c>
      <c r="C32" s="16">
        <v>39</v>
      </c>
      <c r="D32" s="17">
        <v>69</v>
      </c>
    </row>
    <row r="33" spans="1:4" ht="18" customHeight="1" x14ac:dyDescent="0.2">
      <c r="A33" s="14">
        <v>23</v>
      </c>
      <c r="B33" s="15">
        <v>29</v>
      </c>
      <c r="C33" s="16">
        <v>25</v>
      </c>
      <c r="D33" s="17">
        <v>54</v>
      </c>
    </row>
    <row r="34" spans="1:4" ht="18" customHeight="1" x14ac:dyDescent="0.2">
      <c r="A34" s="14">
        <v>24</v>
      </c>
      <c r="B34" s="15">
        <v>31</v>
      </c>
      <c r="C34" s="16">
        <v>31</v>
      </c>
      <c r="D34" s="17">
        <v>62</v>
      </c>
    </row>
    <row r="35" spans="1:4" ht="18" customHeight="1" x14ac:dyDescent="0.2">
      <c r="A35" s="18" t="s">
        <v>71</v>
      </c>
      <c r="B35" s="15">
        <v>140</v>
      </c>
      <c r="C35" s="16">
        <v>146</v>
      </c>
      <c r="D35" s="17">
        <v>286</v>
      </c>
    </row>
    <row r="36" spans="1:4" ht="18" customHeight="1" x14ac:dyDescent="0.2">
      <c r="A36" s="14">
        <v>25</v>
      </c>
      <c r="B36" s="15">
        <v>38</v>
      </c>
      <c r="C36" s="16">
        <v>31</v>
      </c>
      <c r="D36" s="17">
        <v>69</v>
      </c>
    </row>
    <row r="37" spans="1:4" ht="18" customHeight="1" x14ac:dyDescent="0.2">
      <c r="A37" s="14">
        <v>26</v>
      </c>
      <c r="B37" s="15">
        <v>40</v>
      </c>
      <c r="C37" s="16">
        <v>24</v>
      </c>
      <c r="D37" s="17">
        <v>64</v>
      </c>
    </row>
    <row r="38" spans="1:4" ht="18" customHeight="1" x14ac:dyDescent="0.2">
      <c r="A38" s="14">
        <v>27</v>
      </c>
      <c r="B38" s="15">
        <v>43</v>
      </c>
      <c r="C38" s="16">
        <v>31</v>
      </c>
      <c r="D38" s="17">
        <v>74</v>
      </c>
    </row>
    <row r="39" spans="1:4" ht="18" customHeight="1" x14ac:dyDescent="0.2">
      <c r="A39" s="14">
        <v>28</v>
      </c>
      <c r="B39" s="15">
        <v>41</v>
      </c>
      <c r="C39" s="16">
        <v>31</v>
      </c>
      <c r="D39" s="17">
        <v>72</v>
      </c>
    </row>
    <row r="40" spans="1:4" ht="18" customHeight="1" x14ac:dyDescent="0.2">
      <c r="A40" s="14">
        <v>29</v>
      </c>
      <c r="B40" s="15">
        <v>36</v>
      </c>
      <c r="C40" s="16">
        <v>38</v>
      </c>
      <c r="D40" s="17">
        <v>74</v>
      </c>
    </row>
    <row r="41" spans="1:4" ht="18" customHeight="1" x14ac:dyDescent="0.2">
      <c r="A41" s="18" t="s">
        <v>72</v>
      </c>
      <c r="B41" s="15">
        <v>198</v>
      </c>
      <c r="C41" s="16">
        <v>155</v>
      </c>
      <c r="D41" s="17">
        <v>353</v>
      </c>
    </row>
    <row r="42" spans="1:4" ht="18" customHeight="1" x14ac:dyDescent="0.2">
      <c r="A42" s="14">
        <v>30</v>
      </c>
      <c r="B42" s="15">
        <v>27</v>
      </c>
      <c r="C42" s="16">
        <v>38</v>
      </c>
      <c r="D42" s="17">
        <v>65</v>
      </c>
    </row>
    <row r="43" spans="1:4" ht="18" customHeight="1" x14ac:dyDescent="0.2">
      <c r="A43" s="14">
        <v>31</v>
      </c>
      <c r="B43" s="15">
        <v>37</v>
      </c>
      <c r="C43" s="16">
        <v>47</v>
      </c>
      <c r="D43" s="17">
        <v>84</v>
      </c>
    </row>
    <row r="44" spans="1:4" ht="18" customHeight="1" x14ac:dyDescent="0.2">
      <c r="A44" s="14">
        <v>32</v>
      </c>
      <c r="B44" s="15">
        <v>36</v>
      </c>
      <c r="C44" s="16">
        <v>38</v>
      </c>
      <c r="D44" s="17">
        <v>74</v>
      </c>
    </row>
    <row r="45" spans="1:4" ht="18" customHeight="1" x14ac:dyDescent="0.2">
      <c r="A45" s="14">
        <v>33</v>
      </c>
      <c r="B45" s="15">
        <v>38</v>
      </c>
      <c r="C45" s="16">
        <v>38</v>
      </c>
      <c r="D45" s="17">
        <v>76</v>
      </c>
    </row>
    <row r="46" spans="1:4" ht="18" customHeight="1" x14ac:dyDescent="0.2">
      <c r="A46" s="14">
        <v>34</v>
      </c>
      <c r="B46" s="15">
        <v>48</v>
      </c>
      <c r="C46" s="16">
        <v>41</v>
      </c>
      <c r="D46" s="17">
        <v>89</v>
      </c>
    </row>
    <row r="47" spans="1:4" ht="18" customHeight="1" x14ac:dyDescent="0.2">
      <c r="A47" s="18" t="s">
        <v>73</v>
      </c>
      <c r="B47" s="15">
        <v>186</v>
      </c>
      <c r="C47" s="16">
        <v>202</v>
      </c>
      <c r="D47" s="17">
        <v>388</v>
      </c>
    </row>
    <row r="48" spans="1:4" ht="18" customHeight="1" x14ac:dyDescent="0.2">
      <c r="A48" s="14">
        <v>35</v>
      </c>
      <c r="B48" s="15">
        <v>61</v>
      </c>
      <c r="C48" s="16">
        <v>52</v>
      </c>
      <c r="D48" s="17">
        <v>113</v>
      </c>
    </row>
    <row r="49" spans="1:4" ht="18" customHeight="1" x14ac:dyDescent="0.2">
      <c r="A49" s="14">
        <v>36</v>
      </c>
      <c r="B49" s="15">
        <v>65</v>
      </c>
      <c r="C49" s="16">
        <v>48</v>
      </c>
      <c r="D49" s="17">
        <v>113</v>
      </c>
    </row>
    <row r="50" spans="1:4" ht="18" customHeight="1" x14ac:dyDescent="0.2">
      <c r="A50" s="14">
        <v>37</v>
      </c>
      <c r="B50" s="15">
        <v>49</v>
      </c>
      <c r="C50" s="16">
        <v>52</v>
      </c>
      <c r="D50" s="17">
        <v>101</v>
      </c>
    </row>
    <row r="51" spans="1:4" ht="18" customHeight="1" x14ac:dyDescent="0.2">
      <c r="A51" s="14">
        <v>38</v>
      </c>
      <c r="B51" s="15">
        <v>54</v>
      </c>
      <c r="C51" s="16">
        <v>50</v>
      </c>
      <c r="D51" s="17">
        <v>104</v>
      </c>
    </row>
    <row r="52" spans="1:4" ht="18" customHeight="1" x14ac:dyDescent="0.2">
      <c r="A52" s="14">
        <v>39</v>
      </c>
      <c r="B52" s="15">
        <v>59</v>
      </c>
      <c r="C52" s="16">
        <v>40</v>
      </c>
      <c r="D52" s="17">
        <v>99</v>
      </c>
    </row>
    <row r="53" spans="1:4" ht="18" customHeight="1" x14ac:dyDescent="0.2">
      <c r="A53" s="18" t="s">
        <v>74</v>
      </c>
      <c r="B53" s="15">
        <v>288</v>
      </c>
      <c r="C53" s="16">
        <v>242</v>
      </c>
      <c r="D53" s="17">
        <v>530</v>
      </c>
    </row>
    <row r="54" spans="1:4" ht="18" customHeight="1" x14ac:dyDescent="0.2">
      <c r="A54" s="14">
        <v>40</v>
      </c>
      <c r="B54" s="15">
        <v>52</v>
      </c>
      <c r="C54" s="16">
        <v>37</v>
      </c>
      <c r="D54" s="17">
        <v>89</v>
      </c>
    </row>
    <row r="55" spans="1:4" ht="18" customHeight="1" x14ac:dyDescent="0.2">
      <c r="A55" s="14">
        <v>41</v>
      </c>
      <c r="B55" s="15">
        <v>56</v>
      </c>
      <c r="C55" s="16">
        <v>51</v>
      </c>
      <c r="D55" s="17">
        <v>107</v>
      </c>
    </row>
    <row r="56" spans="1:4" ht="18" customHeight="1" x14ac:dyDescent="0.2">
      <c r="A56" s="14">
        <v>42</v>
      </c>
      <c r="B56" s="15">
        <v>34</v>
      </c>
      <c r="C56" s="16">
        <v>43</v>
      </c>
      <c r="D56" s="17">
        <v>77</v>
      </c>
    </row>
    <row r="57" spans="1:4" ht="18" customHeight="1" x14ac:dyDescent="0.2">
      <c r="A57" s="14">
        <v>43</v>
      </c>
      <c r="B57" s="15">
        <v>38</v>
      </c>
      <c r="C57" s="16">
        <v>42</v>
      </c>
      <c r="D57" s="17">
        <v>80</v>
      </c>
    </row>
    <row r="58" spans="1:4" ht="18" customHeight="1" x14ac:dyDescent="0.2">
      <c r="A58" s="14">
        <v>44</v>
      </c>
      <c r="B58" s="15">
        <v>36</v>
      </c>
      <c r="C58" s="16">
        <v>40</v>
      </c>
      <c r="D58" s="17">
        <v>76</v>
      </c>
    </row>
    <row r="59" spans="1:4" ht="18" customHeight="1" x14ac:dyDescent="0.2">
      <c r="A59" s="18" t="s">
        <v>75</v>
      </c>
      <c r="B59" s="15">
        <v>216</v>
      </c>
      <c r="C59" s="16">
        <v>213</v>
      </c>
      <c r="D59" s="17">
        <v>429</v>
      </c>
    </row>
    <row r="60" spans="1:4" ht="18" customHeight="1" x14ac:dyDescent="0.2">
      <c r="A60" s="14">
        <v>45</v>
      </c>
      <c r="B60" s="15">
        <v>41</v>
      </c>
      <c r="C60" s="16">
        <v>40</v>
      </c>
      <c r="D60" s="17">
        <v>81</v>
      </c>
    </row>
    <row r="61" spans="1:4" ht="18" customHeight="1" x14ac:dyDescent="0.2">
      <c r="A61" s="14">
        <v>46</v>
      </c>
      <c r="B61" s="15">
        <v>41</v>
      </c>
      <c r="C61" s="16">
        <v>43</v>
      </c>
      <c r="D61" s="17">
        <v>84</v>
      </c>
    </row>
    <row r="62" spans="1:4" ht="18" customHeight="1" x14ac:dyDescent="0.2">
      <c r="A62" s="14">
        <v>47</v>
      </c>
      <c r="B62" s="15">
        <v>38</v>
      </c>
      <c r="C62" s="16">
        <v>47</v>
      </c>
      <c r="D62" s="17">
        <v>85</v>
      </c>
    </row>
    <row r="63" spans="1:4" ht="18" customHeight="1" x14ac:dyDescent="0.2">
      <c r="A63" s="14">
        <v>48</v>
      </c>
      <c r="B63" s="15">
        <v>44</v>
      </c>
      <c r="C63" s="16">
        <v>40</v>
      </c>
      <c r="D63" s="17">
        <v>84</v>
      </c>
    </row>
    <row r="64" spans="1:4" ht="18" customHeight="1" x14ac:dyDescent="0.2">
      <c r="A64" s="14">
        <v>49</v>
      </c>
      <c r="B64" s="15">
        <v>35</v>
      </c>
      <c r="C64" s="16">
        <v>44</v>
      </c>
      <c r="D64" s="17">
        <v>79</v>
      </c>
    </row>
    <row r="65" spans="1:4" ht="18" customHeight="1" x14ac:dyDescent="0.2">
      <c r="A65" s="18" t="s">
        <v>76</v>
      </c>
      <c r="B65" s="15">
        <v>199</v>
      </c>
      <c r="C65" s="16">
        <v>214</v>
      </c>
      <c r="D65" s="17">
        <v>413</v>
      </c>
    </row>
    <row r="66" spans="1:4" ht="18" customHeight="1" x14ac:dyDescent="0.2">
      <c r="A66" s="14">
        <v>50</v>
      </c>
      <c r="B66" s="15">
        <v>37</v>
      </c>
      <c r="C66" s="16">
        <v>45</v>
      </c>
      <c r="D66" s="17">
        <v>82</v>
      </c>
    </row>
    <row r="67" spans="1:4" ht="18" customHeight="1" x14ac:dyDescent="0.2">
      <c r="A67" s="14">
        <v>51</v>
      </c>
      <c r="B67" s="15">
        <v>49</v>
      </c>
      <c r="C67" s="16">
        <v>34</v>
      </c>
      <c r="D67" s="17">
        <v>83</v>
      </c>
    </row>
    <row r="68" spans="1:4" ht="18" customHeight="1" x14ac:dyDescent="0.2">
      <c r="A68" s="14">
        <v>52</v>
      </c>
      <c r="B68" s="15">
        <v>45</v>
      </c>
      <c r="C68" s="16">
        <v>44</v>
      </c>
      <c r="D68" s="17">
        <v>89</v>
      </c>
    </row>
    <row r="69" spans="1:4" ht="18" customHeight="1" x14ac:dyDescent="0.2">
      <c r="A69" s="14">
        <v>53</v>
      </c>
      <c r="B69" s="15">
        <v>46</v>
      </c>
      <c r="C69" s="16">
        <v>43</v>
      </c>
      <c r="D69" s="17">
        <v>89</v>
      </c>
    </row>
    <row r="70" spans="1:4" ht="18" customHeight="1" x14ac:dyDescent="0.2">
      <c r="A70" s="14">
        <v>54</v>
      </c>
      <c r="B70" s="15">
        <v>40</v>
      </c>
      <c r="C70" s="16">
        <v>30</v>
      </c>
      <c r="D70" s="17">
        <v>70</v>
      </c>
    </row>
    <row r="71" spans="1:4" ht="18" customHeight="1" x14ac:dyDescent="0.2">
      <c r="A71" s="18" t="s">
        <v>77</v>
      </c>
      <c r="B71" s="15">
        <v>217</v>
      </c>
      <c r="C71" s="16">
        <v>196</v>
      </c>
      <c r="D71" s="17">
        <v>413</v>
      </c>
    </row>
    <row r="72" spans="1:4" ht="18" customHeight="1" x14ac:dyDescent="0.2">
      <c r="A72" s="14">
        <v>55</v>
      </c>
      <c r="B72" s="15">
        <v>55</v>
      </c>
      <c r="C72" s="16">
        <v>40</v>
      </c>
      <c r="D72" s="17">
        <v>95</v>
      </c>
    </row>
    <row r="73" spans="1:4" ht="18" customHeight="1" x14ac:dyDescent="0.2">
      <c r="A73" s="14">
        <v>56</v>
      </c>
      <c r="B73" s="15">
        <v>40</v>
      </c>
      <c r="C73" s="16">
        <v>37</v>
      </c>
      <c r="D73" s="17">
        <v>77</v>
      </c>
    </row>
    <row r="74" spans="1:4" ht="18" customHeight="1" x14ac:dyDescent="0.2">
      <c r="A74" s="14">
        <v>57</v>
      </c>
      <c r="B74" s="15">
        <v>37</v>
      </c>
      <c r="C74" s="16">
        <v>43</v>
      </c>
      <c r="D74" s="17">
        <v>80</v>
      </c>
    </row>
    <row r="75" spans="1:4" ht="18" customHeight="1" x14ac:dyDescent="0.2">
      <c r="A75" s="14">
        <v>58</v>
      </c>
      <c r="B75" s="15">
        <v>54</v>
      </c>
      <c r="C75" s="16">
        <v>45</v>
      </c>
      <c r="D75" s="17">
        <v>99</v>
      </c>
    </row>
    <row r="76" spans="1:4" ht="18" customHeight="1" x14ac:dyDescent="0.2">
      <c r="A76" s="14">
        <v>59</v>
      </c>
      <c r="B76" s="15">
        <v>48</v>
      </c>
      <c r="C76" s="16">
        <v>64</v>
      </c>
      <c r="D76" s="17">
        <v>112</v>
      </c>
    </row>
    <row r="77" spans="1:4" ht="18" customHeight="1" x14ac:dyDescent="0.2">
      <c r="A77" s="18" t="s">
        <v>78</v>
      </c>
      <c r="B77" s="15">
        <v>234</v>
      </c>
      <c r="C77" s="16">
        <v>229</v>
      </c>
      <c r="D77" s="17">
        <v>463</v>
      </c>
    </row>
    <row r="78" spans="1:4" ht="18" customHeight="1" x14ac:dyDescent="0.2">
      <c r="A78" s="14">
        <v>60</v>
      </c>
      <c r="B78" s="15">
        <v>51</v>
      </c>
      <c r="C78" s="16">
        <v>54</v>
      </c>
      <c r="D78" s="17">
        <v>105</v>
      </c>
    </row>
    <row r="79" spans="1:4" ht="18" customHeight="1" x14ac:dyDescent="0.2">
      <c r="A79" s="14">
        <v>61</v>
      </c>
      <c r="B79" s="15">
        <v>60</v>
      </c>
      <c r="C79" s="16">
        <v>68</v>
      </c>
      <c r="D79" s="17">
        <v>128</v>
      </c>
    </row>
    <row r="80" spans="1:4" ht="18" customHeight="1" x14ac:dyDescent="0.2">
      <c r="A80" s="14">
        <v>62</v>
      </c>
      <c r="B80" s="15">
        <v>45</v>
      </c>
      <c r="C80" s="16">
        <v>55</v>
      </c>
      <c r="D80" s="17">
        <v>100</v>
      </c>
    </row>
    <row r="81" spans="1:4" ht="18" customHeight="1" x14ac:dyDescent="0.2">
      <c r="A81" s="14">
        <v>63</v>
      </c>
      <c r="B81" s="15">
        <v>32</v>
      </c>
      <c r="C81" s="16">
        <v>27</v>
      </c>
      <c r="D81" s="17">
        <v>59</v>
      </c>
    </row>
    <row r="82" spans="1:4" ht="18" customHeight="1" x14ac:dyDescent="0.2">
      <c r="A82" s="14">
        <v>64</v>
      </c>
      <c r="B82" s="15">
        <v>41</v>
      </c>
      <c r="C82" s="16">
        <v>46</v>
      </c>
      <c r="D82" s="17">
        <v>87</v>
      </c>
    </row>
    <row r="83" spans="1:4" ht="18" customHeight="1" x14ac:dyDescent="0.2">
      <c r="A83" s="18" t="s">
        <v>79</v>
      </c>
      <c r="B83" s="15">
        <v>229</v>
      </c>
      <c r="C83" s="16">
        <v>250</v>
      </c>
      <c r="D83" s="17">
        <v>479</v>
      </c>
    </row>
    <row r="84" spans="1:4" ht="18" customHeight="1" x14ac:dyDescent="0.2">
      <c r="A84" s="18" t="s">
        <v>80</v>
      </c>
      <c r="B84" s="15">
        <v>2048</v>
      </c>
      <c r="C84" s="16">
        <v>1983</v>
      </c>
      <c r="D84" s="17">
        <v>4031</v>
      </c>
    </row>
    <row r="85" spans="1:4" ht="18" customHeight="1" x14ac:dyDescent="0.2">
      <c r="A85" s="14">
        <v>65</v>
      </c>
      <c r="B85" s="15">
        <v>57</v>
      </c>
      <c r="C85" s="16">
        <v>58</v>
      </c>
      <c r="D85" s="17">
        <v>115</v>
      </c>
    </row>
    <row r="86" spans="1:4" ht="18" customHeight="1" x14ac:dyDescent="0.2">
      <c r="A86" s="14">
        <v>66</v>
      </c>
      <c r="B86" s="15">
        <v>37</v>
      </c>
      <c r="C86" s="16">
        <v>36</v>
      </c>
      <c r="D86" s="17">
        <v>73</v>
      </c>
    </row>
    <row r="87" spans="1:4" ht="18" customHeight="1" x14ac:dyDescent="0.2">
      <c r="A87" s="14">
        <v>67</v>
      </c>
      <c r="B87" s="15">
        <v>38</v>
      </c>
      <c r="C87" s="16">
        <v>67</v>
      </c>
      <c r="D87" s="17">
        <v>105</v>
      </c>
    </row>
    <row r="88" spans="1:4" ht="18" customHeight="1" x14ac:dyDescent="0.2">
      <c r="A88" s="14">
        <v>68</v>
      </c>
      <c r="B88" s="15">
        <v>33</v>
      </c>
      <c r="C88" s="16">
        <v>53</v>
      </c>
      <c r="D88" s="17">
        <v>86</v>
      </c>
    </row>
    <row r="89" spans="1:4" ht="18" customHeight="1" x14ac:dyDescent="0.2">
      <c r="A89" s="14">
        <v>69</v>
      </c>
      <c r="B89" s="15">
        <v>38</v>
      </c>
      <c r="C89" s="16">
        <v>33</v>
      </c>
      <c r="D89" s="17">
        <v>71</v>
      </c>
    </row>
    <row r="90" spans="1:4" ht="18" customHeight="1" x14ac:dyDescent="0.2">
      <c r="A90" s="18" t="s">
        <v>81</v>
      </c>
      <c r="B90" s="15">
        <v>203</v>
      </c>
      <c r="C90" s="16">
        <v>247</v>
      </c>
      <c r="D90" s="17">
        <v>450</v>
      </c>
    </row>
    <row r="91" spans="1:4" ht="18" customHeight="1" x14ac:dyDescent="0.2">
      <c r="A91" s="14">
        <v>70</v>
      </c>
      <c r="B91" s="15">
        <v>33</v>
      </c>
      <c r="C91" s="16">
        <v>44</v>
      </c>
      <c r="D91" s="17">
        <v>77</v>
      </c>
    </row>
    <row r="92" spans="1:4" ht="18" customHeight="1" x14ac:dyDescent="0.2">
      <c r="A92" s="14">
        <v>71</v>
      </c>
      <c r="B92" s="15">
        <v>36</v>
      </c>
      <c r="C92" s="16">
        <v>53</v>
      </c>
      <c r="D92" s="17">
        <v>89</v>
      </c>
    </row>
    <row r="93" spans="1:4" ht="18" customHeight="1" x14ac:dyDescent="0.2">
      <c r="A93" s="14">
        <v>72</v>
      </c>
      <c r="B93" s="15">
        <v>30</v>
      </c>
      <c r="C93" s="16">
        <v>46</v>
      </c>
      <c r="D93" s="17">
        <v>76</v>
      </c>
    </row>
    <row r="94" spans="1:4" ht="18" customHeight="1" x14ac:dyDescent="0.2">
      <c r="A94" s="14">
        <v>73</v>
      </c>
      <c r="B94" s="15">
        <v>35</v>
      </c>
      <c r="C94" s="16">
        <v>49</v>
      </c>
      <c r="D94" s="17">
        <v>84</v>
      </c>
    </row>
    <row r="95" spans="1:4" ht="18" customHeight="1" x14ac:dyDescent="0.2">
      <c r="A95" s="14">
        <v>74</v>
      </c>
      <c r="B95" s="15">
        <v>39</v>
      </c>
      <c r="C95" s="16">
        <v>45</v>
      </c>
      <c r="D95" s="17">
        <v>84</v>
      </c>
    </row>
    <row r="96" spans="1:4" ht="18" customHeight="1" x14ac:dyDescent="0.2">
      <c r="A96" s="18" t="s">
        <v>82</v>
      </c>
      <c r="B96" s="15">
        <v>173</v>
      </c>
      <c r="C96" s="16">
        <v>237</v>
      </c>
      <c r="D96" s="17">
        <v>410</v>
      </c>
    </row>
    <row r="97" spans="1:4" ht="18" customHeight="1" x14ac:dyDescent="0.2">
      <c r="A97" s="14">
        <v>75</v>
      </c>
      <c r="B97" s="15">
        <v>35</v>
      </c>
      <c r="C97" s="16">
        <v>35</v>
      </c>
      <c r="D97" s="17">
        <v>70</v>
      </c>
    </row>
    <row r="98" spans="1:4" ht="18" customHeight="1" x14ac:dyDescent="0.2">
      <c r="A98" s="14">
        <v>76</v>
      </c>
      <c r="B98" s="15">
        <v>30</v>
      </c>
      <c r="C98" s="16">
        <v>70</v>
      </c>
      <c r="D98" s="17">
        <v>100</v>
      </c>
    </row>
    <row r="99" spans="1:4" ht="18" customHeight="1" x14ac:dyDescent="0.2">
      <c r="A99" s="14">
        <v>77</v>
      </c>
      <c r="B99" s="15">
        <v>23</v>
      </c>
      <c r="C99" s="16">
        <v>47</v>
      </c>
      <c r="D99" s="17">
        <v>70</v>
      </c>
    </row>
    <row r="100" spans="1:4" ht="18" customHeight="1" x14ac:dyDescent="0.2">
      <c r="A100" s="14">
        <v>78</v>
      </c>
      <c r="B100" s="15">
        <v>33</v>
      </c>
      <c r="C100" s="16">
        <v>46</v>
      </c>
      <c r="D100" s="17">
        <v>79</v>
      </c>
    </row>
    <row r="101" spans="1:4" ht="18" customHeight="1" x14ac:dyDescent="0.2">
      <c r="A101" s="14">
        <v>79</v>
      </c>
      <c r="B101" s="15">
        <v>23</v>
      </c>
      <c r="C101" s="16">
        <v>34</v>
      </c>
      <c r="D101" s="17">
        <v>57</v>
      </c>
    </row>
    <row r="102" spans="1:4" ht="18" customHeight="1" x14ac:dyDescent="0.2">
      <c r="A102" s="18" t="s">
        <v>83</v>
      </c>
      <c r="B102" s="15">
        <v>144</v>
      </c>
      <c r="C102" s="16">
        <v>232</v>
      </c>
      <c r="D102" s="17">
        <v>376</v>
      </c>
    </row>
    <row r="103" spans="1:4" ht="18" customHeight="1" x14ac:dyDescent="0.2">
      <c r="A103" s="14">
        <v>80</v>
      </c>
      <c r="B103" s="15">
        <v>34</v>
      </c>
      <c r="C103" s="16">
        <v>46</v>
      </c>
      <c r="D103" s="17">
        <v>80</v>
      </c>
    </row>
    <row r="104" spans="1:4" ht="18" customHeight="1" x14ac:dyDescent="0.2">
      <c r="A104" s="14">
        <v>81</v>
      </c>
      <c r="B104" s="15">
        <v>23</v>
      </c>
      <c r="C104" s="16">
        <v>45</v>
      </c>
      <c r="D104" s="17">
        <v>68</v>
      </c>
    </row>
    <row r="105" spans="1:4" ht="18" customHeight="1" x14ac:dyDescent="0.2">
      <c r="A105" s="14">
        <v>82</v>
      </c>
      <c r="B105" s="15">
        <v>33</v>
      </c>
      <c r="C105" s="16">
        <v>37</v>
      </c>
      <c r="D105" s="17">
        <v>70</v>
      </c>
    </row>
    <row r="106" spans="1:4" ht="18" customHeight="1" x14ac:dyDescent="0.2">
      <c r="A106" s="14">
        <v>83</v>
      </c>
      <c r="B106" s="15">
        <v>18</v>
      </c>
      <c r="C106" s="16">
        <v>35</v>
      </c>
      <c r="D106" s="17">
        <v>53</v>
      </c>
    </row>
    <row r="107" spans="1:4" ht="18" customHeight="1" x14ac:dyDescent="0.2">
      <c r="A107" s="14">
        <v>84</v>
      </c>
      <c r="B107" s="15">
        <v>14</v>
      </c>
      <c r="C107" s="16">
        <v>41</v>
      </c>
      <c r="D107" s="17">
        <v>55</v>
      </c>
    </row>
    <row r="108" spans="1:4" ht="18" customHeight="1" x14ac:dyDescent="0.2">
      <c r="A108" s="18" t="s">
        <v>84</v>
      </c>
      <c r="B108" s="15">
        <v>122</v>
      </c>
      <c r="C108" s="16">
        <v>204</v>
      </c>
      <c r="D108" s="17">
        <v>326</v>
      </c>
    </row>
    <row r="109" spans="1:4" ht="18" customHeight="1" x14ac:dyDescent="0.2">
      <c r="A109" s="14">
        <v>85</v>
      </c>
      <c r="B109" s="15">
        <v>15</v>
      </c>
      <c r="C109" s="16">
        <v>35</v>
      </c>
      <c r="D109" s="17">
        <v>50</v>
      </c>
    </row>
    <row r="110" spans="1:4" ht="18" customHeight="1" x14ac:dyDescent="0.2">
      <c r="A110" s="14">
        <v>86</v>
      </c>
      <c r="B110" s="15">
        <v>15</v>
      </c>
      <c r="C110" s="16">
        <v>14</v>
      </c>
      <c r="D110" s="17">
        <v>29</v>
      </c>
    </row>
    <row r="111" spans="1:4" ht="18" customHeight="1" x14ac:dyDescent="0.2">
      <c r="A111" s="14">
        <v>87</v>
      </c>
      <c r="B111" s="15">
        <v>14</v>
      </c>
      <c r="C111" s="16">
        <v>26</v>
      </c>
      <c r="D111" s="17">
        <v>40</v>
      </c>
    </row>
    <row r="112" spans="1:4" ht="18" customHeight="1" x14ac:dyDescent="0.2">
      <c r="A112" s="14">
        <v>88</v>
      </c>
      <c r="B112" s="15">
        <v>6</v>
      </c>
      <c r="C112" s="16">
        <v>25</v>
      </c>
      <c r="D112" s="17">
        <v>31</v>
      </c>
    </row>
    <row r="113" spans="1:4" ht="18" customHeight="1" x14ac:dyDescent="0.2">
      <c r="A113" s="14">
        <v>89</v>
      </c>
      <c r="B113" s="15">
        <v>8</v>
      </c>
      <c r="C113" s="16">
        <v>17</v>
      </c>
      <c r="D113" s="17">
        <v>25</v>
      </c>
    </row>
    <row r="114" spans="1:4" ht="18" customHeight="1" x14ac:dyDescent="0.2">
      <c r="A114" s="18" t="s">
        <v>85</v>
      </c>
      <c r="B114" s="15">
        <v>58</v>
      </c>
      <c r="C114" s="16">
        <v>117</v>
      </c>
      <c r="D114" s="17">
        <v>175</v>
      </c>
    </row>
    <row r="115" spans="1:4" ht="18" customHeight="1" x14ac:dyDescent="0.2">
      <c r="A115" s="14">
        <v>90</v>
      </c>
      <c r="B115" s="15">
        <v>8</v>
      </c>
      <c r="C115" s="16">
        <v>19</v>
      </c>
      <c r="D115" s="17">
        <v>27</v>
      </c>
    </row>
    <row r="116" spans="1:4" ht="18" customHeight="1" x14ac:dyDescent="0.2">
      <c r="A116" s="14">
        <v>91</v>
      </c>
      <c r="B116" s="15">
        <v>6</v>
      </c>
      <c r="C116" s="16">
        <v>10</v>
      </c>
      <c r="D116" s="17">
        <v>16</v>
      </c>
    </row>
    <row r="117" spans="1:4" ht="18" customHeight="1" x14ac:dyDescent="0.2">
      <c r="A117" s="14">
        <v>92</v>
      </c>
      <c r="B117" s="15">
        <v>1</v>
      </c>
      <c r="C117" s="16">
        <v>15</v>
      </c>
      <c r="D117" s="17">
        <v>16</v>
      </c>
    </row>
    <row r="118" spans="1:4" ht="18" customHeight="1" x14ac:dyDescent="0.2">
      <c r="A118" s="14">
        <v>93</v>
      </c>
      <c r="B118" s="15">
        <v>3</v>
      </c>
      <c r="C118" s="16">
        <v>14</v>
      </c>
      <c r="D118" s="17">
        <v>17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86</v>
      </c>
      <c r="B120" s="15">
        <v>19</v>
      </c>
      <c r="C120" s="16">
        <v>63</v>
      </c>
      <c r="D120" s="17">
        <v>82</v>
      </c>
    </row>
    <row r="121" spans="1:4" ht="18" customHeight="1" x14ac:dyDescent="0.2">
      <c r="A121" s="14">
        <v>95</v>
      </c>
      <c r="B121" s="15">
        <v>5</v>
      </c>
      <c r="C121" s="16">
        <v>4</v>
      </c>
      <c r="D121" s="17">
        <v>9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8</v>
      </c>
      <c r="C126" s="16">
        <v>17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727</v>
      </c>
      <c r="C130" s="5">
        <v>1120</v>
      </c>
      <c r="D130" s="6">
        <v>1847</v>
      </c>
    </row>
    <row r="131" spans="1:4" ht="18" customHeight="1" x14ac:dyDescent="0.2">
      <c r="A131" s="20" t="s">
        <v>65</v>
      </c>
      <c r="B131" s="7">
        <v>3203</v>
      </c>
      <c r="C131" s="8">
        <v>3486</v>
      </c>
      <c r="D131" s="9">
        <v>668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8</v>
      </c>
      <c r="C5" s="12">
        <v>42</v>
      </c>
      <c r="D5" s="13">
        <v>90</v>
      </c>
    </row>
    <row r="6" spans="1:4" ht="18" customHeight="1" x14ac:dyDescent="0.2">
      <c r="A6" s="14">
        <v>1</v>
      </c>
      <c r="B6" s="15">
        <v>42</v>
      </c>
      <c r="C6" s="16">
        <v>51</v>
      </c>
      <c r="D6" s="17">
        <v>93</v>
      </c>
    </row>
    <row r="7" spans="1:4" ht="18" customHeight="1" x14ac:dyDescent="0.2">
      <c r="A7" s="14">
        <v>2</v>
      </c>
      <c r="B7" s="15">
        <v>46</v>
      </c>
      <c r="C7" s="16">
        <v>45</v>
      </c>
      <c r="D7" s="17">
        <v>91</v>
      </c>
    </row>
    <row r="8" spans="1:4" ht="18" customHeight="1" x14ac:dyDescent="0.2">
      <c r="A8" s="14">
        <v>3</v>
      </c>
      <c r="B8" s="15">
        <v>46</v>
      </c>
      <c r="C8" s="16">
        <v>36</v>
      </c>
      <c r="D8" s="17">
        <v>82</v>
      </c>
    </row>
    <row r="9" spans="1:4" ht="18" customHeight="1" x14ac:dyDescent="0.2">
      <c r="A9" s="14">
        <v>4</v>
      </c>
      <c r="B9" s="15">
        <v>31</v>
      </c>
      <c r="C9" s="16">
        <v>36</v>
      </c>
      <c r="D9" s="17">
        <v>67</v>
      </c>
    </row>
    <row r="10" spans="1:4" ht="18" customHeight="1" x14ac:dyDescent="0.2">
      <c r="A10" s="18" t="s">
        <v>66</v>
      </c>
      <c r="B10" s="15">
        <v>213</v>
      </c>
      <c r="C10" s="16">
        <v>210</v>
      </c>
      <c r="D10" s="17">
        <v>423</v>
      </c>
    </row>
    <row r="11" spans="1:4" ht="18" customHeight="1" x14ac:dyDescent="0.2">
      <c r="A11" s="14">
        <v>5</v>
      </c>
      <c r="B11" s="15">
        <v>43</v>
      </c>
      <c r="C11" s="16">
        <v>38</v>
      </c>
      <c r="D11" s="17">
        <v>81</v>
      </c>
    </row>
    <row r="12" spans="1:4" ht="18" customHeight="1" x14ac:dyDescent="0.2">
      <c r="A12" s="14">
        <v>6</v>
      </c>
      <c r="B12" s="15">
        <v>58</v>
      </c>
      <c r="C12" s="16">
        <v>44</v>
      </c>
      <c r="D12" s="17">
        <v>102</v>
      </c>
    </row>
    <row r="13" spans="1:4" ht="18" customHeight="1" x14ac:dyDescent="0.2">
      <c r="A13" s="14">
        <v>7</v>
      </c>
      <c r="B13" s="15">
        <v>62</v>
      </c>
      <c r="C13" s="16">
        <v>63</v>
      </c>
      <c r="D13" s="17">
        <v>125</v>
      </c>
    </row>
    <row r="14" spans="1:4" ht="18" customHeight="1" x14ac:dyDescent="0.2">
      <c r="A14" s="14">
        <v>8</v>
      </c>
      <c r="B14" s="15">
        <v>57</v>
      </c>
      <c r="C14" s="16">
        <v>40</v>
      </c>
      <c r="D14" s="17">
        <v>97</v>
      </c>
    </row>
    <row r="15" spans="1:4" ht="18" customHeight="1" x14ac:dyDescent="0.2">
      <c r="A15" s="14">
        <v>9</v>
      </c>
      <c r="B15" s="15">
        <v>66</v>
      </c>
      <c r="C15" s="16">
        <v>53</v>
      </c>
      <c r="D15" s="17">
        <v>119</v>
      </c>
    </row>
    <row r="16" spans="1:4" ht="18" customHeight="1" x14ac:dyDescent="0.2">
      <c r="A16" s="18" t="s">
        <v>67</v>
      </c>
      <c r="B16" s="15">
        <v>286</v>
      </c>
      <c r="C16" s="16">
        <v>238</v>
      </c>
      <c r="D16" s="17">
        <v>524</v>
      </c>
    </row>
    <row r="17" spans="1:4" ht="18" customHeight="1" x14ac:dyDescent="0.2">
      <c r="A17" s="14">
        <v>10</v>
      </c>
      <c r="B17" s="15">
        <v>61</v>
      </c>
      <c r="C17" s="16">
        <v>56</v>
      </c>
      <c r="D17" s="17">
        <v>117</v>
      </c>
    </row>
    <row r="18" spans="1:4" ht="18" customHeight="1" x14ac:dyDescent="0.2">
      <c r="A18" s="14">
        <v>11</v>
      </c>
      <c r="B18" s="15">
        <v>58</v>
      </c>
      <c r="C18" s="16">
        <v>48</v>
      </c>
      <c r="D18" s="17">
        <v>106</v>
      </c>
    </row>
    <row r="19" spans="1:4" ht="18" customHeight="1" x14ac:dyDescent="0.2">
      <c r="A19" s="14">
        <v>12</v>
      </c>
      <c r="B19" s="15">
        <v>56</v>
      </c>
      <c r="C19" s="16">
        <v>46</v>
      </c>
      <c r="D19" s="17">
        <v>102</v>
      </c>
    </row>
    <row r="20" spans="1:4" ht="18" customHeight="1" x14ac:dyDescent="0.2">
      <c r="A20" s="14">
        <v>13</v>
      </c>
      <c r="B20" s="15">
        <v>67</v>
      </c>
      <c r="C20" s="16">
        <v>53</v>
      </c>
      <c r="D20" s="17">
        <v>120</v>
      </c>
    </row>
    <row r="21" spans="1:4" ht="18" customHeight="1" x14ac:dyDescent="0.2">
      <c r="A21" s="14">
        <v>14</v>
      </c>
      <c r="B21" s="15">
        <v>51</v>
      </c>
      <c r="C21" s="16">
        <v>59</v>
      </c>
      <c r="D21" s="17">
        <v>110</v>
      </c>
    </row>
    <row r="22" spans="1:4" ht="18" customHeight="1" x14ac:dyDescent="0.2">
      <c r="A22" s="18" t="s">
        <v>68</v>
      </c>
      <c r="B22" s="15">
        <v>293</v>
      </c>
      <c r="C22" s="16">
        <v>262</v>
      </c>
      <c r="D22" s="17">
        <v>555</v>
      </c>
    </row>
    <row r="23" spans="1:4" ht="18" customHeight="1" x14ac:dyDescent="0.2">
      <c r="A23" s="18" t="s">
        <v>69</v>
      </c>
      <c r="B23" s="15">
        <v>792</v>
      </c>
      <c r="C23" s="16">
        <v>710</v>
      </c>
      <c r="D23" s="17">
        <v>1502</v>
      </c>
    </row>
    <row r="24" spans="1:4" ht="18" customHeight="1" x14ac:dyDescent="0.2">
      <c r="A24" s="14">
        <v>15</v>
      </c>
      <c r="B24" s="15">
        <v>41</v>
      </c>
      <c r="C24" s="16">
        <v>66</v>
      </c>
      <c r="D24" s="17">
        <v>107</v>
      </c>
    </row>
    <row r="25" spans="1:4" ht="18" customHeight="1" x14ac:dyDescent="0.2">
      <c r="A25" s="14">
        <v>16</v>
      </c>
      <c r="B25" s="15">
        <v>49</v>
      </c>
      <c r="C25" s="16">
        <v>48</v>
      </c>
      <c r="D25" s="17">
        <v>97</v>
      </c>
    </row>
    <row r="26" spans="1:4" ht="18" customHeight="1" x14ac:dyDescent="0.2">
      <c r="A26" s="14">
        <v>17</v>
      </c>
      <c r="B26" s="15">
        <v>52</v>
      </c>
      <c r="C26" s="16">
        <v>66</v>
      </c>
      <c r="D26" s="17">
        <v>118</v>
      </c>
    </row>
    <row r="27" spans="1:4" ht="18" customHeight="1" x14ac:dyDescent="0.2">
      <c r="A27" s="14">
        <v>18</v>
      </c>
      <c r="B27" s="15">
        <v>60</v>
      </c>
      <c r="C27" s="16">
        <v>53</v>
      </c>
      <c r="D27" s="17">
        <v>113</v>
      </c>
    </row>
    <row r="28" spans="1:4" ht="18" customHeight="1" x14ac:dyDescent="0.2">
      <c r="A28" s="14">
        <v>19</v>
      </c>
      <c r="B28" s="15">
        <v>51</v>
      </c>
      <c r="C28" s="16">
        <v>42</v>
      </c>
      <c r="D28" s="17">
        <v>93</v>
      </c>
    </row>
    <row r="29" spans="1:4" ht="18" customHeight="1" x14ac:dyDescent="0.2">
      <c r="A29" s="18" t="s">
        <v>70</v>
      </c>
      <c r="B29" s="15">
        <v>253</v>
      </c>
      <c r="C29" s="16">
        <v>275</v>
      </c>
      <c r="D29" s="17">
        <v>528</v>
      </c>
    </row>
    <row r="30" spans="1:4" ht="18" customHeight="1" x14ac:dyDescent="0.2">
      <c r="A30" s="14">
        <v>20</v>
      </c>
      <c r="B30" s="15">
        <v>49</v>
      </c>
      <c r="C30" s="16">
        <v>58</v>
      </c>
      <c r="D30" s="17">
        <v>107</v>
      </c>
    </row>
    <row r="31" spans="1:4" ht="18" customHeight="1" x14ac:dyDescent="0.2">
      <c r="A31" s="14">
        <v>21</v>
      </c>
      <c r="B31" s="15">
        <v>50</v>
      </c>
      <c r="C31" s="16">
        <v>42</v>
      </c>
      <c r="D31" s="17">
        <v>92</v>
      </c>
    </row>
    <row r="32" spans="1:4" ht="18" customHeight="1" x14ac:dyDescent="0.2">
      <c r="A32" s="14">
        <v>22</v>
      </c>
      <c r="B32" s="15">
        <v>51</v>
      </c>
      <c r="C32" s="16">
        <v>47</v>
      </c>
      <c r="D32" s="17">
        <v>98</v>
      </c>
    </row>
    <row r="33" spans="1:4" ht="18" customHeight="1" x14ac:dyDescent="0.2">
      <c r="A33" s="14">
        <v>23</v>
      </c>
      <c r="B33" s="15">
        <v>45</v>
      </c>
      <c r="C33" s="16">
        <v>49</v>
      </c>
      <c r="D33" s="17">
        <v>94</v>
      </c>
    </row>
    <row r="34" spans="1:4" ht="18" customHeight="1" x14ac:dyDescent="0.2">
      <c r="A34" s="14">
        <v>24</v>
      </c>
      <c r="B34" s="15">
        <v>44</v>
      </c>
      <c r="C34" s="16">
        <v>46</v>
      </c>
      <c r="D34" s="17">
        <v>90</v>
      </c>
    </row>
    <row r="35" spans="1:4" ht="18" customHeight="1" x14ac:dyDescent="0.2">
      <c r="A35" s="18" t="s">
        <v>71</v>
      </c>
      <c r="B35" s="15">
        <v>239</v>
      </c>
      <c r="C35" s="16">
        <v>242</v>
      </c>
      <c r="D35" s="17">
        <v>481</v>
      </c>
    </row>
    <row r="36" spans="1:4" ht="18" customHeight="1" x14ac:dyDescent="0.2">
      <c r="A36" s="14">
        <v>25</v>
      </c>
      <c r="B36" s="15">
        <v>56</v>
      </c>
      <c r="C36" s="16">
        <v>36</v>
      </c>
      <c r="D36" s="17">
        <v>92</v>
      </c>
    </row>
    <row r="37" spans="1:4" ht="18" customHeight="1" x14ac:dyDescent="0.2">
      <c r="A37" s="14">
        <v>26</v>
      </c>
      <c r="B37" s="15">
        <v>74</v>
      </c>
      <c r="C37" s="16">
        <v>50</v>
      </c>
      <c r="D37" s="17">
        <v>124</v>
      </c>
    </row>
    <row r="38" spans="1:4" ht="18" customHeight="1" x14ac:dyDescent="0.2">
      <c r="A38" s="14">
        <v>27</v>
      </c>
      <c r="B38" s="15">
        <v>41</v>
      </c>
      <c r="C38" s="16">
        <v>47</v>
      </c>
      <c r="D38" s="17">
        <v>88</v>
      </c>
    </row>
    <row r="39" spans="1:4" ht="18" customHeight="1" x14ac:dyDescent="0.2">
      <c r="A39" s="14">
        <v>28</v>
      </c>
      <c r="B39" s="15">
        <v>51</v>
      </c>
      <c r="C39" s="16">
        <v>56</v>
      </c>
      <c r="D39" s="17">
        <v>107</v>
      </c>
    </row>
    <row r="40" spans="1:4" ht="18" customHeight="1" x14ac:dyDescent="0.2">
      <c r="A40" s="14">
        <v>29</v>
      </c>
      <c r="B40" s="15">
        <v>59</v>
      </c>
      <c r="C40" s="16">
        <v>57</v>
      </c>
      <c r="D40" s="17">
        <v>116</v>
      </c>
    </row>
    <row r="41" spans="1:4" ht="18" customHeight="1" x14ac:dyDescent="0.2">
      <c r="A41" s="18" t="s">
        <v>72</v>
      </c>
      <c r="B41" s="15">
        <v>281</v>
      </c>
      <c r="C41" s="16">
        <v>246</v>
      </c>
      <c r="D41" s="17">
        <v>527</v>
      </c>
    </row>
    <row r="42" spans="1:4" ht="18" customHeight="1" x14ac:dyDescent="0.2">
      <c r="A42" s="14">
        <v>30</v>
      </c>
      <c r="B42" s="15">
        <v>50</v>
      </c>
      <c r="C42" s="16">
        <v>72</v>
      </c>
      <c r="D42" s="17">
        <v>122</v>
      </c>
    </row>
    <row r="43" spans="1:4" ht="18" customHeight="1" x14ac:dyDescent="0.2">
      <c r="A43" s="14">
        <v>31</v>
      </c>
      <c r="B43" s="15">
        <v>70</v>
      </c>
      <c r="C43" s="16">
        <v>69</v>
      </c>
      <c r="D43" s="17">
        <v>139</v>
      </c>
    </row>
    <row r="44" spans="1:4" ht="18" customHeight="1" x14ac:dyDescent="0.2">
      <c r="A44" s="14">
        <v>32</v>
      </c>
      <c r="B44" s="15">
        <v>78</v>
      </c>
      <c r="C44" s="16">
        <v>76</v>
      </c>
      <c r="D44" s="17">
        <v>154</v>
      </c>
    </row>
    <row r="45" spans="1:4" ht="18" customHeight="1" x14ac:dyDescent="0.2">
      <c r="A45" s="14">
        <v>33</v>
      </c>
      <c r="B45" s="15">
        <v>83</v>
      </c>
      <c r="C45" s="16">
        <v>88</v>
      </c>
      <c r="D45" s="17">
        <v>171</v>
      </c>
    </row>
    <row r="46" spans="1:4" ht="18" customHeight="1" x14ac:dyDescent="0.2">
      <c r="A46" s="14">
        <v>34</v>
      </c>
      <c r="B46" s="15">
        <v>81</v>
      </c>
      <c r="C46" s="16">
        <v>79</v>
      </c>
      <c r="D46" s="17">
        <v>160</v>
      </c>
    </row>
    <row r="47" spans="1:4" ht="18" customHeight="1" x14ac:dyDescent="0.2">
      <c r="A47" s="18" t="s">
        <v>73</v>
      </c>
      <c r="B47" s="15">
        <v>362</v>
      </c>
      <c r="C47" s="16">
        <v>384</v>
      </c>
      <c r="D47" s="17">
        <v>746</v>
      </c>
    </row>
    <row r="48" spans="1:4" ht="18" customHeight="1" x14ac:dyDescent="0.2">
      <c r="A48" s="14">
        <v>35</v>
      </c>
      <c r="B48" s="15">
        <v>86</v>
      </c>
      <c r="C48" s="16">
        <v>89</v>
      </c>
      <c r="D48" s="17">
        <v>175</v>
      </c>
    </row>
    <row r="49" spans="1:4" ht="18" customHeight="1" x14ac:dyDescent="0.2">
      <c r="A49" s="14">
        <v>36</v>
      </c>
      <c r="B49" s="15">
        <v>105</v>
      </c>
      <c r="C49" s="16">
        <v>82</v>
      </c>
      <c r="D49" s="17">
        <v>187</v>
      </c>
    </row>
    <row r="50" spans="1:4" ht="18" customHeight="1" x14ac:dyDescent="0.2">
      <c r="A50" s="14">
        <v>37</v>
      </c>
      <c r="B50" s="15">
        <v>101</v>
      </c>
      <c r="C50" s="16">
        <v>113</v>
      </c>
      <c r="D50" s="17">
        <v>214</v>
      </c>
    </row>
    <row r="51" spans="1:4" ht="18" customHeight="1" x14ac:dyDescent="0.2">
      <c r="A51" s="14">
        <v>38</v>
      </c>
      <c r="B51" s="15">
        <v>83</v>
      </c>
      <c r="C51" s="16">
        <v>95</v>
      </c>
      <c r="D51" s="17">
        <v>178</v>
      </c>
    </row>
    <row r="52" spans="1:4" ht="18" customHeight="1" x14ac:dyDescent="0.2">
      <c r="A52" s="14">
        <v>39</v>
      </c>
      <c r="B52" s="15">
        <v>95</v>
      </c>
      <c r="C52" s="16">
        <v>103</v>
      </c>
      <c r="D52" s="17">
        <v>198</v>
      </c>
    </row>
    <row r="53" spans="1:4" ht="18" customHeight="1" x14ac:dyDescent="0.2">
      <c r="A53" s="18" t="s">
        <v>74</v>
      </c>
      <c r="B53" s="15">
        <v>470</v>
      </c>
      <c r="C53" s="16">
        <v>482</v>
      </c>
      <c r="D53" s="17">
        <v>952</v>
      </c>
    </row>
    <row r="54" spans="1:4" ht="18" customHeight="1" x14ac:dyDescent="0.2">
      <c r="A54" s="14">
        <v>40</v>
      </c>
      <c r="B54" s="15">
        <v>89</v>
      </c>
      <c r="C54" s="16">
        <v>94</v>
      </c>
      <c r="D54" s="17">
        <v>183</v>
      </c>
    </row>
    <row r="55" spans="1:4" ht="18" customHeight="1" x14ac:dyDescent="0.2">
      <c r="A55" s="14">
        <v>41</v>
      </c>
      <c r="B55" s="15">
        <v>94</v>
      </c>
      <c r="C55" s="16">
        <v>83</v>
      </c>
      <c r="D55" s="17">
        <v>177</v>
      </c>
    </row>
    <row r="56" spans="1:4" ht="18" customHeight="1" x14ac:dyDescent="0.2">
      <c r="A56" s="14">
        <v>42</v>
      </c>
      <c r="B56" s="15">
        <v>95</v>
      </c>
      <c r="C56" s="16">
        <v>77</v>
      </c>
      <c r="D56" s="17">
        <v>172</v>
      </c>
    </row>
    <row r="57" spans="1:4" ht="18" customHeight="1" x14ac:dyDescent="0.2">
      <c r="A57" s="14">
        <v>43</v>
      </c>
      <c r="B57" s="15">
        <v>71</v>
      </c>
      <c r="C57" s="16">
        <v>82</v>
      </c>
      <c r="D57" s="17">
        <v>153</v>
      </c>
    </row>
    <row r="58" spans="1:4" ht="18" customHeight="1" x14ac:dyDescent="0.2">
      <c r="A58" s="14">
        <v>44</v>
      </c>
      <c r="B58" s="15">
        <v>81</v>
      </c>
      <c r="C58" s="16">
        <v>80</v>
      </c>
      <c r="D58" s="17">
        <v>161</v>
      </c>
    </row>
    <row r="59" spans="1:4" ht="18" customHeight="1" x14ac:dyDescent="0.2">
      <c r="A59" s="18" t="s">
        <v>75</v>
      </c>
      <c r="B59" s="15">
        <v>430</v>
      </c>
      <c r="C59" s="16">
        <v>416</v>
      </c>
      <c r="D59" s="17">
        <v>846</v>
      </c>
    </row>
    <row r="60" spans="1:4" ht="18" customHeight="1" x14ac:dyDescent="0.2">
      <c r="A60" s="14">
        <v>45</v>
      </c>
      <c r="B60" s="15">
        <v>82</v>
      </c>
      <c r="C60" s="16">
        <v>78</v>
      </c>
      <c r="D60" s="17">
        <v>160</v>
      </c>
    </row>
    <row r="61" spans="1:4" ht="18" customHeight="1" x14ac:dyDescent="0.2">
      <c r="A61" s="14">
        <v>46</v>
      </c>
      <c r="B61" s="15">
        <v>88</v>
      </c>
      <c r="C61" s="16">
        <v>87</v>
      </c>
      <c r="D61" s="17">
        <v>175</v>
      </c>
    </row>
    <row r="62" spans="1:4" ht="18" customHeight="1" x14ac:dyDescent="0.2">
      <c r="A62" s="14">
        <v>47</v>
      </c>
      <c r="B62" s="15">
        <v>71</v>
      </c>
      <c r="C62" s="16">
        <v>71</v>
      </c>
      <c r="D62" s="17">
        <v>142</v>
      </c>
    </row>
    <row r="63" spans="1:4" ht="18" customHeight="1" x14ac:dyDescent="0.2">
      <c r="A63" s="14">
        <v>48</v>
      </c>
      <c r="B63" s="15">
        <v>72</v>
      </c>
      <c r="C63" s="16">
        <v>66</v>
      </c>
      <c r="D63" s="17">
        <v>138</v>
      </c>
    </row>
    <row r="64" spans="1:4" ht="18" customHeight="1" x14ac:dyDescent="0.2">
      <c r="A64" s="14">
        <v>49</v>
      </c>
      <c r="B64" s="15">
        <v>85</v>
      </c>
      <c r="C64" s="16">
        <v>73</v>
      </c>
      <c r="D64" s="17">
        <v>158</v>
      </c>
    </row>
    <row r="65" spans="1:4" ht="18" customHeight="1" x14ac:dyDescent="0.2">
      <c r="A65" s="18" t="s">
        <v>76</v>
      </c>
      <c r="B65" s="15">
        <v>398</v>
      </c>
      <c r="C65" s="16">
        <v>375</v>
      </c>
      <c r="D65" s="17">
        <v>773</v>
      </c>
    </row>
    <row r="66" spans="1:4" ht="18" customHeight="1" x14ac:dyDescent="0.2">
      <c r="A66" s="14">
        <v>50</v>
      </c>
      <c r="B66" s="15">
        <v>72</v>
      </c>
      <c r="C66" s="16">
        <v>86</v>
      </c>
      <c r="D66" s="17">
        <v>158</v>
      </c>
    </row>
    <row r="67" spans="1:4" ht="18" customHeight="1" x14ac:dyDescent="0.2">
      <c r="A67" s="14">
        <v>51</v>
      </c>
      <c r="B67" s="15">
        <v>69</v>
      </c>
      <c r="C67" s="16">
        <v>65</v>
      </c>
      <c r="D67" s="17">
        <v>134</v>
      </c>
    </row>
    <row r="68" spans="1:4" ht="18" customHeight="1" x14ac:dyDescent="0.2">
      <c r="A68" s="14">
        <v>52</v>
      </c>
      <c r="B68" s="15">
        <v>66</v>
      </c>
      <c r="C68" s="16">
        <v>68</v>
      </c>
      <c r="D68" s="17">
        <v>134</v>
      </c>
    </row>
    <row r="69" spans="1:4" ht="18" customHeight="1" x14ac:dyDescent="0.2">
      <c r="A69" s="14">
        <v>53</v>
      </c>
      <c r="B69" s="15">
        <v>60</v>
      </c>
      <c r="C69" s="16">
        <v>69</v>
      </c>
      <c r="D69" s="17">
        <v>129</v>
      </c>
    </row>
    <row r="70" spans="1:4" ht="18" customHeight="1" x14ac:dyDescent="0.2">
      <c r="A70" s="14">
        <v>54</v>
      </c>
      <c r="B70" s="15">
        <v>81</v>
      </c>
      <c r="C70" s="16">
        <v>74</v>
      </c>
      <c r="D70" s="17">
        <v>155</v>
      </c>
    </row>
    <row r="71" spans="1:4" ht="18" customHeight="1" x14ac:dyDescent="0.2">
      <c r="A71" s="18" t="s">
        <v>77</v>
      </c>
      <c r="B71" s="15">
        <v>348</v>
      </c>
      <c r="C71" s="16">
        <v>362</v>
      </c>
      <c r="D71" s="17">
        <v>710</v>
      </c>
    </row>
    <row r="72" spans="1:4" ht="18" customHeight="1" x14ac:dyDescent="0.2">
      <c r="A72" s="14">
        <v>55</v>
      </c>
      <c r="B72" s="15">
        <v>61</v>
      </c>
      <c r="C72" s="16">
        <v>69</v>
      </c>
      <c r="D72" s="17">
        <v>130</v>
      </c>
    </row>
    <row r="73" spans="1:4" ht="18" customHeight="1" x14ac:dyDescent="0.2">
      <c r="A73" s="14">
        <v>56</v>
      </c>
      <c r="B73" s="15">
        <v>66</v>
      </c>
      <c r="C73" s="16">
        <v>73</v>
      </c>
      <c r="D73" s="17">
        <v>139</v>
      </c>
    </row>
    <row r="74" spans="1:4" ht="18" customHeight="1" x14ac:dyDescent="0.2">
      <c r="A74" s="14">
        <v>57</v>
      </c>
      <c r="B74" s="15">
        <v>74</v>
      </c>
      <c r="C74" s="16">
        <v>68</v>
      </c>
      <c r="D74" s="17">
        <v>142</v>
      </c>
    </row>
    <row r="75" spans="1:4" ht="18" customHeight="1" x14ac:dyDescent="0.2">
      <c r="A75" s="14">
        <v>58</v>
      </c>
      <c r="B75" s="15">
        <v>74</v>
      </c>
      <c r="C75" s="16">
        <v>75</v>
      </c>
      <c r="D75" s="17">
        <v>149</v>
      </c>
    </row>
    <row r="76" spans="1:4" ht="18" customHeight="1" x14ac:dyDescent="0.2">
      <c r="A76" s="14">
        <v>59</v>
      </c>
      <c r="B76" s="15">
        <v>89</v>
      </c>
      <c r="C76" s="16">
        <v>83</v>
      </c>
      <c r="D76" s="17">
        <v>172</v>
      </c>
    </row>
    <row r="77" spans="1:4" ht="18" customHeight="1" x14ac:dyDescent="0.2">
      <c r="A77" s="18" t="s">
        <v>78</v>
      </c>
      <c r="B77" s="15">
        <v>364</v>
      </c>
      <c r="C77" s="16">
        <v>368</v>
      </c>
      <c r="D77" s="17">
        <v>732</v>
      </c>
    </row>
    <row r="78" spans="1:4" ht="18" customHeight="1" x14ac:dyDescent="0.2">
      <c r="A78" s="14">
        <v>60</v>
      </c>
      <c r="B78" s="15">
        <v>96</v>
      </c>
      <c r="C78" s="16">
        <v>110</v>
      </c>
      <c r="D78" s="17">
        <v>206</v>
      </c>
    </row>
    <row r="79" spans="1:4" ht="18" customHeight="1" x14ac:dyDescent="0.2">
      <c r="A79" s="14">
        <v>61</v>
      </c>
      <c r="B79" s="15">
        <v>100</v>
      </c>
      <c r="C79" s="16">
        <v>81</v>
      </c>
      <c r="D79" s="17">
        <v>181</v>
      </c>
    </row>
    <row r="80" spans="1:4" ht="18" customHeight="1" x14ac:dyDescent="0.2">
      <c r="A80" s="14">
        <v>62</v>
      </c>
      <c r="B80" s="15">
        <v>71</v>
      </c>
      <c r="C80" s="16">
        <v>97</v>
      </c>
      <c r="D80" s="17">
        <v>168</v>
      </c>
    </row>
    <row r="81" spans="1:4" ht="18" customHeight="1" x14ac:dyDescent="0.2">
      <c r="A81" s="14">
        <v>63</v>
      </c>
      <c r="B81" s="15">
        <v>47</v>
      </c>
      <c r="C81" s="16">
        <v>49</v>
      </c>
      <c r="D81" s="17">
        <v>96</v>
      </c>
    </row>
    <row r="82" spans="1:4" ht="18" customHeight="1" x14ac:dyDescent="0.2">
      <c r="A82" s="14">
        <v>64</v>
      </c>
      <c r="B82" s="15">
        <v>48</v>
      </c>
      <c r="C82" s="16">
        <v>72</v>
      </c>
      <c r="D82" s="17">
        <v>120</v>
      </c>
    </row>
    <row r="83" spans="1:4" ht="18" customHeight="1" x14ac:dyDescent="0.2">
      <c r="A83" s="18" t="s">
        <v>79</v>
      </c>
      <c r="B83" s="15">
        <v>362</v>
      </c>
      <c r="C83" s="16">
        <v>409</v>
      </c>
      <c r="D83" s="17">
        <v>771</v>
      </c>
    </row>
    <row r="84" spans="1:4" ht="18" customHeight="1" x14ac:dyDescent="0.2">
      <c r="A84" s="18" t="s">
        <v>80</v>
      </c>
      <c r="B84" s="15">
        <v>3507</v>
      </c>
      <c r="C84" s="16">
        <v>3559</v>
      </c>
      <c r="D84" s="17">
        <v>7066</v>
      </c>
    </row>
    <row r="85" spans="1:4" ht="18" customHeight="1" x14ac:dyDescent="0.2">
      <c r="A85" s="14">
        <v>65</v>
      </c>
      <c r="B85" s="15">
        <v>80</v>
      </c>
      <c r="C85" s="16">
        <v>105</v>
      </c>
      <c r="D85" s="17">
        <v>185</v>
      </c>
    </row>
    <row r="86" spans="1:4" ht="18" customHeight="1" x14ac:dyDescent="0.2">
      <c r="A86" s="14">
        <v>66</v>
      </c>
      <c r="B86" s="15">
        <v>82</v>
      </c>
      <c r="C86" s="16">
        <v>72</v>
      </c>
      <c r="D86" s="17">
        <v>154</v>
      </c>
    </row>
    <row r="87" spans="1:4" ht="18" customHeight="1" x14ac:dyDescent="0.2">
      <c r="A87" s="14">
        <v>67</v>
      </c>
      <c r="B87" s="15">
        <v>79</v>
      </c>
      <c r="C87" s="16">
        <v>107</v>
      </c>
      <c r="D87" s="17">
        <v>186</v>
      </c>
    </row>
    <row r="88" spans="1:4" ht="18" customHeight="1" x14ac:dyDescent="0.2">
      <c r="A88" s="14">
        <v>68</v>
      </c>
      <c r="B88" s="15">
        <v>62</v>
      </c>
      <c r="C88" s="16">
        <v>68</v>
      </c>
      <c r="D88" s="17">
        <v>130</v>
      </c>
    </row>
    <row r="89" spans="1:4" ht="18" customHeight="1" x14ac:dyDescent="0.2">
      <c r="A89" s="14">
        <v>69</v>
      </c>
      <c r="B89" s="15">
        <v>57</v>
      </c>
      <c r="C89" s="16">
        <v>75</v>
      </c>
      <c r="D89" s="17">
        <v>132</v>
      </c>
    </row>
    <row r="90" spans="1:4" ht="18" customHeight="1" x14ac:dyDescent="0.2">
      <c r="A90" s="18" t="s">
        <v>81</v>
      </c>
      <c r="B90" s="15">
        <v>360</v>
      </c>
      <c r="C90" s="16">
        <v>427</v>
      </c>
      <c r="D90" s="17">
        <v>787</v>
      </c>
    </row>
    <row r="91" spans="1:4" ht="18" customHeight="1" x14ac:dyDescent="0.2">
      <c r="A91" s="14">
        <v>70</v>
      </c>
      <c r="B91" s="15">
        <v>52</v>
      </c>
      <c r="C91" s="16">
        <v>56</v>
      </c>
      <c r="D91" s="17">
        <v>108</v>
      </c>
    </row>
    <row r="92" spans="1:4" ht="18" customHeight="1" x14ac:dyDescent="0.2">
      <c r="A92" s="14">
        <v>71</v>
      </c>
      <c r="B92" s="15">
        <v>55</v>
      </c>
      <c r="C92" s="16">
        <v>69</v>
      </c>
      <c r="D92" s="17">
        <v>124</v>
      </c>
    </row>
    <row r="93" spans="1:4" ht="18" customHeight="1" x14ac:dyDescent="0.2">
      <c r="A93" s="14">
        <v>72</v>
      </c>
      <c r="B93" s="15">
        <v>51</v>
      </c>
      <c r="C93" s="16">
        <v>81</v>
      </c>
      <c r="D93" s="17">
        <v>132</v>
      </c>
    </row>
    <row r="94" spans="1:4" ht="18" customHeight="1" x14ac:dyDescent="0.2">
      <c r="A94" s="14">
        <v>73</v>
      </c>
      <c r="B94" s="15">
        <v>63</v>
      </c>
      <c r="C94" s="16">
        <v>107</v>
      </c>
      <c r="D94" s="17">
        <v>170</v>
      </c>
    </row>
    <row r="95" spans="1:4" ht="18" customHeight="1" x14ac:dyDescent="0.2">
      <c r="A95" s="14">
        <v>74</v>
      </c>
      <c r="B95" s="15">
        <v>58</v>
      </c>
      <c r="C95" s="16">
        <v>70</v>
      </c>
      <c r="D95" s="17">
        <v>128</v>
      </c>
    </row>
    <row r="96" spans="1:4" ht="18" customHeight="1" x14ac:dyDescent="0.2">
      <c r="A96" s="18" t="s">
        <v>82</v>
      </c>
      <c r="B96" s="15">
        <v>279</v>
      </c>
      <c r="C96" s="16">
        <v>383</v>
      </c>
      <c r="D96" s="17">
        <v>662</v>
      </c>
    </row>
    <row r="97" spans="1:4" ht="18" customHeight="1" x14ac:dyDescent="0.2">
      <c r="A97" s="14">
        <v>75</v>
      </c>
      <c r="B97" s="15">
        <v>54</v>
      </c>
      <c r="C97" s="16">
        <v>89</v>
      </c>
      <c r="D97" s="17">
        <v>143</v>
      </c>
    </row>
    <row r="98" spans="1:4" ht="18" customHeight="1" x14ac:dyDescent="0.2">
      <c r="A98" s="14">
        <v>76</v>
      </c>
      <c r="B98" s="15">
        <v>55</v>
      </c>
      <c r="C98" s="16">
        <v>88</v>
      </c>
      <c r="D98" s="17">
        <v>143</v>
      </c>
    </row>
    <row r="99" spans="1:4" ht="18" customHeight="1" x14ac:dyDescent="0.2">
      <c r="A99" s="14">
        <v>77</v>
      </c>
      <c r="B99" s="15">
        <v>45</v>
      </c>
      <c r="C99" s="16">
        <v>73</v>
      </c>
      <c r="D99" s="17">
        <v>118</v>
      </c>
    </row>
    <row r="100" spans="1:4" ht="18" customHeight="1" x14ac:dyDescent="0.2">
      <c r="A100" s="14">
        <v>78</v>
      </c>
      <c r="B100" s="15">
        <v>56</v>
      </c>
      <c r="C100" s="16">
        <v>96</v>
      </c>
      <c r="D100" s="17">
        <v>152</v>
      </c>
    </row>
    <row r="101" spans="1:4" ht="18" customHeight="1" x14ac:dyDescent="0.2">
      <c r="A101" s="14">
        <v>79</v>
      </c>
      <c r="B101" s="15">
        <v>46</v>
      </c>
      <c r="C101" s="16">
        <v>92</v>
      </c>
      <c r="D101" s="17">
        <v>138</v>
      </c>
    </row>
    <row r="102" spans="1:4" ht="18" customHeight="1" x14ac:dyDescent="0.2">
      <c r="A102" s="18" t="s">
        <v>83</v>
      </c>
      <c r="B102" s="15">
        <v>256</v>
      </c>
      <c r="C102" s="16">
        <v>438</v>
      </c>
      <c r="D102" s="17">
        <v>694</v>
      </c>
    </row>
    <row r="103" spans="1:4" ht="18" customHeight="1" x14ac:dyDescent="0.2">
      <c r="A103" s="14">
        <v>80</v>
      </c>
      <c r="B103" s="15">
        <v>38</v>
      </c>
      <c r="C103" s="16">
        <v>91</v>
      </c>
      <c r="D103" s="17">
        <v>129</v>
      </c>
    </row>
    <row r="104" spans="1:4" ht="18" customHeight="1" x14ac:dyDescent="0.2">
      <c r="A104" s="14">
        <v>81</v>
      </c>
      <c r="B104" s="15">
        <v>57</v>
      </c>
      <c r="C104" s="16">
        <v>62</v>
      </c>
      <c r="D104" s="17">
        <v>119</v>
      </c>
    </row>
    <row r="105" spans="1:4" ht="18" customHeight="1" x14ac:dyDescent="0.2">
      <c r="A105" s="14">
        <v>82</v>
      </c>
      <c r="B105" s="15">
        <v>54</v>
      </c>
      <c r="C105" s="16">
        <v>74</v>
      </c>
      <c r="D105" s="17">
        <v>128</v>
      </c>
    </row>
    <row r="106" spans="1:4" ht="18" customHeight="1" x14ac:dyDescent="0.2">
      <c r="A106" s="14">
        <v>83</v>
      </c>
      <c r="B106" s="15">
        <v>32</v>
      </c>
      <c r="C106" s="16">
        <v>51</v>
      </c>
      <c r="D106" s="17">
        <v>83</v>
      </c>
    </row>
    <row r="107" spans="1:4" ht="18" customHeight="1" x14ac:dyDescent="0.2">
      <c r="A107" s="14">
        <v>84</v>
      </c>
      <c r="B107" s="15">
        <v>37</v>
      </c>
      <c r="C107" s="16">
        <v>46</v>
      </c>
      <c r="D107" s="17">
        <v>83</v>
      </c>
    </row>
    <row r="108" spans="1:4" ht="18" customHeight="1" x14ac:dyDescent="0.2">
      <c r="A108" s="18" t="s">
        <v>84</v>
      </c>
      <c r="B108" s="15">
        <v>218</v>
      </c>
      <c r="C108" s="16">
        <v>324</v>
      </c>
      <c r="D108" s="17">
        <v>542</v>
      </c>
    </row>
    <row r="109" spans="1:4" ht="18" customHeight="1" x14ac:dyDescent="0.2">
      <c r="A109" s="14">
        <v>85</v>
      </c>
      <c r="B109" s="15">
        <v>24</v>
      </c>
      <c r="C109" s="16">
        <v>46</v>
      </c>
      <c r="D109" s="17">
        <v>70</v>
      </c>
    </row>
    <row r="110" spans="1:4" ht="18" customHeight="1" x14ac:dyDescent="0.2">
      <c r="A110" s="14">
        <v>86</v>
      </c>
      <c r="B110" s="15">
        <v>24</v>
      </c>
      <c r="C110" s="16">
        <v>37</v>
      </c>
      <c r="D110" s="17">
        <v>61</v>
      </c>
    </row>
    <row r="111" spans="1:4" ht="18" customHeight="1" x14ac:dyDescent="0.2">
      <c r="A111" s="14">
        <v>87</v>
      </c>
      <c r="B111" s="15">
        <v>18</v>
      </c>
      <c r="C111" s="16">
        <v>44</v>
      </c>
      <c r="D111" s="17">
        <v>62</v>
      </c>
    </row>
    <row r="112" spans="1:4" ht="18" customHeight="1" x14ac:dyDescent="0.2">
      <c r="A112" s="14">
        <v>88</v>
      </c>
      <c r="B112" s="15">
        <v>16</v>
      </c>
      <c r="C112" s="16">
        <v>37</v>
      </c>
      <c r="D112" s="17">
        <v>53</v>
      </c>
    </row>
    <row r="113" spans="1:4" ht="18" customHeight="1" x14ac:dyDescent="0.2">
      <c r="A113" s="14">
        <v>89</v>
      </c>
      <c r="B113" s="15">
        <v>11</v>
      </c>
      <c r="C113" s="16">
        <v>16</v>
      </c>
      <c r="D113" s="17">
        <v>27</v>
      </c>
    </row>
    <row r="114" spans="1:4" ht="18" customHeight="1" x14ac:dyDescent="0.2">
      <c r="A114" s="18" t="s">
        <v>85</v>
      </c>
      <c r="B114" s="15">
        <v>93</v>
      </c>
      <c r="C114" s="16">
        <v>180</v>
      </c>
      <c r="D114" s="17">
        <v>273</v>
      </c>
    </row>
    <row r="115" spans="1:4" ht="18" customHeight="1" x14ac:dyDescent="0.2">
      <c r="A115" s="14">
        <v>90</v>
      </c>
      <c r="B115" s="15">
        <v>13</v>
      </c>
      <c r="C115" s="16">
        <v>28</v>
      </c>
      <c r="D115" s="17">
        <v>41</v>
      </c>
    </row>
    <row r="116" spans="1:4" ht="18" customHeight="1" x14ac:dyDescent="0.2">
      <c r="A116" s="14">
        <v>91</v>
      </c>
      <c r="B116" s="15">
        <v>7</v>
      </c>
      <c r="C116" s="16">
        <v>19</v>
      </c>
      <c r="D116" s="17">
        <v>26</v>
      </c>
    </row>
    <row r="117" spans="1:4" ht="18" customHeight="1" x14ac:dyDescent="0.2">
      <c r="A117" s="14">
        <v>92</v>
      </c>
      <c r="B117" s="15">
        <v>5</v>
      </c>
      <c r="C117" s="16">
        <v>18</v>
      </c>
      <c r="D117" s="17">
        <v>23</v>
      </c>
    </row>
    <row r="118" spans="1:4" ht="18" customHeight="1" x14ac:dyDescent="0.2">
      <c r="A118" s="14">
        <v>93</v>
      </c>
      <c r="B118" s="15">
        <v>3</v>
      </c>
      <c r="C118" s="16">
        <v>17</v>
      </c>
      <c r="D118" s="17">
        <v>20</v>
      </c>
    </row>
    <row r="119" spans="1:4" ht="18" customHeight="1" x14ac:dyDescent="0.2">
      <c r="A119" s="14">
        <v>94</v>
      </c>
      <c r="B119" s="15">
        <v>2</v>
      </c>
      <c r="C119" s="16">
        <v>17</v>
      </c>
      <c r="D119" s="17">
        <v>19</v>
      </c>
    </row>
    <row r="120" spans="1:4" ht="18" customHeight="1" x14ac:dyDescent="0.2">
      <c r="A120" s="18" t="s">
        <v>86</v>
      </c>
      <c r="B120" s="15">
        <v>30</v>
      </c>
      <c r="C120" s="16">
        <v>99</v>
      </c>
      <c r="D120" s="17">
        <v>129</v>
      </c>
    </row>
    <row r="121" spans="1:4" ht="18" customHeight="1" x14ac:dyDescent="0.2">
      <c r="A121" s="14">
        <v>95</v>
      </c>
      <c r="B121" s="15">
        <v>6</v>
      </c>
      <c r="C121" s="16">
        <v>10</v>
      </c>
      <c r="D121" s="17">
        <v>16</v>
      </c>
    </row>
    <row r="122" spans="1:4" ht="18" customHeight="1" x14ac:dyDescent="0.2">
      <c r="A122" s="14">
        <v>96</v>
      </c>
      <c r="B122" s="15">
        <v>2</v>
      </c>
      <c r="C122" s="16">
        <v>8</v>
      </c>
      <c r="D122" s="17">
        <v>10</v>
      </c>
    </row>
    <row r="123" spans="1:4" ht="18" customHeight="1" x14ac:dyDescent="0.2">
      <c r="A123" s="14">
        <v>97</v>
      </c>
      <c r="B123" s="15">
        <v>4</v>
      </c>
      <c r="C123" s="16">
        <v>3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87</v>
      </c>
      <c r="B126" s="15">
        <v>13</v>
      </c>
      <c r="C126" s="16">
        <v>27</v>
      </c>
      <c r="D126" s="17">
        <v>40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88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89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90</v>
      </c>
      <c r="B130" s="4">
        <v>1250</v>
      </c>
      <c r="C130" s="5">
        <v>1883</v>
      </c>
      <c r="D130" s="6">
        <v>3133</v>
      </c>
    </row>
    <row r="131" spans="1:4" ht="18" customHeight="1" x14ac:dyDescent="0.2">
      <c r="A131" s="20" t="s">
        <v>65</v>
      </c>
      <c r="B131" s="7">
        <v>5549</v>
      </c>
      <c r="C131" s="8">
        <v>6152</v>
      </c>
      <c r="D131" s="9">
        <v>1170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3</v>
      </c>
      <c r="C5" s="12">
        <v>56</v>
      </c>
      <c r="D5" s="13">
        <v>99</v>
      </c>
    </row>
    <row r="6" spans="1:4" ht="18" customHeight="1" x14ac:dyDescent="0.2">
      <c r="A6" s="14">
        <v>1</v>
      </c>
      <c r="B6" s="15">
        <v>50</v>
      </c>
      <c r="C6" s="16">
        <v>58</v>
      </c>
      <c r="D6" s="17">
        <v>108</v>
      </c>
    </row>
    <row r="7" spans="1:4" ht="18" customHeight="1" x14ac:dyDescent="0.2">
      <c r="A7" s="14">
        <v>2</v>
      </c>
      <c r="B7" s="15">
        <v>77</v>
      </c>
      <c r="C7" s="16">
        <v>66</v>
      </c>
      <c r="D7" s="17">
        <v>143</v>
      </c>
    </row>
    <row r="8" spans="1:4" ht="18" customHeight="1" x14ac:dyDescent="0.2">
      <c r="A8" s="14">
        <v>3</v>
      </c>
      <c r="B8" s="15">
        <v>57</v>
      </c>
      <c r="C8" s="16">
        <v>51</v>
      </c>
      <c r="D8" s="17">
        <v>108</v>
      </c>
    </row>
    <row r="9" spans="1:4" ht="18" customHeight="1" x14ac:dyDescent="0.2">
      <c r="A9" s="14">
        <v>4</v>
      </c>
      <c r="B9" s="15">
        <v>61</v>
      </c>
      <c r="C9" s="16">
        <v>52</v>
      </c>
      <c r="D9" s="17">
        <v>113</v>
      </c>
    </row>
    <row r="10" spans="1:4" ht="18" customHeight="1" x14ac:dyDescent="0.2">
      <c r="A10" s="18" t="s">
        <v>66</v>
      </c>
      <c r="B10" s="15">
        <v>288</v>
      </c>
      <c r="C10" s="16">
        <v>283</v>
      </c>
      <c r="D10" s="17">
        <v>571</v>
      </c>
    </row>
    <row r="11" spans="1:4" ht="18" customHeight="1" x14ac:dyDescent="0.2">
      <c r="A11" s="14">
        <v>5</v>
      </c>
      <c r="B11" s="15">
        <v>62</v>
      </c>
      <c r="C11" s="16">
        <v>50</v>
      </c>
      <c r="D11" s="17">
        <v>112</v>
      </c>
    </row>
    <row r="12" spans="1:4" ht="18" customHeight="1" x14ac:dyDescent="0.2">
      <c r="A12" s="14">
        <v>6</v>
      </c>
      <c r="B12" s="15">
        <v>57</v>
      </c>
      <c r="C12" s="16">
        <v>64</v>
      </c>
      <c r="D12" s="17">
        <v>121</v>
      </c>
    </row>
    <row r="13" spans="1:4" ht="18" customHeight="1" x14ac:dyDescent="0.2">
      <c r="A13" s="14">
        <v>7</v>
      </c>
      <c r="B13" s="15">
        <v>63</v>
      </c>
      <c r="C13" s="16">
        <v>68</v>
      </c>
      <c r="D13" s="17">
        <v>131</v>
      </c>
    </row>
    <row r="14" spans="1:4" ht="18" customHeight="1" x14ac:dyDescent="0.2">
      <c r="A14" s="14">
        <v>8</v>
      </c>
      <c r="B14" s="15">
        <v>59</v>
      </c>
      <c r="C14" s="16">
        <v>51</v>
      </c>
      <c r="D14" s="17">
        <v>110</v>
      </c>
    </row>
    <row r="15" spans="1:4" ht="18" customHeight="1" x14ac:dyDescent="0.2">
      <c r="A15" s="14">
        <v>9</v>
      </c>
      <c r="B15" s="15">
        <v>62</v>
      </c>
      <c r="C15" s="16">
        <v>51</v>
      </c>
      <c r="D15" s="17">
        <v>113</v>
      </c>
    </row>
    <row r="16" spans="1:4" ht="18" customHeight="1" x14ac:dyDescent="0.2">
      <c r="A16" s="18" t="s">
        <v>67</v>
      </c>
      <c r="B16" s="15">
        <v>303</v>
      </c>
      <c r="C16" s="16">
        <v>284</v>
      </c>
      <c r="D16" s="17">
        <v>587</v>
      </c>
    </row>
    <row r="17" spans="1:4" ht="18" customHeight="1" x14ac:dyDescent="0.2">
      <c r="A17" s="14">
        <v>10</v>
      </c>
      <c r="B17" s="15">
        <v>46</v>
      </c>
      <c r="C17" s="16">
        <v>66</v>
      </c>
      <c r="D17" s="17">
        <v>112</v>
      </c>
    </row>
    <row r="18" spans="1:4" ht="18" customHeight="1" x14ac:dyDescent="0.2">
      <c r="A18" s="14">
        <v>11</v>
      </c>
      <c r="B18" s="15">
        <v>65</v>
      </c>
      <c r="C18" s="16">
        <v>59</v>
      </c>
      <c r="D18" s="17">
        <v>124</v>
      </c>
    </row>
    <row r="19" spans="1:4" ht="18" customHeight="1" x14ac:dyDescent="0.2">
      <c r="A19" s="14">
        <v>12</v>
      </c>
      <c r="B19" s="15">
        <v>50</v>
      </c>
      <c r="C19" s="16">
        <v>63</v>
      </c>
      <c r="D19" s="17">
        <v>113</v>
      </c>
    </row>
    <row r="20" spans="1:4" ht="18" customHeight="1" x14ac:dyDescent="0.2">
      <c r="A20" s="14">
        <v>13</v>
      </c>
      <c r="B20" s="15">
        <v>65</v>
      </c>
      <c r="C20" s="16">
        <v>51</v>
      </c>
      <c r="D20" s="17">
        <v>116</v>
      </c>
    </row>
    <row r="21" spans="1:4" ht="18" customHeight="1" x14ac:dyDescent="0.2">
      <c r="A21" s="14">
        <v>14</v>
      </c>
      <c r="B21" s="15">
        <v>67</v>
      </c>
      <c r="C21" s="16">
        <v>55</v>
      </c>
      <c r="D21" s="17">
        <v>122</v>
      </c>
    </row>
    <row r="22" spans="1:4" ht="18" customHeight="1" x14ac:dyDescent="0.2">
      <c r="A22" s="18" t="s">
        <v>68</v>
      </c>
      <c r="B22" s="15">
        <v>293</v>
      </c>
      <c r="C22" s="16">
        <v>294</v>
      </c>
      <c r="D22" s="17">
        <v>587</v>
      </c>
    </row>
    <row r="23" spans="1:4" ht="18" customHeight="1" x14ac:dyDescent="0.2">
      <c r="A23" s="18" t="s">
        <v>69</v>
      </c>
      <c r="B23" s="15">
        <v>884</v>
      </c>
      <c r="C23" s="16">
        <v>861</v>
      </c>
      <c r="D23" s="17">
        <v>1745</v>
      </c>
    </row>
    <row r="24" spans="1:4" ht="18" customHeight="1" x14ac:dyDescent="0.2">
      <c r="A24" s="14">
        <v>15</v>
      </c>
      <c r="B24" s="15">
        <v>94</v>
      </c>
      <c r="C24" s="16">
        <v>61</v>
      </c>
      <c r="D24" s="17">
        <v>155</v>
      </c>
    </row>
    <row r="25" spans="1:4" ht="18" customHeight="1" x14ac:dyDescent="0.2">
      <c r="A25" s="14">
        <v>16</v>
      </c>
      <c r="B25" s="15">
        <v>71</v>
      </c>
      <c r="C25" s="16">
        <v>57</v>
      </c>
      <c r="D25" s="17">
        <v>128</v>
      </c>
    </row>
    <row r="26" spans="1:4" ht="18" customHeight="1" x14ac:dyDescent="0.2">
      <c r="A26" s="14">
        <v>17</v>
      </c>
      <c r="B26" s="15">
        <v>85</v>
      </c>
      <c r="C26" s="16">
        <v>62</v>
      </c>
      <c r="D26" s="17">
        <v>147</v>
      </c>
    </row>
    <row r="27" spans="1:4" ht="18" customHeight="1" x14ac:dyDescent="0.2">
      <c r="A27" s="14">
        <v>18</v>
      </c>
      <c r="B27" s="15">
        <v>62</v>
      </c>
      <c r="C27" s="16">
        <v>52</v>
      </c>
      <c r="D27" s="17">
        <v>114</v>
      </c>
    </row>
    <row r="28" spans="1:4" ht="18" customHeight="1" x14ac:dyDescent="0.2">
      <c r="A28" s="14">
        <v>19</v>
      </c>
      <c r="B28" s="15">
        <v>72</v>
      </c>
      <c r="C28" s="16">
        <v>60</v>
      </c>
      <c r="D28" s="17">
        <v>132</v>
      </c>
    </row>
    <row r="29" spans="1:4" ht="18" customHeight="1" x14ac:dyDescent="0.2">
      <c r="A29" s="18" t="s">
        <v>70</v>
      </c>
      <c r="B29" s="15">
        <v>384</v>
      </c>
      <c r="C29" s="16">
        <v>292</v>
      </c>
      <c r="D29" s="17">
        <v>676</v>
      </c>
    </row>
    <row r="30" spans="1:4" ht="18" customHeight="1" x14ac:dyDescent="0.2">
      <c r="A30" s="14">
        <v>20</v>
      </c>
      <c r="B30" s="15">
        <v>73</v>
      </c>
      <c r="C30" s="16">
        <v>56</v>
      </c>
      <c r="D30" s="17">
        <v>129</v>
      </c>
    </row>
    <row r="31" spans="1:4" ht="18" customHeight="1" x14ac:dyDescent="0.2">
      <c r="A31" s="14">
        <v>21</v>
      </c>
      <c r="B31" s="15">
        <v>51</v>
      </c>
      <c r="C31" s="16">
        <v>61</v>
      </c>
      <c r="D31" s="17">
        <v>112</v>
      </c>
    </row>
    <row r="32" spans="1:4" ht="18" customHeight="1" x14ac:dyDescent="0.2">
      <c r="A32" s="14">
        <v>22</v>
      </c>
      <c r="B32" s="15">
        <v>60</v>
      </c>
      <c r="C32" s="16">
        <v>56</v>
      </c>
      <c r="D32" s="17">
        <v>116</v>
      </c>
    </row>
    <row r="33" spans="1:4" ht="18" customHeight="1" x14ac:dyDescent="0.2">
      <c r="A33" s="14">
        <v>23</v>
      </c>
      <c r="B33" s="15">
        <v>53</v>
      </c>
      <c r="C33" s="16">
        <v>53</v>
      </c>
      <c r="D33" s="17">
        <v>106</v>
      </c>
    </row>
    <row r="34" spans="1:4" ht="18" customHeight="1" x14ac:dyDescent="0.2">
      <c r="A34" s="14">
        <v>24</v>
      </c>
      <c r="B34" s="15">
        <v>69</v>
      </c>
      <c r="C34" s="16">
        <v>62</v>
      </c>
      <c r="D34" s="17">
        <v>131</v>
      </c>
    </row>
    <row r="35" spans="1:4" ht="18" customHeight="1" x14ac:dyDescent="0.2">
      <c r="A35" s="18" t="s">
        <v>71</v>
      </c>
      <c r="B35" s="15">
        <v>306</v>
      </c>
      <c r="C35" s="16">
        <v>288</v>
      </c>
      <c r="D35" s="17">
        <v>594</v>
      </c>
    </row>
    <row r="36" spans="1:4" ht="18" customHeight="1" x14ac:dyDescent="0.2">
      <c r="A36" s="14">
        <v>25</v>
      </c>
      <c r="B36" s="15">
        <v>66</v>
      </c>
      <c r="C36" s="16">
        <v>70</v>
      </c>
      <c r="D36" s="17">
        <v>136</v>
      </c>
    </row>
    <row r="37" spans="1:4" ht="18" customHeight="1" x14ac:dyDescent="0.2">
      <c r="A37" s="14">
        <v>26</v>
      </c>
      <c r="B37" s="15">
        <v>63</v>
      </c>
      <c r="C37" s="16">
        <v>67</v>
      </c>
      <c r="D37" s="17">
        <v>130</v>
      </c>
    </row>
    <row r="38" spans="1:4" ht="18" customHeight="1" x14ac:dyDescent="0.2">
      <c r="A38" s="14">
        <v>27</v>
      </c>
      <c r="B38" s="15">
        <v>69</v>
      </c>
      <c r="C38" s="16">
        <v>72</v>
      </c>
      <c r="D38" s="17">
        <v>141</v>
      </c>
    </row>
    <row r="39" spans="1:4" ht="18" customHeight="1" x14ac:dyDescent="0.2">
      <c r="A39" s="14">
        <v>28</v>
      </c>
      <c r="B39" s="15">
        <v>67</v>
      </c>
      <c r="C39" s="16">
        <v>66</v>
      </c>
      <c r="D39" s="17">
        <v>133</v>
      </c>
    </row>
    <row r="40" spans="1:4" ht="18" customHeight="1" x14ac:dyDescent="0.2">
      <c r="A40" s="14">
        <v>29</v>
      </c>
      <c r="B40" s="15">
        <v>68</v>
      </c>
      <c r="C40" s="16">
        <v>81</v>
      </c>
      <c r="D40" s="17">
        <v>149</v>
      </c>
    </row>
    <row r="41" spans="1:4" ht="18" customHeight="1" x14ac:dyDescent="0.2">
      <c r="A41" s="18" t="s">
        <v>72</v>
      </c>
      <c r="B41" s="15">
        <v>333</v>
      </c>
      <c r="C41" s="16">
        <v>356</v>
      </c>
      <c r="D41" s="17">
        <v>689</v>
      </c>
    </row>
    <row r="42" spans="1:4" ht="18" customHeight="1" x14ac:dyDescent="0.2">
      <c r="A42" s="14">
        <v>30</v>
      </c>
      <c r="B42" s="15">
        <v>77</v>
      </c>
      <c r="C42" s="16">
        <v>71</v>
      </c>
      <c r="D42" s="17">
        <v>148</v>
      </c>
    </row>
    <row r="43" spans="1:4" ht="18" customHeight="1" x14ac:dyDescent="0.2">
      <c r="A43" s="14">
        <v>31</v>
      </c>
      <c r="B43" s="15">
        <v>102</v>
      </c>
      <c r="C43" s="16">
        <v>76</v>
      </c>
      <c r="D43" s="17">
        <v>178</v>
      </c>
    </row>
    <row r="44" spans="1:4" ht="18" customHeight="1" x14ac:dyDescent="0.2">
      <c r="A44" s="14">
        <v>32</v>
      </c>
      <c r="B44" s="15">
        <v>95</v>
      </c>
      <c r="C44" s="16">
        <v>88</v>
      </c>
      <c r="D44" s="17">
        <v>183</v>
      </c>
    </row>
    <row r="45" spans="1:4" ht="18" customHeight="1" x14ac:dyDescent="0.2">
      <c r="A45" s="14">
        <v>33</v>
      </c>
      <c r="B45" s="15">
        <v>99</v>
      </c>
      <c r="C45" s="16">
        <v>92</v>
      </c>
      <c r="D45" s="17">
        <v>191</v>
      </c>
    </row>
    <row r="46" spans="1:4" ht="18" customHeight="1" x14ac:dyDescent="0.2">
      <c r="A46" s="14">
        <v>34</v>
      </c>
      <c r="B46" s="15">
        <v>112</v>
      </c>
      <c r="C46" s="16">
        <v>101</v>
      </c>
      <c r="D46" s="17">
        <v>213</v>
      </c>
    </row>
    <row r="47" spans="1:4" ht="18" customHeight="1" x14ac:dyDescent="0.2">
      <c r="A47" s="18" t="s">
        <v>73</v>
      </c>
      <c r="B47" s="15">
        <v>485</v>
      </c>
      <c r="C47" s="16">
        <v>428</v>
      </c>
      <c r="D47" s="17">
        <v>913</v>
      </c>
    </row>
    <row r="48" spans="1:4" ht="18" customHeight="1" x14ac:dyDescent="0.2">
      <c r="A48" s="14">
        <v>35</v>
      </c>
      <c r="B48" s="15">
        <v>102</v>
      </c>
      <c r="C48" s="16">
        <v>101</v>
      </c>
      <c r="D48" s="17">
        <v>203</v>
      </c>
    </row>
    <row r="49" spans="1:4" ht="18" customHeight="1" x14ac:dyDescent="0.2">
      <c r="A49" s="14">
        <v>36</v>
      </c>
      <c r="B49" s="15">
        <v>90</v>
      </c>
      <c r="C49" s="16">
        <v>99</v>
      </c>
      <c r="D49" s="17">
        <v>189</v>
      </c>
    </row>
    <row r="50" spans="1:4" ht="18" customHeight="1" x14ac:dyDescent="0.2">
      <c r="A50" s="14">
        <v>37</v>
      </c>
      <c r="B50" s="15">
        <v>108</v>
      </c>
      <c r="C50" s="16">
        <v>119</v>
      </c>
      <c r="D50" s="17">
        <v>227</v>
      </c>
    </row>
    <row r="51" spans="1:4" ht="18" customHeight="1" x14ac:dyDescent="0.2">
      <c r="A51" s="14">
        <v>38</v>
      </c>
      <c r="B51" s="15">
        <v>102</v>
      </c>
      <c r="C51" s="16">
        <v>109</v>
      </c>
      <c r="D51" s="17">
        <v>211</v>
      </c>
    </row>
    <row r="52" spans="1:4" ht="18" customHeight="1" x14ac:dyDescent="0.2">
      <c r="A52" s="14">
        <v>39</v>
      </c>
      <c r="B52" s="15">
        <v>80</v>
      </c>
      <c r="C52" s="16">
        <v>74</v>
      </c>
      <c r="D52" s="17">
        <v>154</v>
      </c>
    </row>
    <row r="53" spans="1:4" ht="18" customHeight="1" x14ac:dyDescent="0.2">
      <c r="A53" s="18" t="s">
        <v>74</v>
      </c>
      <c r="B53" s="15">
        <v>482</v>
      </c>
      <c r="C53" s="16">
        <v>502</v>
      </c>
      <c r="D53" s="17">
        <v>984</v>
      </c>
    </row>
    <row r="54" spans="1:4" ht="18" customHeight="1" x14ac:dyDescent="0.2">
      <c r="A54" s="14">
        <v>40</v>
      </c>
      <c r="B54" s="15">
        <v>101</v>
      </c>
      <c r="C54" s="16">
        <v>89</v>
      </c>
      <c r="D54" s="17">
        <v>190</v>
      </c>
    </row>
    <row r="55" spans="1:4" ht="18" customHeight="1" x14ac:dyDescent="0.2">
      <c r="A55" s="14">
        <v>41</v>
      </c>
      <c r="B55" s="15">
        <v>98</v>
      </c>
      <c r="C55" s="16">
        <v>90</v>
      </c>
      <c r="D55" s="17">
        <v>188</v>
      </c>
    </row>
    <row r="56" spans="1:4" ht="18" customHeight="1" x14ac:dyDescent="0.2">
      <c r="A56" s="14">
        <v>42</v>
      </c>
      <c r="B56" s="15">
        <v>83</v>
      </c>
      <c r="C56" s="16">
        <v>73</v>
      </c>
      <c r="D56" s="17">
        <v>156</v>
      </c>
    </row>
    <row r="57" spans="1:4" ht="18" customHeight="1" x14ac:dyDescent="0.2">
      <c r="A57" s="14">
        <v>43</v>
      </c>
      <c r="B57" s="15">
        <v>67</v>
      </c>
      <c r="C57" s="16">
        <v>81</v>
      </c>
      <c r="D57" s="17">
        <v>148</v>
      </c>
    </row>
    <row r="58" spans="1:4" ht="18" customHeight="1" x14ac:dyDescent="0.2">
      <c r="A58" s="14">
        <v>44</v>
      </c>
      <c r="B58" s="15">
        <v>90</v>
      </c>
      <c r="C58" s="16">
        <v>97</v>
      </c>
      <c r="D58" s="17">
        <v>187</v>
      </c>
    </row>
    <row r="59" spans="1:4" ht="18" customHeight="1" x14ac:dyDescent="0.2">
      <c r="A59" s="18" t="s">
        <v>75</v>
      </c>
      <c r="B59" s="15">
        <v>439</v>
      </c>
      <c r="C59" s="16">
        <v>430</v>
      </c>
      <c r="D59" s="17">
        <v>869</v>
      </c>
    </row>
    <row r="60" spans="1:4" ht="18" customHeight="1" x14ac:dyDescent="0.2">
      <c r="A60" s="14">
        <v>45</v>
      </c>
      <c r="B60" s="15">
        <v>79</v>
      </c>
      <c r="C60" s="16">
        <v>89</v>
      </c>
      <c r="D60" s="17">
        <v>168</v>
      </c>
    </row>
    <row r="61" spans="1:4" ht="18" customHeight="1" x14ac:dyDescent="0.2">
      <c r="A61" s="14">
        <v>46</v>
      </c>
      <c r="B61" s="15">
        <v>73</v>
      </c>
      <c r="C61" s="16">
        <v>68</v>
      </c>
      <c r="D61" s="17">
        <v>141</v>
      </c>
    </row>
    <row r="62" spans="1:4" ht="18" customHeight="1" x14ac:dyDescent="0.2">
      <c r="A62" s="14">
        <v>47</v>
      </c>
      <c r="B62" s="15">
        <v>77</v>
      </c>
      <c r="C62" s="16">
        <v>74</v>
      </c>
      <c r="D62" s="17">
        <v>151</v>
      </c>
    </row>
    <row r="63" spans="1:4" ht="18" customHeight="1" x14ac:dyDescent="0.2">
      <c r="A63" s="14">
        <v>48</v>
      </c>
      <c r="B63" s="15">
        <v>68</v>
      </c>
      <c r="C63" s="16">
        <v>93</v>
      </c>
      <c r="D63" s="17">
        <v>161</v>
      </c>
    </row>
    <row r="64" spans="1:4" ht="18" customHeight="1" x14ac:dyDescent="0.2">
      <c r="A64" s="14">
        <v>49</v>
      </c>
      <c r="B64" s="15">
        <v>74</v>
      </c>
      <c r="C64" s="16">
        <v>83</v>
      </c>
      <c r="D64" s="17">
        <v>157</v>
      </c>
    </row>
    <row r="65" spans="1:4" ht="18" customHeight="1" x14ac:dyDescent="0.2">
      <c r="A65" s="18" t="s">
        <v>76</v>
      </c>
      <c r="B65" s="15">
        <v>371</v>
      </c>
      <c r="C65" s="16">
        <v>407</v>
      </c>
      <c r="D65" s="17">
        <v>778</v>
      </c>
    </row>
    <row r="66" spans="1:4" ht="18" customHeight="1" x14ac:dyDescent="0.2">
      <c r="A66" s="14">
        <v>50</v>
      </c>
      <c r="B66" s="15">
        <v>81</v>
      </c>
      <c r="C66" s="16">
        <v>77</v>
      </c>
      <c r="D66" s="17">
        <v>158</v>
      </c>
    </row>
    <row r="67" spans="1:4" ht="18" customHeight="1" x14ac:dyDescent="0.2">
      <c r="A67" s="14">
        <v>51</v>
      </c>
      <c r="B67" s="15">
        <v>68</v>
      </c>
      <c r="C67" s="16">
        <v>60</v>
      </c>
      <c r="D67" s="17">
        <v>128</v>
      </c>
    </row>
    <row r="68" spans="1:4" ht="18" customHeight="1" x14ac:dyDescent="0.2">
      <c r="A68" s="14">
        <v>52</v>
      </c>
      <c r="B68" s="15">
        <v>69</v>
      </c>
      <c r="C68" s="16">
        <v>67</v>
      </c>
      <c r="D68" s="17">
        <v>136</v>
      </c>
    </row>
    <row r="69" spans="1:4" ht="18" customHeight="1" x14ac:dyDescent="0.2">
      <c r="A69" s="14">
        <v>53</v>
      </c>
      <c r="B69" s="15">
        <v>80</v>
      </c>
      <c r="C69" s="16">
        <v>81</v>
      </c>
      <c r="D69" s="17">
        <v>161</v>
      </c>
    </row>
    <row r="70" spans="1:4" ht="18" customHeight="1" x14ac:dyDescent="0.2">
      <c r="A70" s="14">
        <v>54</v>
      </c>
      <c r="B70" s="15">
        <v>74</v>
      </c>
      <c r="C70" s="16">
        <v>84</v>
      </c>
      <c r="D70" s="17">
        <v>158</v>
      </c>
    </row>
    <row r="71" spans="1:4" ht="18" customHeight="1" x14ac:dyDescent="0.2">
      <c r="A71" s="18" t="s">
        <v>77</v>
      </c>
      <c r="B71" s="15">
        <v>372</v>
      </c>
      <c r="C71" s="16">
        <v>369</v>
      </c>
      <c r="D71" s="17">
        <v>741</v>
      </c>
    </row>
    <row r="72" spans="1:4" ht="18" customHeight="1" x14ac:dyDescent="0.2">
      <c r="A72" s="14">
        <v>55</v>
      </c>
      <c r="B72" s="15">
        <v>96</v>
      </c>
      <c r="C72" s="16">
        <v>80</v>
      </c>
      <c r="D72" s="17">
        <v>176</v>
      </c>
    </row>
    <row r="73" spans="1:4" ht="18" customHeight="1" x14ac:dyDescent="0.2">
      <c r="A73" s="14">
        <v>56</v>
      </c>
      <c r="B73" s="15">
        <v>90</v>
      </c>
      <c r="C73" s="16">
        <v>91</v>
      </c>
      <c r="D73" s="17">
        <v>181</v>
      </c>
    </row>
    <row r="74" spans="1:4" ht="18" customHeight="1" x14ac:dyDescent="0.2">
      <c r="A74" s="14">
        <v>57</v>
      </c>
      <c r="B74" s="15">
        <v>97</v>
      </c>
      <c r="C74" s="16">
        <v>93</v>
      </c>
      <c r="D74" s="17">
        <v>190</v>
      </c>
    </row>
    <row r="75" spans="1:4" ht="18" customHeight="1" x14ac:dyDescent="0.2">
      <c r="A75" s="14">
        <v>58</v>
      </c>
      <c r="B75" s="15">
        <v>77</v>
      </c>
      <c r="C75" s="16">
        <v>109</v>
      </c>
      <c r="D75" s="17">
        <v>186</v>
      </c>
    </row>
    <row r="76" spans="1:4" ht="18" customHeight="1" x14ac:dyDescent="0.2">
      <c r="A76" s="14">
        <v>59</v>
      </c>
      <c r="B76" s="15">
        <v>99</v>
      </c>
      <c r="C76" s="16">
        <v>113</v>
      </c>
      <c r="D76" s="17">
        <v>212</v>
      </c>
    </row>
    <row r="77" spans="1:4" ht="18" customHeight="1" x14ac:dyDescent="0.2">
      <c r="A77" s="18" t="s">
        <v>78</v>
      </c>
      <c r="B77" s="15">
        <v>459</v>
      </c>
      <c r="C77" s="16">
        <v>486</v>
      </c>
      <c r="D77" s="17">
        <v>945</v>
      </c>
    </row>
    <row r="78" spans="1:4" ht="18" customHeight="1" x14ac:dyDescent="0.2">
      <c r="A78" s="14">
        <v>60</v>
      </c>
      <c r="B78" s="15">
        <v>127</v>
      </c>
      <c r="C78" s="16">
        <v>121</v>
      </c>
      <c r="D78" s="17">
        <v>248</v>
      </c>
    </row>
    <row r="79" spans="1:4" ht="18" customHeight="1" x14ac:dyDescent="0.2">
      <c r="A79" s="14">
        <v>61</v>
      </c>
      <c r="B79" s="15">
        <v>122</v>
      </c>
      <c r="C79" s="16">
        <v>117</v>
      </c>
      <c r="D79" s="17">
        <v>239</v>
      </c>
    </row>
    <row r="80" spans="1:4" ht="18" customHeight="1" x14ac:dyDescent="0.2">
      <c r="A80" s="14">
        <v>62</v>
      </c>
      <c r="B80" s="15">
        <v>120</v>
      </c>
      <c r="C80" s="16">
        <v>114</v>
      </c>
      <c r="D80" s="17">
        <v>234</v>
      </c>
    </row>
    <row r="81" spans="1:4" ht="18" customHeight="1" x14ac:dyDescent="0.2">
      <c r="A81" s="14">
        <v>63</v>
      </c>
      <c r="B81" s="15">
        <v>58</v>
      </c>
      <c r="C81" s="16">
        <v>67</v>
      </c>
      <c r="D81" s="17">
        <v>125</v>
      </c>
    </row>
    <row r="82" spans="1:4" ht="18" customHeight="1" x14ac:dyDescent="0.2">
      <c r="A82" s="14">
        <v>64</v>
      </c>
      <c r="B82" s="15">
        <v>81</v>
      </c>
      <c r="C82" s="16">
        <v>93</v>
      </c>
      <c r="D82" s="17">
        <v>174</v>
      </c>
    </row>
    <row r="83" spans="1:4" ht="18" customHeight="1" x14ac:dyDescent="0.2">
      <c r="A83" s="18" t="s">
        <v>79</v>
      </c>
      <c r="B83" s="15">
        <v>508</v>
      </c>
      <c r="C83" s="16">
        <v>512</v>
      </c>
      <c r="D83" s="17">
        <v>1020</v>
      </c>
    </row>
    <row r="84" spans="1:4" ht="18" customHeight="1" x14ac:dyDescent="0.2">
      <c r="A84" s="18" t="s">
        <v>80</v>
      </c>
      <c r="B84" s="15">
        <v>4139</v>
      </c>
      <c r="C84" s="16">
        <v>4070</v>
      </c>
      <c r="D84" s="17">
        <v>8209</v>
      </c>
    </row>
    <row r="85" spans="1:4" ht="18" customHeight="1" x14ac:dyDescent="0.2">
      <c r="A85" s="14">
        <v>65</v>
      </c>
      <c r="B85" s="15">
        <v>93</v>
      </c>
      <c r="C85" s="16">
        <v>104</v>
      </c>
      <c r="D85" s="17">
        <v>197</v>
      </c>
    </row>
    <row r="86" spans="1:4" ht="18" customHeight="1" x14ac:dyDescent="0.2">
      <c r="A86" s="14">
        <v>66</v>
      </c>
      <c r="B86" s="15">
        <v>74</v>
      </c>
      <c r="C86" s="16">
        <v>101</v>
      </c>
      <c r="D86" s="17">
        <v>175</v>
      </c>
    </row>
    <row r="87" spans="1:4" ht="18" customHeight="1" x14ac:dyDescent="0.2">
      <c r="A87" s="14">
        <v>67</v>
      </c>
      <c r="B87" s="15">
        <v>92</v>
      </c>
      <c r="C87" s="16">
        <v>107</v>
      </c>
      <c r="D87" s="17">
        <v>199</v>
      </c>
    </row>
    <row r="88" spans="1:4" ht="18" customHeight="1" x14ac:dyDescent="0.2">
      <c r="A88" s="14">
        <v>68</v>
      </c>
      <c r="B88" s="15">
        <v>86</v>
      </c>
      <c r="C88" s="16">
        <v>88</v>
      </c>
      <c r="D88" s="17">
        <v>174</v>
      </c>
    </row>
    <row r="89" spans="1:4" ht="18" customHeight="1" x14ac:dyDescent="0.2">
      <c r="A89" s="14">
        <v>69</v>
      </c>
      <c r="B89" s="15">
        <v>76</v>
      </c>
      <c r="C89" s="16">
        <v>66</v>
      </c>
      <c r="D89" s="17">
        <v>142</v>
      </c>
    </row>
    <row r="90" spans="1:4" ht="18" customHeight="1" x14ac:dyDescent="0.2">
      <c r="A90" s="18" t="s">
        <v>81</v>
      </c>
      <c r="B90" s="15">
        <v>421</v>
      </c>
      <c r="C90" s="16">
        <v>466</v>
      </c>
      <c r="D90" s="17">
        <v>887</v>
      </c>
    </row>
    <row r="91" spans="1:4" ht="18" customHeight="1" x14ac:dyDescent="0.2">
      <c r="A91" s="14">
        <v>70</v>
      </c>
      <c r="B91" s="15">
        <v>56</v>
      </c>
      <c r="C91" s="16">
        <v>61</v>
      </c>
      <c r="D91" s="17">
        <v>117</v>
      </c>
    </row>
    <row r="92" spans="1:4" ht="18" customHeight="1" x14ac:dyDescent="0.2">
      <c r="A92" s="14">
        <v>71</v>
      </c>
      <c r="B92" s="15">
        <v>59</v>
      </c>
      <c r="C92" s="16">
        <v>67</v>
      </c>
      <c r="D92" s="17">
        <v>126</v>
      </c>
    </row>
    <row r="93" spans="1:4" ht="18" customHeight="1" x14ac:dyDescent="0.2">
      <c r="A93" s="14">
        <v>72</v>
      </c>
      <c r="B93" s="15">
        <v>68</v>
      </c>
      <c r="C93" s="16">
        <v>82</v>
      </c>
      <c r="D93" s="17">
        <v>150</v>
      </c>
    </row>
    <row r="94" spans="1:4" ht="18" customHeight="1" x14ac:dyDescent="0.2">
      <c r="A94" s="14">
        <v>73</v>
      </c>
      <c r="B94" s="15">
        <v>61</v>
      </c>
      <c r="C94" s="16">
        <v>83</v>
      </c>
      <c r="D94" s="17">
        <v>144</v>
      </c>
    </row>
    <row r="95" spans="1:4" ht="18" customHeight="1" x14ac:dyDescent="0.2">
      <c r="A95" s="14">
        <v>74</v>
      </c>
      <c r="B95" s="15">
        <v>68</v>
      </c>
      <c r="C95" s="16">
        <v>80</v>
      </c>
      <c r="D95" s="17">
        <v>148</v>
      </c>
    </row>
    <row r="96" spans="1:4" ht="18" customHeight="1" x14ac:dyDescent="0.2">
      <c r="A96" s="18" t="s">
        <v>82</v>
      </c>
      <c r="B96" s="15">
        <v>312</v>
      </c>
      <c r="C96" s="16">
        <v>373</v>
      </c>
      <c r="D96" s="17">
        <v>685</v>
      </c>
    </row>
    <row r="97" spans="1:4" ht="18" customHeight="1" x14ac:dyDescent="0.2">
      <c r="A97" s="14">
        <v>75</v>
      </c>
      <c r="B97" s="15">
        <v>48</v>
      </c>
      <c r="C97" s="16">
        <v>65</v>
      </c>
      <c r="D97" s="17">
        <v>113</v>
      </c>
    </row>
    <row r="98" spans="1:4" ht="18" customHeight="1" x14ac:dyDescent="0.2">
      <c r="A98" s="14">
        <v>76</v>
      </c>
      <c r="B98" s="15">
        <v>67</v>
      </c>
      <c r="C98" s="16">
        <v>86</v>
      </c>
      <c r="D98" s="17">
        <v>153</v>
      </c>
    </row>
    <row r="99" spans="1:4" ht="18" customHeight="1" x14ac:dyDescent="0.2">
      <c r="A99" s="14">
        <v>77</v>
      </c>
      <c r="B99" s="15">
        <v>49</v>
      </c>
      <c r="C99" s="16">
        <v>63</v>
      </c>
      <c r="D99" s="17">
        <v>112</v>
      </c>
    </row>
    <row r="100" spans="1:4" ht="18" customHeight="1" x14ac:dyDescent="0.2">
      <c r="A100" s="14">
        <v>78</v>
      </c>
      <c r="B100" s="15">
        <v>49</v>
      </c>
      <c r="C100" s="16">
        <v>71</v>
      </c>
      <c r="D100" s="17">
        <v>120</v>
      </c>
    </row>
    <row r="101" spans="1:4" ht="18" customHeight="1" x14ac:dyDescent="0.2">
      <c r="A101" s="14">
        <v>79</v>
      </c>
      <c r="B101" s="15">
        <v>45</v>
      </c>
      <c r="C101" s="16">
        <v>59</v>
      </c>
      <c r="D101" s="17">
        <v>104</v>
      </c>
    </row>
    <row r="102" spans="1:4" ht="18" customHeight="1" x14ac:dyDescent="0.2">
      <c r="A102" s="18" t="s">
        <v>83</v>
      </c>
      <c r="B102" s="15">
        <v>258</v>
      </c>
      <c r="C102" s="16">
        <v>344</v>
      </c>
      <c r="D102" s="17">
        <v>602</v>
      </c>
    </row>
    <row r="103" spans="1:4" ht="18" customHeight="1" x14ac:dyDescent="0.2">
      <c r="A103" s="14">
        <v>80</v>
      </c>
      <c r="B103" s="15">
        <v>42</v>
      </c>
      <c r="C103" s="16">
        <v>48</v>
      </c>
      <c r="D103" s="17">
        <v>90</v>
      </c>
    </row>
    <row r="104" spans="1:4" ht="18" customHeight="1" x14ac:dyDescent="0.2">
      <c r="A104" s="14">
        <v>81</v>
      </c>
      <c r="B104" s="15">
        <v>32</v>
      </c>
      <c r="C104" s="16">
        <v>45</v>
      </c>
      <c r="D104" s="17">
        <v>77</v>
      </c>
    </row>
    <row r="105" spans="1:4" ht="18" customHeight="1" x14ac:dyDescent="0.2">
      <c r="A105" s="14">
        <v>82</v>
      </c>
      <c r="B105" s="15">
        <v>45</v>
      </c>
      <c r="C105" s="16">
        <v>43</v>
      </c>
      <c r="D105" s="17">
        <v>88</v>
      </c>
    </row>
    <row r="106" spans="1:4" ht="18" customHeight="1" x14ac:dyDescent="0.2">
      <c r="A106" s="14">
        <v>83</v>
      </c>
      <c r="B106" s="15">
        <v>24</v>
      </c>
      <c r="C106" s="16">
        <v>44</v>
      </c>
      <c r="D106" s="17">
        <v>68</v>
      </c>
    </row>
    <row r="107" spans="1:4" ht="18" customHeight="1" x14ac:dyDescent="0.2">
      <c r="A107" s="14">
        <v>84</v>
      </c>
      <c r="B107" s="15">
        <v>27</v>
      </c>
      <c r="C107" s="16">
        <v>42</v>
      </c>
      <c r="D107" s="17">
        <v>69</v>
      </c>
    </row>
    <row r="108" spans="1:4" ht="18" customHeight="1" x14ac:dyDescent="0.2">
      <c r="A108" s="18" t="s">
        <v>84</v>
      </c>
      <c r="B108" s="15">
        <v>170</v>
      </c>
      <c r="C108" s="16">
        <v>222</v>
      </c>
      <c r="D108" s="17">
        <v>392</v>
      </c>
    </row>
    <row r="109" spans="1:4" ht="18" customHeight="1" x14ac:dyDescent="0.2">
      <c r="A109" s="14">
        <v>85</v>
      </c>
      <c r="B109" s="15">
        <v>16</v>
      </c>
      <c r="C109" s="16">
        <v>32</v>
      </c>
      <c r="D109" s="17">
        <v>48</v>
      </c>
    </row>
    <row r="110" spans="1:4" ht="18" customHeight="1" x14ac:dyDescent="0.2">
      <c r="A110" s="14">
        <v>86</v>
      </c>
      <c r="B110" s="15">
        <v>16</v>
      </c>
      <c r="C110" s="16">
        <v>30</v>
      </c>
      <c r="D110" s="17">
        <v>46</v>
      </c>
    </row>
    <row r="111" spans="1:4" ht="18" customHeight="1" x14ac:dyDescent="0.2">
      <c r="A111" s="14">
        <v>87</v>
      </c>
      <c r="B111" s="15">
        <v>9</v>
      </c>
      <c r="C111" s="16">
        <v>24</v>
      </c>
      <c r="D111" s="17">
        <v>33</v>
      </c>
    </row>
    <row r="112" spans="1:4" ht="18" customHeight="1" x14ac:dyDescent="0.2">
      <c r="A112" s="14">
        <v>88</v>
      </c>
      <c r="B112" s="15">
        <v>13</v>
      </c>
      <c r="C112" s="16">
        <v>22</v>
      </c>
      <c r="D112" s="17">
        <v>35</v>
      </c>
    </row>
    <row r="113" spans="1:4" ht="18" customHeight="1" x14ac:dyDescent="0.2">
      <c r="A113" s="14">
        <v>89</v>
      </c>
      <c r="B113" s="15">
        <v>7</v>
      </c>
      <c r="C113" s="16">
        <v>18</v>
      </c>
      <c r="D113" s="17">
        <v>25</v>
      </c>
    </row>
    <row r="114" spans="1:4" ht="18" customHeight="1" x14ac:dyDescent="0.2">
      <c r="A114" s="18" t="s">
        <v>85</v>
      </c>
      <c r="B114" s="15">
        <v>61</v>
      </c>
      <c r="C114" s="16">
        <v>126</v>
      </c>
      <c r="D114" s="17">
        <v>187</v>
      </c>
    </row>
    <row r="115" spans="1:4" ht="18" customHeight="1" x14ac:dyDescent="0.2">
      <c r="A115" s="14">
        <v>90</v>
      </c>
      <c r="B115" s="15">
        <v>3</v>
      </c>
      <c r="C115" s="16">
        <v>19</v>
      </c>
      <c r="D115" s="17">
        <v>22</v>
      </c>
    </row>
    <row r="116" spans="1:4" ht="18" customHeight="1" x14ac:dyDescent="0.2">
      <c r="A116" s="14">
        <v>91</v>
      </c>
      <c r="B116" s="15">
        <v>4</v>
      </c>
      <c r="C116" s="16">
        <v>9</v>
      </c>
      <c r="D116" s="17">
        <v>13</v>
      </c>
    </row>
    <row r="117" spans="1:4" ht="18" customHeight="1" x14ac:dyDescent="0.2">
      <c r="A117" s="14">
        <v>92</v>
      </c>
      <c r="B117" s="15">
        <v>3</v>
      </c>
      <c r="C117" s="16">
        <v>12</v>
      </c>
      <c r="D117" s="17">
        <v>15</v>
      </c>
    </row>
    <row r="118" spans="1:4" ht="18" customHeight="1" x14ac:dyDescent="0.2">
      <c r="A118" s="14">
        <v>93</v>
      </c>
      <c r="B118" s="15">
        <v>3</v>
      </c>
      <c r="C118" s="16">
        <v>9</v>
      </c>
      <c r="D118" s="17">
        <v>12</v>
      </c>
    </row>
    <row r="119" spans="1:4" ht="18" customHeight="1" x14ac:dyDescent="0.2">
      <c r="A119" s="14">
        <v>94</v>
      </c>
      <c r="B119" s="15">
        <v>4</v>
      </c>
      <c r="C119" s="16">
        <v>6</v>
      </c>
      <c r="D119" s="17">
        <v>10</v>
      </c>
    </row>
    <row r="120" spans="1:4" ht="18" customHeight="1" x14ac:dyDescent="0.2">
      <c r="A120" s="18" t="s">
        <v>86</v>
      </c>
      <c r="B120" s="15">
        <v>17</v>
      </c>
      <c r="C120" s="16">
        <v>55</v>
      </c>
      <c r="D120" s="17">
        <v>72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10</v>
      </c>
      <c r="D122" s="17">
        <v>12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2</v>
      </c>
      <c r="C124" s="16">
        <v>0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5</v>
      </c>
      <c r="C126" s="16">
        <v>20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1244</v>
      </c>
      <c r="C130" s="5">
        <v>1607</v>
      </c>
      <c r="D130" s="6">
        <v>2851</v>
      </c>
    </row>
    <row r="131" spans="1:4" ht="18" customHeight="1" x14ac:dyDescent="0.2">
      <c r="A131" s="20" t="s">
        <v>65</v>
      </c>
      <c r="B131" s="7">
        <v>6267</v>
      </c>
      <c r="C131" s="8">
        <v>6538</v>
      </c>
      <c r="D131" s="9">
        <v>1280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0</v>
      </c>
      <c r="C5" s="12">
        <v>33</v>
      </c>
      <c r="D5" s="13">
        <v>53</v>
      </c>
    </row>
    <row r="6" spans="1:4" ht="18" customHeight="1" x14ac:dyDescent="0.2">
      <c r="A6" s="14">
        <v>1</v>
      </c>
      <c r="B6" s="15">
        <v>29</v>
      </c>
      <c r="C6" s="16">
        <v>33</v>
      </c>
      <c r="D6" s="17">
        <v>62</v>
      </c>
    </row>
    <row r="7" spans="1:4" ht="18" customHeight="1" x14ac:dyDescent="0.2">
      <c r="A7" s="14">
        <v>2</v>
      </c>
      <c r="B7" s="15">
        <v>40</v>
      </c>
      <c r="C7" s="16">
        <v>28</v>
      </c>
      <c r="D7" s="17">
        <v>68</v>
      </c>
    </row>
    <row r="8" spans="1:4" ht="18" customHeight="1" x14ac:dyDescent="0.2">
      <c r="A8" s="14">
        <v>3</v>
      </c>
      <c r="B8" s="15">
        <v>41</v>
      </c>
      <c r="C8" s="16">
        <v>28</v>
      </c>
      <c r="D8" s="17">
        <v>69</v>
      </c>
    </row>
    <row r="9" spans="1:4" ht="18" customHeight="1" x14ac:dyDescent="0.2">
      <c r="A9" s="14">
        <v>4</v>
      </c>
      <c r="B9" s="15">
        <v>34</v>
      </c>
      <c r="C9" s="16">
        <v>38</v>
      </c>
      <c r="D9" s="17">
        <v>72</v>
      </c>
    </row>
    <row r="10" spans="1:4" ht="18" customHeight="1" x14ac:dyDescent="0.2">
      <c r="A10" s="18" t="s">
        <v>66</v>
      </c>
      <c r="B10" s="15">
        <v>164</v>
      </c>
      <c r="C10" s="16">
        <v>160</v>
      </c>
      <c r="D10" s="17">
        <v>324</v>
      </c>
    </row>
    <row r="11" spans="1:4" ht="18" customHeight="1" x14ac:dyDescent="0.2">
      <c r="A11" s="14">
        <v>5</v>
      </c>
      <c r="B11" s="15">
        <v>35</v>
      </c>
      <c r="C11" s="16">
        <v>36</v>
      </c>
      <c r="D11" s="17">
        <v>71</v>
      </c>
    </row>
    <row r="12" spans="1:4" ht="18" customHeight="1" x14ac:dyDescent="0.2">
      <c r="A12" s="14">
        <v>6</v>
      </c>
      <c r="B12" s="15">
        <v>32</v>
      </c>
      <c r="C12" s="16">
        <v>38</v>
      </c>
      <c r="D12" s="17">
        <v>70</v>
      </c>
    </row>
    <row r="13" spans="1:4" ht="18" customHeight="1" x14ac:dyDescent="0.2">
      <c r="A13" s="14">
        <v>7</v>
      </c>
      <c r="B13" s="15">
        <v>26</v>
      </c>
      <c r="C13" s="16">
        <v>35</v>
      </c>
      <c r="D13" s="17">
        <v>61</v>
      </c>
    </row>
    <row r="14" spans="1:4" ht="18" customHeight="1" x14ac:dyDescent="0.2">
      <c r="A14" s="14">
        <v>8</v>
      </c>
      <c r="B14" s="15">
        <v>36</v>
      </c>
      <c r="C14" s="16">
        <v>44</v>
      </c>
      <c r="D14" s="17">
        <v>80</v>
      </c>
    </row>
    <row r="15" spans="1:4" ht="18" customHeight="1" x14ac:dyDescent="0.2">
      <c r="A15" s="14">
        <v>9</v>
      </c>
      <c r="B15" s="15">
        <v>40</v>
      </c>
      <c r="C15" s="16">
        <v>35</v>
      </c>
      <c r="D15" s="17">
        <v>75</v>
      </c>
    </row>
    <row r="16" spans="1:4" ht="18" customHeight="1" x14ac:dyDescent="0.2">
      <c r="A16" s="18" t="s">
        <v>67</v>
      </c>
      <c r="B16" s="15">
        <v>169</v>
      </c>
      <c r="C16" s="16">
        <v>188</v>
      </c>
      <c r="D16" s="17">
        <v>357</v>
      </c>
    </row>
    <row r="17" spans="1:4" ht="18" customHeight="1" x14ac:dyDescent="0.2">
      <c r="A17" s="14">
        <v>10</v>
      </c>
      <c r="B17" s="15">
        <v>38</v>
      </c>
      <c r="C17" s="16">
        <v>26</v>
      </c>
      <c r="D17" s="17">
        <v>64</v>
      </c>
    </row>
    <row r="18" spans="1:4" ht="18" customHeight="1" x14ac:dyDescent="0.2">
      <c r="A18" s="14">
        <v>11</v>
      </c>
      <c r="B18" s="15">
        <v>43</v>
      </c>
      <c r="C18" s="16">
        <v>38</v>
      </c>
      <c r="D18" s="17">
        <v>81</v>
      </c>
    </row>
    <row r="19" spans="1:4" ht="18" customHeight="1" x14ac:dyDescent="0.2">
      <c r="A19" s="14">
        <v>12</v>
      </c>
      <c r="B19" s="15">
        <v>37</v>
      </c>
      <c r="C19" s="16">
        <v>39</v>
      </c>
      <c r="D19" s="17">
        <v>76</v>
      </c>
    </row>
    <row r="20" spans="1:4" ht="18" customHeight="1" x14ac:dyDescent="0.2">
      <c r="A20" s="14">
        <v>13</v>
      </c>
      <c r="B20" s="15">
        <v>32</v>
      </c>
      <c r="C20" s="16">
        <v>33</v>
      </c>
      <c r="D20" s="17">
        <v>65</v>
      </c>
    </row>
    <row r="21" spans="1:4" ht="18" customHeight="1" x14ac:dyDescent="0.2">
      <c r="A21" s="14">
        <v>14</v>
      </c>
      <c r="B21" s="15">
        <v>31</v>
      </c>
      <c r="C21" s="16">
        <v>36</v>
      </c>
      <c r="D21" s="17">
        <v>67</v>
      </c>
    </row>
    <row r="22" spans="1:4" ht="18" customHeight="1" x14ac:dyDescent="0.2">
      <c r="A22" s="18" t="s">
        <v>68</v>
      </c>
      <c r="B22" s="15">
        <v>181</v>
      </c>
      <c r="C22" s="16">
        <v>172</v>
      </c>
      <c r="D22" s="17">
        <v>353</v>
      </c>
    </row>
    <row r="23" spans="1:4" ht="18" customHeight="1" x14ac:dyDescent="0.2">
      <c r="A23" s="18" t="s">
        <v>69</v>
      </c>
      <c r="B23" s="15">
        <v>514</v>
      </c>
      <c r="C23" s="16">
        <v>520</v>
      </c>
      <c r="D23" s="17">
        <v>1034</v>
      </c>
    </row>
    <row r="24" spans="1:4" ht="18" customHeight="1" x14ac:dyDescent="0.2">
      <c r="A24" s="14">
        <v>15</v>
      </c>
      <c r="B24" s="15">
        <v>42</v>
      </c>
      <c r="C24" s="16">
        <v>46</v>
      </c>
      <c r="D24" s="17">
        <v>88</v>
      </c>
    </row>
    <row r="25" spans="1:4" ht="18" customHeight="1" x14ac:dyDescent="0.2">
      <c r="A25" s="14">
        <v>16</v>
      </c>
      <c r="B25" s="15">
        <v>41</v>
      </c>
      <c r="C25" s="16">
        <v>45</v>
      </c>
      <c r="D25" s="17">
        <v>86</v>
      </c>
    </row>
    <row r="26" spans="1:4" ht="18" customHeight="1" x14ac:dyDescent="0.2">
      <c r="A26" s="14">
        <v>17</v>
      </c>
      <c r="B26" s="15">
        <v>48</v>
      </c>
      <c r="C26" s="16">
        <v>41</v>
      </c>
      <c r="D26" s="17">
        <v>89</v>
      </c>
    </row>
    <row r="27" spans="1:4" ht="18" customHeight="1" x14ac:dyDescent="0.2">
      <c r="A27" s="14">
        <v>18</v>
      </c>
      <c r="B27" s="15">
        <v>37</v>
      </c>
      <c r="C27" s="16">
        <v>48</v>
      </c>
      <c r="D27" s="17">
        <v>85</v>
      </c>
    </row>
    <row r="28" spans="1:4" ht="18" customHeight="1" x14ac:dyDescent="0.2">
      <c r="A28" s="14">
        <v>19</v>
      </c>
      <c r="B28" s="15">
        <v>40</v>
      </c>
      <c r="C28" s="16">
        <v>27</v>
      </c>
      <c r="D28" s="17">
        <v>67</v>
      </c>
    </row>
    <row r="29" spans="1:4" ht="18" customHeight="1" x14ac:dyDescent="0.2">
      <c r="A29" s="18" t="s">
        <v>70</v>
      </c>
      <c r="B29" s="15">
        <v>208</v>
      </c>
      <c r="C29" s="16">
        <v>207</v>
      </c>
      <c r="D29" s="17">
        <v>415</v>
      </c>
    </row>
    <row r="30" spans="1:4" ht="18" customHeight="1" x14ac:dyDescent="0.2">
      <c r="A30" s="14">
        <v>20</v>
      </c>
      <c r="B30" s="15">
        <v>45</v>
      </c>
      <c r="C30" s="16">
        <v>40</v>
      </c>
      <c r="D30" s="17">
        <v>85</v>
      </c>
    </row>
    <row r="31" spans="1:4" ht="18" customHeight="1" x14ac:dyDescent="0.2">
      <c r="A31" s="14">
        <v>21</v>
      </c>
      <c r="B31" s="15">
        <v>32</v>
      </c>
      <c r="C31" s="16">
        <v>30</v>
      </c>
      <c r="D31" s="17">
        <v>62</v>
      </c>
    </row>
    <row r="32" spans="1:4" ht="18" customHeight="1" x14ac:dyDescent="0.2">
      <c r="A32" s="14">
        <v>22</v>
      </c>
      <c r="B32" s="15">
        <v>53</v>
      </c>
      <c r="C32" s="16">
        <v>35</v>
      </c>
      <c r="D32" s="17">
        <v>88</v>
      </c>
    </row>
    <row r="33" spans="1:4" ht="18" customHeight="1" x14ac:dyDescent="0.2">
      <c r="A33" s="14">
        <v>23</v>
      </c>
      <c r="B33" s="15">
        <v>43</v>
      </c>
      <c r="C33" s="16">
        <v>33</v>
      </c>
      <c r="D33" s="17">
        <v>76</v>
      </c>
    </row>
    <row r="34" spans="1:4" ht="18" customHeight="1" x14ac:dyDescent="0.2">
      <c r="A34" s="14">
        <v>24</v>
      </c>
      <c r="B34" s="15">
        <v>49</v>
      </c>
      <c r="C34" s="16">
        <v>45</v>
      </c>
      <c r="D34" s="17">
        <v>94</v>
      </c>
    </row>
    <row r="35" spans="1:4" ht="18" customHeight="1" x14ac:dyDescent="0.2">
      <c r="A35" s="18" t="s">
        <v>71</v>
      </c>
      <c r="B35" s="15">
        <v>222</v>
      </c>
      <c r="C35" s="16">
        <v>183</v>
      </c>
      <c r="D35" s="17">
        <v>405</v>
      </c>
    </row>
    <row r="36" spans="1:4" ht="18" customHeight="1" x14ac:dyDescent="0.2">
      <c r="A36" s="14">
        <v>25</v>
      </c>
      <c r="B36" s="15">
        <v>48</v>
      </c>
      <c r="C36" s="16">
        <v>41</v>
      </c>
      <c r="D36" s="17">
        <v>89</v>
      </c>
    </row>
    <row r="37" spans="1:4" ht="18" customHeight="1" x14ac:dyDescent="0.2">
      <c r="A37" s="14">
        <v>26</v>
      </c>
      <c r="B37" s="15">
        <v>53</v>
      </c>
      <c r="C37" s="16">
        <v>37</v>
      </c>
      <c r="D37" s="17">
        <v>90</v>
      </c>
    </row>
    <row r="38" spans="1:4" ht="18" customHeight="1" x14ac:dyDescent="0.2">
      <c r="A38" s="14">
        <v>27</v>
      </c>
      <c r="B38" s="15">
        <v>44</v>
      </c>
      <c r="C38" s="16">
        <v>49</v>
      </c>
      <c r="D38" s="17">
        <v>93</v>
      </c>
    </row>
    <row r="39" spans="1:4" ht="18" customHeight="1" x14ac:dyDescent="0.2">
      <c r="A39" s="14">
        <v>28</v>
      </c>
      <c r="B39" s="15">
        <v>39</v>
      </c>
      <c r="C39" s="16">
        <v>48</v>
      </c>
      <c r="D39" s="17">
        <v>87</v>
      </c>
    </row>
    <row r="40" spans="1:4" ht="18" customHeight="1" x14ac:dyDescent="0.2">
      <c r="A40" s="14">
        <v>29</v>
      </c>
      <c r="B40" s="15">
        <v>56</v>
      </c>
      <c r="C40" s="16">
        <v>52</v>
      </c>
      <c r="D40" s="17">
        <v>108</v>
      </c>
    </row>
    <row r="41" spans="1:4" ht="18" customHeight="1" x14ac:dyDescent="0.2">
      <c r="A41" s="18" t="s">
        <v>72</v>
      </c>
      <c r="B41" s="15">
        <v>240</v>
      </c>
      <c r="C41" s="16">
        <v>227</v>
      </c>
      <c r="D41" s="17">
        <v>467</v>
      </c>
    </row>
    <row r="42" spans="1:4" ht="18" customHeight="1" x14ac:dyDescent="0.2">
      <c r="A42" s="14">
        <v>30</v>
      </c>
      <c r="B42" s="15">
        <v>54</v>
      </c>
      <c r="C42" s="16">
        <v>54</v>
      </c>
      <c r="D42" s="17">
        <v>108</v>
      </c>
    </row>
    <row r="43" spans="1:4" ht="18" customHeight="1" x14ac:dyDescent="0.2">
      <c r="A43" s="14">
        <v>31</v>
      </c>
      <c r="B43" s="15">
        <v>52</v>
      </c>
      <c r="C43" s="16">
        <v>45</v>
      </c>
      <c r="D43" s="17">
        <v>97</v>
      </c>
    </row>
    <row r="44" spans="1:4" ht="18" customHeight="1" x14ac:dyDescent="0.2">
      <c r="A44" s="14">
        <v>32</v>
      </c>
      <c r="B44" s="15">
        <v>59</v>
      </c>
      <c r="C44" s="16">
        <v>47</v>
      </c>
      <c r="D44" s="17">
        <v>106</v>
      </c>
    </row>
    <row r="45" spans="1:4" ht="18" customHeight="1" x14ac:dyDescent="0.2">
      <c r="A45" s="14">
        <v>33</v>
      </c>
      <c r="B45" s="15">
        <v>45</v>
      </c>
      <c r="C45" s="16">
        <v>50</v>
      </c>
      <c r="D45" s="17">
        <v>95</v>
      </c>
    </row>
    <row r="46" spans="1:4" ht="18" customHeight="1" x14ac:dyDescent="0.2">
      <c r="A46" s="14">
        <v>34</v>
      </c>
      <c r="B46" s="15">
        <v>71</v>
      </c>
      <c r="C46" s="16">
        <v>69</v>
      </c>
      <c r="D46" s="17">
        <v>140</v>
      </c>
    </row>
    <row r="47" spans="1:4" ht="18" customHeight="1" x14ac:dyDescent="0.2">
      <c r="A47" s="18" t="s">
        <v>73</v>
      </c>
      <c r="B47" s="15">
        <v>281</v>
      </c>
      <c r="C47" s="16">
        <v>265</v>
      </c>
      <c r="D47" s="17">
        <v>546</v>
      </c>
    </row>
    <row r="48" spans="1:4" ht="18" customHeight="1" x14ac:dyDescent="0.2">
      <c r="A48" s="14">
        <v>35</v>
      </c>
      <c r="B48" s="15">
        <v>69</v>
      </c>
      <c r="C48" s="16">
        <v>67</v>
      </c>
      <c r="D48" s="17">
        <v>136</v>
      </c>
    </row>
    <row r="49" spans="1:4" ht="18" customHeight="1" x14ac:dyDescent="0.2">
      <c r="A49" s="14">
        <v>36</v>
      </c>
      <c r="B49" s="15">
        <v>76</v>
      </c>
      <c r="C49" s="16">
        <v>78</v>
      </c>
      <c r="D49" s="17">
        <v>154</v>
      </c>
    </row>
    <row r="50" spans="1:4" ht="18" customHeight="1" x14ac:dyDescent="0.2">
      <c r="A50" s="14">
        <v>37</v>
      </c>
      <c r="B50" s="15">
        <v>53</v>
      </c>
      <c r="C50" s="16">
        <v>53</v>
      </c>
      <c r="D50" s="17">
        <v>106</v>
      </c>
    </row>
    <row r="51" spans="1:4" ht="18" customHeight="1" x14ac:dyDescent="0.2">
      <c r="A51" s="14">
        <v>38</v>
      </c>
      <c r="B51" s="15">
        <v>74</v>
      </c>
      <c r="C51" s="16">
        <v>64</v>
      </c>
      <c r="D51" s="17">
        <v>138</v>
      </c>
    </row>
    <row r="52" spans="1:4" ht="18" customHeight="1" x14ac:dyDescent="0.2">
      <c r="A52" s="14">
        <v>39</v>
      </c>
      <c r="B52" s="15">
        <v>63</v>
      </c>
      <c r="C52" s="16">
        <v>49</v>
      </c>
      <c r="D52" s="17">
        <v>112</v>
      </c>
    </row>
    <row r="53" spans="1:4" ht="18" customHeight="1" x14ac:dyDescent="0.2">
      <c r="A53" s="18" t="s">
        <v>74</v>
      </c>
      <c r="B53" s="15">
        <v>335</v>
      </c>
      <c r="C53" s="16">
        <v>311</v>
      </c>
      <c r="D53" s="17">
        <v>646</v>
      </c>
    </row>
    <row r="54" spans="1:4" ht="18" customHeight="1" x14ac:dyDescent="0.2">
      <c r="A54" s="14">
        <v>40</v>
      </c>
      <c r="B54" s="15">
        <v>69</v>
      </c>
      <c r="C54" s="16">
        <v>48</v>
      </c>
      <c r="D54" s="17">
        <v>117</v>
      </c>
    </row>
    <row r="55" spans="1:4" ht="18" customHeight="1" x14ac:dyDescent="0.2">
      <c r="A55" s="14">
        <v>41</v>
      </c>
      <c r="B55" s="15">
        <v>56</v>
      </c>
      <c r="C55" s="16">
        <v>51</v>
      </c>
      <c r="D55" s="17">
        <v>107</v>
      </c>
    </row>
    <row r="56" spans="1:4" ht="18" customHeight="1" x14ac:dyDescent="0.2">
      <c r="A56" s="14">
        <v>42</v>
      </c>
      <c r="B56" s="15">
        <v>57</v>
      </c>
      <c r="C56" s="16">
        <v>49</v>
      </c>
      <c r="D56" s="17">
        <v>106</v>
      </c>
    </row>
    <row r="57" spans="1:4" ht="18" customHeight="1" x14ac:dyDescent="0.2">
      <c r="A57" s="14">
        <v>43</v>
      </c>
      <c r="B57" s="15">
        <v>49</v>
      </c>
      <c r="C57" s="16">
        <v>56</v>
      </c>
      <c r="D57" s="17">
        <v>105</v>
      </c>
    </row>
    <row r="58" spans="1:4" ht="18" customHeight="1" x14ac:dyDescent="0.2">
      <c r="A58" s="14">
        <v>44</v>
      </c>
      <c r="B58" s="15">
        <v>63</v>
      </c>
      <c r="C58" s="16">
        <v>54</v>
      </c>
      <c r="D58" s="17">
        <v>117</v>
      </c>
    </row>
    <row r="59" spans="1:4" ht="18" customHeight="1" x14ac:dyDescent="0.2">
      <c r="A59" s="18" t="s">
        <v>75</v>
      </c>
      <c r="B59" s="15">
        <v>294</v>
      </c>
      <c r="C59" s="16">
        <v>258</v>
      </c>
      <c r="D59" s="17">
        <v>552</v>
      </c>
    </row>
    <row r="60" spans="1:4" ht="18" customHeight="1" x14ac:dyDescent="0.2">
      <c r="A60" s="14">
        <v>45</v>
      </c>
      <c r="B60" s="15">
        <v>60</v>
      </c>
      <c r="C60" s="16">
        <v>45</v>
      </c>
      <c r="D60" s="17">
        <v>105</v>
      </c>
    </row>
    <row r="61" spans="1:4" ht="18" customHeight="1" x14ac:dyDescent="0.2">
      <c r="A61" s="14">
        <v>46</v>
      </c>
      <c r="B61" s="15">
        <v>43</v>
      </c>
      <c r="C61" s="16">
        <v>66</v>
      </c>
      <c r="D61" s="17">
        <v>109</v>
      </c>
    </row>
    <row r="62" spans="1:4" ht="18" customHeight="1" x14ac:dyDescent="0.2">
      <c r="A62" s="14">
        <v>47</v>
      </c>
      <c r="B62" s="15">
        <v>47</v>
      </c>
      <c r="C62" s="16">
        <v>35</v>
      </c>
      <c r="D62" s="17">
        <v>82</v>
      </c>
    </row>
    <row r="63" spans="1:4" ht="18" customHeight="1" x14ac:dyDescent="0.2">
      <c r="A63" s="14">
        <v>48</v>
      </c>
      <c r="B63" s="15">
        <v>53</v>
      </c>
      <c r="C63" s="16">
        <v>55</v>
      </c>
      <c r="D63" s="17">
        <v>108</v>
      </c>
    </row>
    <row r="64" spans="1:4" ht="18" customHeight="1" x14ac:dyDescent="0.2">
      <c r="A64" s="14">
        <v>49</v>
      </c>
      <c r="B64" s="15">
        <v>57</v>
      </c>
      <c r="C64" s="16">
        <v>54</v>
      </c>
      <c r="D64" s="17">
        <v>111</v>
      </c>
    </row>
    <row r="65" spans="1:4" ht="18" customHeight="1" x14ac:dyDescent="0.2">
      <c r="A65" s="18" t="s">
        <v>76</v>
      </c>
      <c r="B65" s="15">
        <v>260</v>
      </c>
      <c r="C65" s="16">
        <v>255</v>
      </c>
      <c r="D65" s="17">
        <v>515</v>
      </c>
    </row>
    <row r="66" spans="1:4" ht="18" customHeight="1" x14ac:dyDescent="0.2">
      <c r="A66" s="14">
        <v>50</v>
      </c>
      <c r="B66" s="15">
        <v>61</v>
      </c>
      <c r="C66" s="16">
        <v>49</v>
      </c>
      <c r="D66" s="17">
        <v>110</v>
      </c>
    </row>
    <row r="67" spans="1:4" ht="18" customHeight="1" x14ac:dyDescent="0.2">
      <c r="A67" s="14">
        <v>51</v>
      </c>
      <c r="B67" s="15">
        <v>60</v>
      </c>
      <c r="C67" s="16">
        <v>49</v>
      </c>
      <c r="D67" s="17">
        <v>109</v>
      </c>
    </row>
    <row r="68" spans="1:4" ht="18" customHeight="1" x14ac:dyDescent="0.2">
      <c r="A68" s="14">
        <v>52</v>
      </c>
      <c r="B68" s="15">
        <v>49</v>
      </c>
      <c r="C68" s="16">
        <v>43</v>
      </c>
      <c r="D68" s="17">
        <v>92</v>
      </c>
    </row>
    <row r="69" spans="1:4" ht="18" customHeight="1" x14ac:dyDescent="0.2">
      <c r="A69" s="14">
        <v>53</v>
      </c>
      <c r="B69" s="15">
        <v>53</v>
      </c>
      <c r="C69" s="16">
        <v>59</v>
      </c>
      <c r="D69" s="17">
        <v>112</v>
      </c>
    </row>
    <row r="70" spans="1:4" ht="18" customHeight="1" x14ac:dyDescent="0.2">
      <c r="A70" s="14">
        <v>54</v>
      </c>
      <c r="B70" s="15">
        <v>51</v>
      </c>
      <c r="C70" s="16">
        <v>57</v>
      </c>
      <c r="D70" s="17">
        <v>108</v>
      </c>
    </row>
    <row r="71" spans="1:4" ht="18" customHeight="1" x14ac:dyDescent="0.2">
      <c r="A71" s="18" t="s">
        <v>77</v>
      </c>
      <c r="B71" s="15">
        <v>274</v>
      </c>
      <c r="C71" s="16">
        <v>257</v>
      </c>
      <c r="D71" s="17">
        <v>531</v>
      </c>
    </row>
    <row r="72" spans="1:4" ht="18" customHeight="1" x14ac:dyDescent="0.2">
      <c r="A72" s="14">
        <v>55</v>
      </c>
      <c r="B72" s="15">
        <v>54</v>
      </c>
      <c r="C72" s="16">
        <v>50</v>
      </c>
      <c r="D72" s="17">
        <v>104</v>
      </c>
    </row>
    <row r="73" spans="1:4" ht="18" customHeight="1" x14ac:dyDescent="0.2">
      <c r="A73" s="14">
        <v>56</v>
      </c>
      <c r="B73" s="15">
        <v>68</v>
      </c>
      <c r="C73" s="16">
        <v>60</v>
      </c>
      <c r="D73" s="17">
        <v>128</v>
      </c>
    </row>
    <row r="74" spans="1:4" ht="18" customHeight="1" x14ac:dyDescent="0.2">
      <c r="A74" s="14">
        <v>57</v>
      </c>
      <c r="B74" s="15">
        <v>56</v>
      </c>
      <c r="C74" s="16">
        <v>60</v>
      </c>
      <c r="D74" s="17">
        <v>116</v>
      </c>
    </row>
    <row r="75" spans="1:4" ht="18" customHeight="1" x14ac:dyDescent="0.2">
      <c r="A75" s="14">
        <v>58</v>
      </c>
      <c r="B75" s="15">
        <v>73</v>
      </c>
      <c r="C75" s="16">
        <v>71</v>
      </c>
      <c r="D75" s="17">
        <v>144</v>
      </c>
    </row>
    <row r="76" spans="1:4" ht="18" customHeight="1" x14ac:dyDescent="0.2">
      <c r="A76" s="14">
        <v>59</v>
      </c>
      <c r="B76" s="15">
        <v>72</v>
      </c>
      <c r="C76" s="16">
        <v>82</v>
      </c>
      <c r="D76" s="17">
        <v>154</v>
      </c>
    </row>
    <row r="77" spans="1:4" ht="18" customHeight="1" x14ac:dyDescent="0.2">
      <c r="A77" s="18" t="s">
        <v>78</v>
      </c>
      <c r="B77" s="15">
        <v>323</v>
      </c>
      <c r="C77" s="16">
        <v>323</v>
      </c>
      <c r="D77" s="17">
        <v>646</v>
      </c>
    </row>
    <row r="78" spans="1:4" ht="18" customHeight="1" x14ac:dyDescent="0.2">
      <c r="A78" s="14">
        <v>60</v>
      </c>
      <c r="B78" s="15">
        <v>62</v>
      </c>
      <c r="C78" s="16">
        <v>86</v>
      </c>
      <c r="D78" s="17">
        <v>148</v>
      </c>
    </row>
    <row r="79" spans="1:4" ht="18" customHeight="1" x14ac:dyDescent="0.2">
      <c r="A79" s="14">
        <v>61</v>
      </c>
      <c r="B79" s="15">
        <v>87</v>
      </c>
      <c r="C79" s="16">
        <v>92</v>
      </c>
      <c r="D79" s="17">
        <v>179</v>
      </c>
    </row>
    <row r="80" spans="1:4" ht="18" customHeight="1" x14ac:dyDescent="0.2">
      <c r="A80" s="14">
        <v>62</v>
      </c>
      <c r="B80" s="15">
        <v>78</v>
      </c>
      <c r="C80" s="16">
        <v>91</v>
      </c>
      <c r="D80" s="17">
        <v>169</v>
      </c>
    </row>
    <row r="81" spans="1:4" ht="18" customHeight="1" x14ac:dyDescent="0.2">
      <c r="A81" s="14">
        <v>63</v>
      </c>
      <c r="B81" s="15">
        <v>50</v>
      </c>
      <c r="C81" s="16">
        <v>48</v>
      </c>
      <c r="D81" s="17">
        <v>98</v>
      </c>
    </row>
    <row r="82" spans="1:4" ht="18" customHeight="1" x14ac:dyDescent="0.2">
      <c r="A82" s="14">
        <v>64</v>
      </c>
      <c r="B82" s="15">
        <v>68</v>
      </c>
      <c r="C82" s="16">
        <v>41</v>
      </c>
      <c r="D82" s="17">
        <v>109</v>
      </c>
    </row>
    <row r="83" spans="1:4" ht="18" customHeight="1" x14ac:dyDescent="0.2">
      <c r="A83" s="18" t="s">
        <v>79</v>
      </c>
      <c r="B83" s="15">
        <v>345</v>
      </c>
      <c r="C83" s="16">
        <v>358</v>
      </c>
      <c r="D83" s="17">
        <v>703</v>
      </c>
    </row>
    <row r="84" spans="1:4" ht="18" customHeight="1" x14ac:dyDescent="0.2">
      <c r="A84" s="18" t="s">
        <v>80</v>
      </c>
      <c r="B84" s="15">
        <v>2782</v>
      </c>
      <c r="C84" s="16">
        <v>2644</v>
      </c>
      <c r="D84" s="17">
        <v>5426</v>
      </c>
    </row>
    <row r="85" spans="1:4" ht="18" customHeight="1" x14ac:dyDescent="0.2">
      <c r="A85" s="14">
        <v>65</v>
      </c>
      <c r="B85" s="15">
        <v>49</v>
      </c>
      <c r="C85" s="16">
        <v>80</v>
      </c>
      <c r="D85" s="17">
        <v>129</v>
      </c>
    </row>
    <row r="86" spans="1:4" ht="18" customHeight="1" x14ac:dyDescent="0.2">
      <c r="A86" s="14">
        <v>66</v>
      </c>
      <c r="B86" s="15">
        <v>74</v>
      </c>
      <c r="C86" s="16">
        <v>76</v>
      </c>
      <c r="D86" s="17">
        <v>150</v>
      </c>
    </row>
    <row r="87" spans="1:4" ht="18" customHeight="1" x14ac:dyDescent="0.2">
      <c r="A87" s="14">
        <v>67</v>
      </c>
      <c r="B87" s="15">
        <v>74</v>
      </c>
      <c r="C87" s="16">
        <v>72</v>
      </c>
      <c r="D87" s="17">
        <v>146</v>
      </c>
    </row>
    <row r="88" spans="1:4" ht="18" customHeight="1" x14ac:dyDescent="0.2">
      <c r="A88" s="14">
        <v>68</v>
      </c>
      <c r="B88" s="15">
        <v>48</v>
      </c>
      <c r="C88" s="16">
        <v>68</v>
      </c>
      <c r="D88" s="17">
        <v>116</v>
      </c>
    </row>
    <row r="89" spans="1:4" ht="18" customHeight="1" x14ac:dyDescent="0.2">
      <c r="A89" s="14">
        <v>69</v>
      </c>
      <c r="B89" s="15">
        <v>45</v>
      </c>
      <c r="C89" s="16">
        <v>49</v>
      </c>
      <c r="D89" s="17">
        <v>94</v>
      </c>
    </row>
    <row r="90" spans="1:4" ht="18" customHeight="1" x14ac:dyDescent="0.2">
      <c r="A90" s="18" t="s">
        <v>81</v>
      </c>
      <c r="B90" s="15">
        <v>290</v>
      </c>
      <c r="C90" s="16">
        <v>345</v>
      </c>
      <c r="D90" s="17">
        <v>635</v>
      </c>
    </row>
    <row r="91" spans="1:4" ht="18" customHeight="1" x14ac:dyDescent="0.2">
      <c r="A91" s="14">
        <v>70</v>
      </c>
      <c r="B91" s="15">
        <v>39</v>
      </c>
      <c r="C91" s="16">
        <v>44</v>
      </c>
      <c r="D91" s="17">
        <v>83</v>
      </c>
    </row>
    <row r="92" spans="1:4" ht="18" customHeight="1" x14ac:dyDescent="0.2">
      <c r="A92" s="14">
        <v>71</v>
      </c>
      <c r="B92" s="15">
        <v>63</v>
      </c>
      <c r="C92" s="16">
        <v>58</v>
      </c>
      <c r="D92" s="17">
        <v>121</v>
      </c>
    </row>
    <row r="93" spans="1:4" ht="18" customHeight="1" x14ac:dyDescent="0.2">
      <c r="A93" s="14">
        <v>72</v>
      </c>
      <c r="B93" s="15">
        <v>39</v>
      </c>
      <c r="C93" s="16">
        <v>60</v>
      </c>
      <c r="D93" s="17">
        <v>99</v>
      </c>
    </row>
    <row r="94" spans="1:4" ht="18" customHeight="1" x14ac:dyDescent="0.2">
      <c r="A94" s="14">
        <v>73</v>
      </c>
      <c r="B94" s="15">
        <v>51</v>
      </c>
      <c r="C94" s="16">
        <v>73</v>
      </c>
      <c r="D94" s="17">
        <v>124</v>
      </c>
    </row>
    <row r="95" spans="1:4" ht="18" customHeight="1" x14ac:dyDescent="0.2">
      <c r="A95" s="14">
        <v>74</v>
      </c>
      <c r="B95" s="15">
        <v>34</v>
      </c>
      <c r="C95" s="16">
        <v>53</v>
      </c>
      <c r="D95" s="17">
        <v>87</v>
      </c>
    </row>
    <row r="96" spans="1:4" ht="18" customHeight="1" x14ac:dyDescent="0.2">
      <c r="A96" s="18" t="s">
        <v>82</v>
      </c>
      <c r="B96" s="15">
        <v>226</v>
      </c>
      <c r="C96" s="16">
        <v>288</v>
      </c>
      <c r="D96" s="17">
        <v>514</v>
      </c>
    </row>
    <row r="97" spans="1:4" ht="18" customHeight="1" x14ac:dyDescent="0.2">
      <c r="A97" s="14">
        <v>75</v>
      </c>
      <c r="B97" s="15">
        <v>41</v>
      </c>
      <c r="C97" s="16">
        <v>65</v>
      </c>
      <c r="D97" s="17">
        <v>106</v>
      </c>
    </row>
    <row r="98" spans="1:4" ht="18" customHeight="1" x14ac:dyDescent="0.2">
      <c r="A98" s="14">
        <v>76</v>
      </c>
      <c r="B98" s="15">
        <v>56</v>
      </c>
      <c r="C98" s="16">
        <v>55</v>
      </c>
      <c r="D98" s="17">
        <v>111</v>
      </c>
    </row>
    <row r="99" spans="1:4" ht="18" customHeight="1" x14ac:dyDescent="0.2">
      <c r="A99" s="14">
        <v>77</v>
      </c>
      <c r="B99" s="15">
        <v>37</v>
      </c>
      <c r="C99" s="16">
        <v>68</v>
      </c>
      <c r="D99" s="17">
        <v>105</v>
      </c>
    </row>
    <row r="100" spans="1:4" ht="18" customHeight="1" x14ac:dyDescent="0.2">
      <c r="A100" s="14">
        <v>78</v>
      </c>
      <c r="B100" s="15">
        <v>33</v>
      </c>
      <c r="C100" s="16">
        <v>42</v>
      </c>
      <c r="D100" s="17">
        <v>75</v>
      </c>
    </row>
    <row r="101" spans="1:4" ht="18" customHeight="1" x14ac:dyDescent="0.2">
      <c r="A101" s="14">
        <v>79</v>
      </c>
      <c r="B101" s="15">
        <v>24</v>
      </c>
      <c r="C101" s="16">
        <v>51</v>
      </c>
      <c r="D101" s="17">
        <v>75</v>
      </c>
    </row>
    <row r="102" spans="1:4" ht="18" customHeight="1" x14ac:dyDescent="0.2">
      <c r="A102" s="18" t="s">
        <v>83</v>
      </c>
      <c r="B102" s="15">
        <v>191</v>
      </c>
      <c r="C102" s="16">
        <v>281</v>
      </c>
      <c r="D102" s="17">
        <v>472</v>
      </c>
    </row>
    <row r="103" spans="1:4" ht="18" customHeight="1" x14ac:dyDescent="0.2">
      <c r="A103" s="14">
        <v>80</v>
      </c>
      <c r="B103" s="15">
        <v>36</v>
      </c>
      <c r="C103" s="16">
        <v>62</v>
      </c>
      <c r="D103" s="17">
        <v>98</v>
      </c>
    </row>
    <row r="104" spans="1:4" ht="18" customHeight="1" x14ac:dyDescent="0.2">
      <c r="A104" s="14">
        <v>81</v>
      </c>
      <c r="B104" s="15">
        <v>29</v>
      </c>
      <c r="C104" s="16">
        <v>35</v>
      </c>
      <c r="D104" s="17">
        <v>64</v>
      </c>
    </row>
    <row r="105" spans="1:4" ht="18" customHeight="1" x14ac:dyDescent="0.2">
      <c r="A105" s="14">
        <v>82</v>
      </c>
      <c r="B105" s="15">
        <v>15</v>
      </c>
      <c r="C105" s="16">
        <v>43</v>
      </c>
      <c r="D105" s="17">
        <v>58</v>
      </c>
    </row>
    <row r="106" spans="1:4" ht="18" customHeight="1" x14ac:dyDescent="0.2">
      <c r="A106" s="14">
        <v>83</v>
      </c>
      <c r="B106" s="15">
        <v>30</v>
      </c>
      <c r="C106" s="16">
        <v>36</v>
      </c>
      <c r="D106" s="17">
        <v>66</v>
      </c>
    </row>
    <row r="107" spans="1:4" ht="18" customHeight="1" x14ac:dyDescent="0.2">
      <c r="A107" s="14">
        <v>84</v>
      </c>
      <c r="B107" s="15">
        <v>29</v>
      </c>
      <c r="C107" s="16">
        <v>39</v>
      </c>
      <c r="D107" s="17">
        <v>68</v>
      </c>
    </row>
    <row r="108" spans="1:4" ht="18" customHeight="1" x14ac:dyDescent="0.2">
      <c r="A108" s="18" t="s">
        <v>84</v>
      </c>
      <c r="B108" s="15">
        <v>139</v>
      </c>
      <c r="C108" s="16">
        <v>215</v>
      </c>
      <c r="D108" s="17">
        <v>354</v>
      </c>
    </row>
    <row r="109" spans="1:4" ht="18" customHeight="1" x14ac:dyDescent="0.2">
      <c r="A109" s="14">
        <v>85</v>
      </c>
      <c r="B109" s="15">
        <v>17</v>
      </c>
      <c r="C109" s="16">
        <v>31</v>
      </c>
      <c r="D109" s="17">
        <v>48</v>
      </c>
    </row>
    <row r="110" spans="1:4" ht="18" customHeight="1" x14ac:dyDescent="0.2">
      <c r="A110" s="14">
        <v>86</v>
      </c>
      <c r="B110" s="15">
        <v>8</v>
      </c>
      <c r="C110" s="16">
        <v>33</v>
      </c>
      <c r="D110" s="17">
        <v>41</v>
      </c>
    </row>
    <row r="111" spans="1:4" ht="18" customHeight="1" x14ac:dyDescent="0.2">
      <c r="A111" s="14">
        <v>87</v>
      </c>
      <c r="B111" s="15">
        <v>14</v>
      </c>
      <c r="C111" s="16">
        <v>42</v>
      </c>
      <c r="D111" s="17">
        <v>56</v>
      </c>
    </row>
    <row r="112" spans="1:4" ht="18" customHeight="1" x14ac:dyDescent="0.2">
      <c r="A112" s="14">
        <v>88</v>
      </c>
      <c r="B112" s="15">
        <v>13</v>
      </c>
      <c r="C112" s="16">
        <v>30</v>
      </c>
      <c r="D112" s="17">
        <v>43</v>
      </c>
    </row>
    <row r="113" spans="1:4" ht="18" customHeight="1" x14ac:dyDescent="0.2">
      <c r="A113" s="14">
        <v>89</v>
      </c>
      <c r="B113" s="15">
        <v>12</v>
      </c>
      <c r="C113" s="16">
        <v>23</v>
      </c>
      <c r="D113" s="17">
        <v>35</v>
      </c>
    </row>
    <row r="114" spans="1:4" ht="18" customHeight="1" x14ac:dyDescent="0.2">
      <c r="A114" s="18" t="s">
        <v>85</v>
      </c>
      <c r="B114" s="15">
        <v>64</v>
      </c>
      <c r="C114" s="16">
        <v>159</v>
      </c>
      <c r="D114" s="17">
        <v>223</v>
      </c>
    </row>
    <row r="115" spans="1:4" ht="18" customHeight="1" x14ac:dyDescent="0.2">
      <c r="A115" s="14">
        <v>90</v>
      </c>
      <c r="B115" s="15">
        <v>3</v>
      </c>
      <c r="C115" s="16">
        <v>9</v>
      </c>
      <c r="D115" s="17">
        <v>12</v>
      </c>
    </row>
    <row r="116" spans="1:4" ht="18" customHeight="1" x14ac:dyDescent="0.2">
      <c r="A116" s="14">
        <v>91</v>
      </c>
      <c r="B116" s="15">
        <v>8</v>
      </c>
      <c r="C116" s="16">
        <v>13</v>
      </c>
      <c r="D116" s="17">
        <v>21</v>
      </c>
    </row>
    <row r="117" spans="1:4" ht="18" customHeight="1" x14ac:dyDescent="0.2">
      <c r="A117" s="14">
        <v>92</v>
      </c>
      <c r="B117" s="15">
        <v>4</v>
      </c>
      <c r="C117" s="16">
        <v>10</v>
      </c>
      <c r="D117" s="17">
        <v>14</v>
      </c>
    </row>
    <row r="118" spans="1:4" ht="18" customHeight="1" x14ac:dyDescent="0.2">
      <c r="A118" s="14">
        <v>93</v>
      </c>
      <c r="B118" s="15">
        <v>2</v>
      </c>
      <c r="C118" s="16">
        <v>10</v>
      </c>
      <c r="D118" s="17">
        <v>12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86</v>
      </c>
      <c r="B120" s="15">
        <v>18</v>
      </c>
      <c r="C120" s="16">
        <v>50</v>
      </c>
      <c r="D120" s="17">
        <v>68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87</v>
      </c>
      <c r="B126" s="15">
        <v>3</v>
      </c>
      <c r="C126" s="16">
        <v>23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931</v>
      </c>
      <c r="C130" s="5">
        <v>1364</v>
      </c>
      <c r="D130" s="6">
        <v>2295</v>
      </c>
    </row>
    <row r="131" spans="1:4" ht="18" customHeight="1" x14ac:dyDescent="0.2">
      <c r="A131" s="20" t="s">
        <v>65</v>
      </c>
      <c r="B131" s="7">
        <v>4227</v>
      </c>
      <c r="C131" s="8">
        <v>4528</v>
      </c>
      <c r="D131" s="9">
        <v>875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61</v>
      </c>
      <c r="C5" s="12">
        <v>55</v>
      </c>
      <c r="D5" s="13">
        <v>116</v>
      </c>
    </row>
    <row r="6" spans="1:4" ht="18" customHeight="1" x14ac:dyDescent="0.2">
      <c r="A6" s="14">
        <v>1</v>
      </c>
      <c r="B6" s="15">
        <v>53</v>
      </c>
      <c r="C6" s="16">
        <v>46</v>
      </c>
      <c r="D6" s="17">
        <v>99</v>
      </c>
    </row>
    <row r="7" spans="1:4" ht="18" customHeight="1" x14ac:dyDescent="0.2">
      <c r="A7" s="14">
        <v>2</v>
      </c>
      <c r="B7" s="15">
        <v>52</v>
      </c>
      <c r="C7" s="16">
        <v>59</v>
      </c>
      <c r="D7" s="17">
        <v>111</v>
      </c>
    </row>
    <row r="8" spans="1:4" ht="18" customHeight="1" x14ac:dyDescent="0.2">
      <c r="A8" s="14">
        <v>3</v>
      </c>
      <c r="B8" s="15">
        <v>48</v>
      </c>
      <c r="C8" s="16">
        <v>35</v>
      </c>
      <c r="D8" s="17">
        <v>83</v>
      </c>
    </row>
    <row r="9" spans="1:4" ht="18" customHeight="1" x14ac:dyDescent="0.2">
      <c r="A9" s="14">
        <v>4</v>
      </c>
      <c r="B9" s="15">
        <v>60</v>
      </c>
      <c r="C9" s="16">
        <v>45</v>
      </c>
      <c r="D9" s="17">
        <v>105</v>
      </c>
    </row>
    <row r="10" spans="1:4" ht="18" customHeight="1" x14ac:dyDescent="0.2">
      <c r="A10" s="18" t="s">
        <v>66</v>
      </c>
      <c r="B10" s="15">
        <v>274</v>
      </c>
      <c r="C10" s="16">
        <v>240</v>
      </c>
      <c r="D10" s="17">
        <v>514</v>
      </c>
    </row>
    <row r="11" spans="1:4" ht="18" customHeight="1" x14ac:dyDescent="0.2">
      <c r="A11" s="14">
        <v>5</v>
      </c>
      <c r="B11" s="15">
        <v>47</v>
      </c>
      <c r="C11" s="16">
        <v>53</v>
      </c>
      <c r="D11" s="17">
        <v>100</v>
      </c>
    </row>
    <row r="12" spans="1:4" ht="18" customHeight="1" x14ac:dyDescent="0.2">
      <c r="A12" s="14">
        <v>6</v>
      </c>
      <c r="B12" s="15">
        <v>36</v>
      </c>
      <c r="C12" s="16">
        <v>40</v>
      </c>
      <c r="D12" s="17">
        <v>76</v>
      </c>
    </row>
    <row r="13" spans="1:4" ht="18" customHeight="1" x14ac:dyDescent="0.2">
      <c r="A13" s="14">
        <v>7</v>
      </c>
      <c r="B13" s="15">
        <v>54</v>
      </c>
      <c r="C13" s="16">
        <v>47</v>
      </c>
      <c r="D13" s="17">
        <v>101</v>
      </c>
    </row>
    <row r="14" spans="1:4" ht="18" customHeight="1" x14ac:dyDescent="0.2">
      <c r="A14" s="14">
        <v>8</v>
      </c>
      <c r="B14" s="15">
        <v>37</v>
      </c>
      <c r="C14" s="16">
        <v>46</v>
      </c>
      <c r="D14" s="17">
        <v>83</v>
      </c>
    </row>
    <row r="15" spans="1:4" ht="18" customHeight="1" x14ac:dyDescent="0.2">
      <c r="A15" s="14">
        <v>9</v>
      </c>
      <c r="B15" s="15">
        <v>40</v>
      </c>
      <c r="C15" s="16">
        <v>56</v>
      </c>
      <c r="D15" s="17">
        <v>96</v>
      </c>
    </row>
    <row r="16" spans="1:4" ht="18" customHeight="1" x14ac:dyDescent="0.2">
      <c r="A16" s="18" t="s">
        <v>67</v>
      </c>
      <c r="B16" s="15">
        <v>214</v>
      </c>
      <c r="C16" s="16">
        <v>242</v>
      </c>
      <c r="D16" s="17">
        <v>456</v>
      </c>
    </row>
    <row r="17" spans="1:4" ht="18" customHeight="1" x14ac:dyDescent="0.2">
      <c r="A17" s="14">
        <v>10</v>
      </c>
      <c r="B17" s="15">
        <v>51</v>
      </c>
      <c r="C17" s="16">
        <v>54</v>
      </c>
      <c r="D17" s="17">
        <v>105</v>
      </c>
    </row>
    <row r="18" spans="1:4" ht="18" customHeight="1" x14ac:dyDescent="0.2">
      <c r="A18" s="14">
        <v>11</v>
      </c>
      <c r="B18" s="15">
        <v>35</v>
      </c>
      <c r="C18" s="16">
        <v>37</v>
      </c>
      <c r="D18" s="17">
        <v>72</v>
      </c>
    </row>
    <row r="19" spans="1:4" ht="18" customHeight="1" x14ac:dyDescent="0.2">
      <c r="A19" s="14">
        <v>12</v>
      </c>
      <c r="B19" s="15">
        <v>56</v>
      </c>
      <c r="C19" s="16">
        <v>37</v>
      </c>
      <c r="D19" s="17">
        <v>93</v>
      </c>
    </row>
    <row r="20" spans="1:4" ht="18" customHeight="1" x14ac:dyDescent="0.2">
      <c r="A20" s="14">
        <v>13</v>
      </c>
      <c r="B20" s="15">
        <v>45</v>
      </c>
      <c r="C20" s="16">
        <v>48</v>
      </c>
      <c r="D20" s="17">
        <v>93</v>
      </c>
    </row>
    <row r="21" spans="1:4" ht="18" customHeight="1" x14ac:dyDescent="0.2">
      <c r="A21" s="14">
        <v>14</v>
      </c>
      <c r="B21" s="15">
        <v>40</v>
      </c>
      <c r="C21" s="16">
        <v>46</v>
      </c>
      <c r="D21" s="17">
        <v>86</v>
      </c>
    </row>
    <row r="22" spans="1:4" ht="18" customHeight="1" x14ac:dyDescent="0.2">
      <c r="A22" s="18" t="s">
        <v>68</v>
      </c>
      <c r="B22" s="15">
        <v>227</v>
      </c>
      <c r="C22" s="16">
        <v>222</v>
      </c>
      <c r="D22" s="17">
        <v>449</v>
      </c>
    </row>
    <row r="23" spans="1:4" ht="18" customHeight="1" x14ac:dyDescent="0.2">
      <c r="A23" s="18" t="s">
        <v>69</v>
      </c>
      <c r="B23" s="15">
        <v>715</v>
      </c>
      <c r="C23" s="16">
        <v>704</v>
      </c>
      <c r="D23" s="17">
        <v>1419</v>
      </c>
    </row>
    <row r="24" spans="1:4" ht="18" customHeight="1" x14ac:dyDescent="0.2">
      <c r="A24" s="14">
        <v>15</v>
      </c>
      <c r="B24" s="15">
        <v>48</v>
      </c>
      <c r="C24" s="16">
        <v>27</v>
      </c>
      <c r="D24" s="17">
        <v>75</v>
      </c>
    </row>
    <row r="25" spans="1:4" ht="18" customHeight="1" x14ac:dyDescent="0.2">
      <c r="A25" s="14">
        <v>16</v>
      </c>
      <c r="B25" s="15">
        <v>36</v>
      </c>
      <c r="C25" s="16">
        <v>43</v>
      </c>
      <c r="D25" s="17">
        <v>79</v>
      </c>
    </row>
    <row r="26" spans="1:4" ht="18" customHeight="1" x14ac:dyDescent="0.2">
      <c r="A26" s="14">
        <v>17</v>
      </c>
      <c r="B26" s="15">
        <v>35</v>
      </c>
      <c r="C26" s="16">
        <v>43</v>
      </c>
      <c r="D26" s="17">
        <v>78</v>
      </c>
    </row>
    <row r="27" spans="1:4" ht="18" customHeight="1" x14ac:dyDescent="0.2">
      <c r="A27" s="14">
        <v>18</v>
      </c>
      <c r="B27" s="15">
        <v>38</v>
      </c>
      <c r="C27" s="16">
        <v>53</v>
      </c>
      <c r="D27" s="17">
        <v>91</v>
      </c>
    </row>
    <row r="28" spans="1:4" ht="18" customHeight="1" x14ac:dyDescent="0.2">
      <c r="A28" s="14">
        <v>19</v>
      </c>
      <c r="B28" s="15">
        <v>46</v>
      </c>
      <c r="C28" s="16">
        <v>30</v>
      </c>
      <c r="D28" s="17">
        <v>76</v>
      </c>
    </row>
    <row r="29" spans="1:4" ht="18" customHeight="1" x14ac:dyDescent="0.2">
      <c r="A29" s="18" t="s">
        <v>70</v>
      </c>
      <c r="B29" s="15">
        <v>203</v>
      </c>
      <c r="C29" s="16">
        <v>196</v>
      </c>
      <c r="D29" s="17">
        <v>399</v>
      </c>
    </row>
    <row r="30" spans="1:4" ht="18" customHeight="1" x14ac:dyDescent="0.2">
      <c r="A30" s="14">
        <v>20</v>
      </c>
      <c r="B30" s="15">
        <v>38</v>
      </c>
      <c r="C30" s="16">
        <v>48</v>
      </c>
      <c r="D30" s="17">
        <v>86</v>
      </c>
    </row>
    <row r="31" spans="1:4" ht="18" customHeight="1" x14ac:dyDescent="0.2">
      <c r="A31" s="14">
        <v>21</v>
      </c>
      <c r="B31" s="15">
        <v>39</v>
      </c>
      <c r="C31" s="16">
        <v>40</v>
      </c>
      <c r="D31" s="17">
        <v>79</v>
      </c>
    </row>
    <row r="32" spans="1:4" ht="18" customHeight="1" x14ac:dyDescent="0.2">
      <c r="A32" s="14">
        <v>22</v>
      </c>
      <c r="B32" s="15">
        <v>49</v>
      </c>
      <c r="C32" s="16">
        <v>43</v>
      </c>
      <c r="D32" s="17">
        <v>92</v>
      </c>
    </row>
    <row r="33" spans="1:4" ht="18" customHeight="1" x14ac:dyDescent="0.2">
      <c r="A33" s="14">
        <v>23</v>
      </c>
      <c r="B33" s="15">
        <v>48</v>
      </c>
      <c r="C33" s="16">
        <v>44</v>
      </c>
      <c r="D33" s="17">
        <v>92</v>
      </c>
    </row>
    <row r="34" spans="1:4" ht="18" customHeight="1" x14ac:dyDescent="0.2">
      <c r="A34" s="14">
        <v>24</v>
      </c>
      <c r="B34" s="15">
        <v>75</v>
      </c>
      <c r="C34" s="16">
        <v>41</v>
      </c>
      <c r="D34" s="17">
        <v>116</v>
      </c>
    </row>
    <row r="35" spans="1:4" ht="18" customHeight="1" x14ac:dyDescent="0.2">
      <c r="A35" s="18" t="s">
        <v>71</v>
      </c>
      <c r="B35" s="15">
        <v>249</v>
      </c>
      <c r="C35" s="16">
        <v>216</v>
      </c>
      <c r="D35" s="17">
        <v>465</v>
      </c>
    </row>
    <row r="36" spans="1:4" ht="18" customHeight="1" x14ac:dyDescent="0.2">
      <c r="A36" s="14">
        <v>25</v>
      </c>
      <c r="B36" s="15">
        <v>80</v>
      </c>
      <c r="C36" s="16">
        <v>48</v>
      </c>
      <c r="D36" s="17">
        <v>128</v>
      </c>
    </row>
    <row r="37" spans="1:4" ht="18" customHeight="1" x14ac:dyDescent="0.2">
      <c r="A37" s="14">
        <v>26</v>
      </c>
      <c r="B37" s="15">
        <v>79</v>
      </c>
      <c r="C37" s="16">
        <v>59</v>
      </c>
      <c r="D37" s="17">
        <v>138</v>
      </c>
    </row>
    <row r="38" spans="1:4" ht="18" customHeight="1" x14ac:dyDescent="0.2">
      <c r="A38" s="14">
        <v>27</v>
      </c>
      <c r="B38" s="15">
        <v>66</v>
      </c>
      <c r="C38" s="16">
        <v>54</v>
      </c>
      <c r="D38" s="17">
        <v>120</v>
      </c>
    </row>
    <row r="39" spans="1:4" ht="18" customHeight="1" x14ac:dyDescent="0.2">
      <c r="A39" s="14">
        <v>28</v>
      </c>
      <c r="B39" s="15">
        <v>56</v>
      </c>
      <c r="C39" s="16">
        <v>63</v>
      </c>
      <c r="D39" s="17">
        <v>119</v>
      </c>
    </row>
    <row r="40" spans="1:4" ht="18" customHeight="1" x14ac:dyDescent="0.2">
      <c r="A40" s="14">
        <v>29</v>
      </c>
      <c r="B40" s="15">
        <v>78</v>
      </c>
      <c r="C40" s="16">
        <v>64</v>
      </c>
      <c r="D40" s="17">
        <v>142</v>
      </c>
    </row>
    <row r="41" spans="1:4" ht="18" customHeight="1" x14ac:dyDescent="0.2">
      <c r="A41" s="18" t="s">
        <v>72</v>
      </c>
      <c r="B41" s="15">
        <v>359</v>
      </c>
      <c r="C41" s="16">
        <v>288</v>
      </c>
      <c r="D41" s="17">
        <v>647</v>
      </c>
    </row>
    <row r="42" spans="1:4" ht="18" customHeight="1" x14ac:dyDescent="0.2">
      <c r="A42" s="14">
        <v>30</v>
      </c>
      <c r="B42" s="15">
        <v>79</v>
      </c>
      <c r="C42" s="16">
        <v>55</v>
      </c>
      <c r="D42" s="17">
        <v>134</v>
      </c>
    </row>
    <row r="43" spans="1:4" ht="18" customHeight="1" x14ac:dyDescent="0.2">
      <c r="A43" s="14">
        <v>31</v>
      </c>
      <c r="B43" s="15">
        <v>75</v>
      </c>
      <c r="C43" s="16">
        <v>63</v>
      </c>
      <c r="D43" s="17">
        <v>138</v>
      </c>
    </row>
    <row r="44" spans="1:4" ht="18" customHeight="1" x14ac:dyDescent="0.2">
      <c r="A44" s="14">
        <v>32</v>
      </c>
      <c r="B44" s="15">
        <v>77</v>
      </c>
      <c r="C44" s="16">
        <v>57</v>
      </c>
      <c r="D44" s="17">
        <v>134</v>
      </c>
    </row>
    <row r="45" spans="1:4" ht="18" customHeight="1" x14ac:dyDescent="0.2">
      <c r="A45" s="14">
        <v>33</v>
      </c>
      <c r="B45" s="15">
        <v>73</v>
      </c>
      <c r="C45" s="16">
        <v>79</v>
      </c>
      <c r="D45" s="17">
        <v>152</v>
      </c>
    </row>
    <row r="46" spans="1:4" ht="18" customHeight="1" x14ac:dyDescent="0.2">
      <c r="A46" s="14">
        <v>34</v>
      </c>
      <c r="B46" s="15">
        <v>102</v>
      </c>
      <c r="C46" s="16">
        <v>96</v>
      </c>
      <c r="D46" s="17">
        <v>198</v>
      </c>
    </row>
    <row r="47" spans="1:4" ht="18" customHeight="1" x14ac:dyDescent="0.2">
      <c r="A47" s="18" t="s">
        <v>73</v>
      </c>
      <c r="B47" s="15">
        <v>406</v>
      </c>
      <c r="C47" s="16">
        <v>350</v>
      </c>
      <c r="D47" s="17">
        <v>756</v>
      </c>
    </row>
    <row r="48" spans="1:4" ht="18" customHeight="1" x14ac:dyDescent="0.2">
      <c r="A48" s="14">
        <v>35</v>
      </c>
      <c r="B48" s="15">
        <v>107</v>
      </c>
      <c r="C48" s="16">
        <v>85</v>
      </c>
      <c r="D48" s="17">
        <v>192</v>
      </c>
    </row>
    <row r="49" spans="1:4" ht="18" customHeight="1" x14ac:dyDescent="0.2">
      <c r="A49" s="14">
        <v>36</v>
      </c>
      <c r="B49" s="15">
        <v>113</v>
      </c>
      <c r="C49" s="16">
        <v>107</v>
      </c>
      <c r="D49" s="17">
        <v>220</v>
      </c>
    </row>
    <row r="50" spans="1:4" ht="18" customHeight="1" x14ac:dyDescent="0.2">
      <c r="A50" s="14">
        <v>37</v>
      </c>
      <c r="B50" s="15">
        <v>90</v>
      </c>
      <c r="C50" s="16">
        <v>93</v>
      </c>
      <c r="D50" s="17">
        <v>183</v>
      </c>
    </row>
    <row r="51" spans="1:4" ht="18" customHeight="1" x14ac:dyDescent="0.2">
      <c r="A51" s="14">
        <v>38</v>
      </c>
      <c r="B51" s="15">
        <v>83</v>
      </c>
      <c r="C51" s="16">
        <v>76</v>
      </c>
      <c r="D51" s="17">
        <v>159</v>
      </c>
    </row>
    <row r="52" spans="1:4" ht="18" customHeight="1" x14ac:dyDescent="0.2">
      <c r="A52" s="14">
        <v>39</v>
      </c>
      <c r="B52" s="15">
        <v>74</v>
      </c>
      <c r="C52" s="16">
        <v>82</v>
      </c>
      <c r="D52" s="17">
        <v>156</v>
      </c>
    </row>
    <row r="53" spans="1:4" ht="18" customHeight="1" x14ac:dyDescent="0.2">
      <c r="A53" s="18" t="s">
        <v>74</v>
      </c>
      <c r="B53" s="15">
        <v>467</v>
      </c>
      <c r="C53" s="16">
        <v>443</v>
      </c>
      <c r="D53" s="17">
        <v>910</v>
      </c>
    </row>
    <row r="54" spans="1:4" ht="18" customHeight="1" x14ac:dyDescent="0.2">
      <c r="A54" s="14">
        <v>40</v>
      </c>
      <c r="B54" s="15">
        <v>93</v>
      </c>
      <c r="C54" s="16">
        <v>92</v>
      </c>
      <c r="D54" s="17">
        <v>185</v>
      </c>
    </row>
    <row r="55" spans="1:4" ht="18" customHeight="1" x14ac:dyDescent="0.2">
      <c r="A55" s="14">
        <v>41</v>
      </c>
      <c r="B55" s="15">
        <v>62</v>
      </c>
      <c r="C55" s="16">
        <v>63</v>
      </c>
      <c r="D55" s="17">
        <v>125</v>
      </c>
    </row>
    <row r="56" spans="1:4" ht="18" customHeight="1" x14ac:dyDescent="0.2">
      <c r="A56" s="14">
        <v>42</v>
      </c>
      <c r="B56" s="15">
        <v>92</v>
      </c>
      <c r="C56" s="16">
        <v>71</v>
      </c>
      <c r="D56" s="17">
        <v>163</v>
      </c>
    </row>
    <row r="57" spans="1:4" ht="18" customHeight="1" x14ac:dyDescent="0.2">
      <c r="A57" s="14">
        <v>43</v>
      </c>
      <c r="B57" s="15">
        <v>71</v>
      </c>
      <c r="C57" s="16">
        <v>66</v>
      </c>
      <c r="D57" s="17">
        <v>137</v>
      </c>
    </row>
    <row r="58" spans="1:4" ht="18" customHeight="1" x14ac:dyDescent="0.2">
      <c r="A58" s="14">
        <v>44</v>
      </c>
      <c r="B58" s="15">
        <v>55</v>
      </c>
      <c r="C58" s="16">
        <v>69</v>
      </c>
      <c r="D58" s="17">
        <v>124</v>
      </c>
    </row>
    <row r="59" spans="1:4" ht="18" customHeight="1" x14ac:dyDescent="0.2">
      <c r="A59" s="18" t="s">
        <v>75</v>
      </c>
      <c r="B59" s="15">
        <v>373</v>
      </c>
      <c r="C59" s="16">
        <v>361</v>
      </c>
      <c r="D59" s="17">
        <v>734</v>
      </c>
    </row>
    <row r="60" spans="1:4" ht="18" customHeight="1" x14ac:dyDescent="0.2">
      <c r="A60" s="14">
        <v>45</v>
      </c>
      <c r="B60" s="15">
        <v>67</v>
      </c>
      <c r="C60" s="16">
        <v>71</v>
      </c>
      <c r="D60" s="17">
        <v>138</v>
      </c>
    </row>
    <row r="61" spans="1:4" ht="18" customHeight="1" x14ac:dyDescent="0.2">
      <c r="A61" s="14">
        <v>46</v>
      </c>
      <c r="B61" s="15">
        <v>71</v>
      </c>
      <c r="C61" s="16">
        <v>59</v>
      </c>
      <c r="D61" s="17">
        <v>130</v>
      </c>
    </row>
    <row r="62" spans="1:4" ht="18" customHeight="1" x14ac:dyDescent="0.2">
      <c r="A62" s="14">
        <v>47</v>
      </c>
      <c r="B62" s="15">
        <v>63</v>
      </c>
      <c r="C62" s="16">
        <v>59</v>
      </c>
      <c r="D62" s="17">
        <v>122</v>
      </c>
    </row>
    <row r="63" spans="1:4" ht="18" customHeight="1" x14ac:dyDescent="0.2">
      <c r="A63" s="14">
        <v>48</v>
      </c>
      <c r="B63" s="15">
        <v>61</v>
      </c>
      <c r="C63" s="16">
        <v>72</v>
      </c>
      <c r="D63" s="17">
        <v>133</v>
      </c>
    </row>
    <row r="64" spans="1:4" ht="18" customHeight="1" x14ac:dyDescent="0.2">
      <c r="A64" s="14">
        <v>49</v>
      </c>
      <c r="B64" s="15">
        <v>61</v>
      </c>
      <c r="C64" s="16">
        <v>60</v>
      </c>
      <c r="D64" s="17">
        <v>121</v>
      </c>
    </row>
    <row r="65" spans="1:4" ht="18" customHeight="1" x14ac:dyDescent="0.2">
      <c r="A65" s="18" t="s">
        <v>76</v>
      </c>
      <c r="B65" s="15">
        <v>323</v>
      </c>
      <c r="C65" s="16">
        <v>321</v>
      </c>
      <c r="D65" s="17">
        <v>644</v>
      </c>
    </row>
    <row r="66" spans="1:4" ht="18" customHeight="1" x14ac:dyDescent="0.2">
      <c r="A66" s="14">
        <v>50</v>
      </c>
      <c r="B66" s="15">
        <v>66</v>
      </c>
      <c r="C66" s="16">
        <v>64</v>
      </c>
      <c r="D66" s="17">
        <v>130</v>
      </c>
    </row>
    <row r="67" spans="1:4" ht="18" customHeight="1" x14ac:dyDescent="0.2">
      <c r="A67" s="14">
        <v>51</v>
      </c>
      <c r="B67" s="15">
        <v>64</v>
      </c>
      <c r="C67" s="16">
        <v>54</v>
      </c>
      <c r="D67" s="17">
        <v>118</v>
      </c>
    </row>
    <row r="68" spans="1:4" ht="18" customHeight="1" x14ac:dyDescent="0.2">
      <c r="A68" s="14">
        <v>52</v>
      </c>
      <c r="B68" s="15">
        <v>65</v>
      </c>
      <c r="C68" s="16">
        <v>66</v>
      </c>
      <c r="D68" s="17">
        <v>131</v>
      </c>
    </row>
    <row r="69" spans="1:4" ht="18" customHeight="1" x14ac:dyDescent="0.2">
      <c r="A69" s="14">
        <v>53</v>
      </c>
      <c r="B69" s="15">
        <v>62</v>
      </c>
      <c r="C69" s="16">
        <v>55</v>
      </c>
      <c r="D69" s="17">
        <v>117</v>
      </c>
    </row>
    <row r="70" spans="1:4" ht="18" customHeight="1" x14ac:dyDescent="0.2">
      <c r="A70" s="14">
        <v>54</v>
      </c>
      <c r="B70" s="15">
        <v>71</v>
      </c>
      <c r="C70" s="16">
        <v>69</v>
      </c>
      <c r="D70" s="17">
        <v>140</v>
      </c>
    </row>
    <row r="71" spans="1:4" ht="18" customHeight="1" x14ac:dyDescent="0.2">
      <c r="A71" s="18" t="s">
        <v>77</v>
      </c>
      <c r="B71" s="15">
        <v>328</v>
      </c>
      <c r="C71" s="16">
        <v>308</v>
      </c>
      <c r="D71" s="17">
        <v>636</v>
      </c>
    </row>
    <row r="72" spans="1:4" ht="18" customHeight="1" x14ac:dyDescent="0.2">
      <c r="A72" s="14">
        <v>55</v>
      </c>
      <c r="B72" s="15">
        <v>68</v>
      </c>
      <c r="C72" s="16">
        <v>69</v>
      </c>
      <c r="D72" s="17">
        <v>137</v>
      </c>
    </row>
    <row r="73" spans="1:4" ht="18" customHeight="1" x14ac:dyDescent="0.2">
      <c r="A73" s="14">
        <v>56</v>
      </c>
      <c r="B73" s="15">
        <v>66</v>
      </c>
      <c r="C73" s="16">
        <v>65</v>
      </c>
      <c r="D73" s="17">
        <v>131</v>
      </c>
    </row>
    <row r="74" spans="1:4" ht="18" customHeight="1" x14ac:dyDescent="0.2">
      <c r="A74" s="14">
        <v>57</v>
      </c>
      <c r="B74" s="15">
        <v>76</v>
      </c>
      <c r="C74" s="16">
        <v>73</v>
      </c>
      <c r="D74" s="17">
        <v>149</v>
      </c>
    </row>
    <row r="75" spans="1:4" ht="18" customHeight="1" x14ac:dyDescent="0.2">
      <c r="A75" s="14">
        <v>58</v>
      </c>
      <c r="B75" s="15">
        <v>63</v>
      </c>
      <c r="C75" s="16">
        <v>80</v>
      </c>
      <c r="D75" s="17">
        <v>143</v>
      </c>
    </row>
    <row r="76" spans="1:4" ht="18" customHeight="1" x14ac:dyDescent="0.2">
      <c r="A76" s="14">
        <v>59</v>
      </c>
      <c r="B76" s="15">
        <v>77</v>
      </c>
      <c r="C76" s="16">
        <v>81</v>
      </c>
      <c r="D76" s="17">
        <v>158</v>
      </c>
    </row>
    <row r="77" spans="1:4" ht="18" customHeight="1" x14ac:dyDescent="0.2">
      <c r="A77" s="18" t="s">
        <v>78</v>
      </c>
      <c r="B77" s="15">
        <v>350</v>
      </c>
      <c r="C77" s="16">
        <v>368</v>
      </c>
      <c r="D77" s="17">
        <v>718</v>
      </c>
    </row>
    <row r="78" spans="1:4" ht="18" customHeight="1" x14ac:dyDescent="0.2">
      <c r="A78" s="14">
        <v>60</v>
      </c>
      <c r="B78" s="15">
        <v>95</v>
      </c>
      <c r="C78" s="16">
        <v>86</v>
      </c>
      <c r="D78" s="17">
        <v>181</v>
      </c>
    </row>
    <row r="79" spans="1:4" ht="18" customHeight="1" x14ac:dyDescent="0.2">
      <c r="A79" s="14">
        <v>61</v>
      </c>
      <c r="B79" s="15">
        <v>82</v>
      </c>
      <c r="C79" s="16">
        <v>114</v>
      </c>
      <c r="D79" s="17">
        <v>196</v>
      </c>
    </row>
    <row r="80" spans="1:4" ht="18" customHeight="1" x14ac:dyDescent="0.2">
      <c r="A80" s="14">
        <v>62</v>
      </c>
      <c r="B80" s="15">
        <v>83</v>
      </c>
      <c r="C80" s="16">
        <v>94</v>
      </c>
      <c r="D80" s="17">
        <v>177</v>
      </c>
    </row>
    <row r="81" spans="1:4" ht="18" customHeight="1" x14ac:dyDescent="0.2">
      <c r="A81" s="14">
        <v>63</v>
      </c>
      <c r="B81" s="15">
        <v>32</v>
      </c>
      <c r="C81" s="16">
        <v>50</v>
      </c>
      <c r="D81" s="17">
        <v>82</v>
      </c>
    </row>
    <row r="82" spans="1:4" ht="18" customHeight="1" x14ac:dyDescent="0.2">
      <c r="A82" s="14">
        <v>64</v>
      </c>
      <c r="B82" s="15">
        <v>67</v>
      </c>
      <c r="C82" s="16">
        <v>70</v>
      </c>
      <c r="D82" s="17">
        <v>137</v>
      </c>
    </row>
    <row r="83" spans="1:4" ht="18" customHeight="1" x14ac:dyDescent="0.2">
      <c r="A83" s="18" t="s">
        <v>79</v>
      </c>
      <c r="B83" s="15">
        <v>359</v>
      </c>
      <c r="C83" s="16">
        <v>414</v>
      </c>
      <c r="D83" s="17">
        <v>773</v>
      </c>
    </row>
    <row r="84" spans="1:4" ht="18" customHeight="1" x14ac:dyDescent="0.2">
      <c r="A84" s="18" t="s">
        <v>80</v>
      </c>
      <c r="B84" s="15">
        <v>3417</v>
      </c>
      <c r="C84" s="16">
        <v>3265</v>
      </c>
      <c r="D84" s="17">
        <v>6682</v>
      </c>
    </row>
    <row r="85" spans="1:4" ht="18" customHeight="1" x14ac:dyDescent="0.2">
      <c r="A85" s="14">
        <v>65</v>
      </c>
      <c r="B85" s="15">
        <v>87</v>
      </c>
      <c r="C85" s="16">
        <v>86</v>
      </c>
      <c r="D85" s="17">
        <v>173</v>
      </c>
    </row>
    <row r="86" spans="1:4" ht="18" customHeight="1" x14ac:dyDescent="0.2">
      <c r="A86" s="14">
        <v>66</v>
      </c>
      <c r="B86" s="15">
        <v>55</v>
      </c>
      <c r="C86" s="16">
        <v>69</v>
      </c>
      <c r="D86" s="17">
        <v>124</v>
      </c>
    </row>
    <row r="87" spans="1:4" ht="18" customHeight="1" x14ac:dyDescent="0.2">
      <c r="A87" s="14">
        <v>67</v>
      </c>
      <c r="B87" s="15">
        <v>82</v>
      </c>
      <c r="C87" s="16">
        <v>86</v>
      </c>
      <c r="D87" s="17">
        <v>168</v>
      </c>
    </row>
    <row r="88" spans="1:4" ht="18" customHeight="1" x14ac:dyDescent="0.2">
      <c r="A88" s="14">
        <v>68</v>
      </c>
      <c r="B88" s="15">
        <v>46</v>
      </c>
      <c r="C88" s="16">
        <v>62</v>
      </c>
      <c r="D88" s="17">
        <v>108</v>
      </c>
    </row>
    <row r="89" spans="1:4" ht="18" customHeight="1" x14ac:dyDescent="0.2">
      <c r="A89" s="14">
        <v>69</v>
      </c>
      <c r="B89" s="15">
        <v>49</v>
      </c>
      <c r="C89" s="16">
        <v>76</v>
      </c>
      <c r="D89" s="17">
        <v>125</v>
      </c>
    </row>
    <row r="90" spans="1:4" ht="18" customHeight="1" x14ac:dyDescent="0.2">
      <c r="A90" s="18" t="s">
        <v>81</v>
      </c>
      <c r="B90" s="15">
        <v>319</v>
      </c>
      <c r="C90" s="16">
        <v>379</v>
      </c>
      <c r="D90" s="17">
        <v>698</v>
      </c>
    </row>
    <row r="91" spans="1:4" ht="18" customHeight="1" x14ac:dyDescent="0.2">
      <c r="A91" s="14">
        <v>70</v>
      </c>
      <c r="B91" s="15">
        <v>41</v>
      </c>
      <c r="C91" s="16">
        <v>60</v>
      </c>
      <c r="D91" s="17">
        <v>101</v>
      </c>
    </row>
    <row r="92" spans="1:4" ht="18" customHeight="1" x14ac:dyDescent="0.2">
      <c r="A92" s="14">
        <v>71</v>
      </c>
      <c r="B92" s="15">
        <v>58</v>
      </c>
      <c r="C92" s="16">
        <v>77</v>
      </c>
      <c r="D92" s="17">
        <v>135</v>
      </c>
    </row>
    <row r="93" spans="1:4" ht="18" customHeight="1" x14ac:dyDescent="0.2">
      <c r="A93" s="14">
        <v>72</v>
      </c>
      <c r="B93" s="15">
        <v>48</v>
      </c>
      <c r="C93" s="16">
        <v>67</v>
      </c>
      <c r="D93" s="17">
        <v>115</v>
      </c>
    </row>
    <row r="94" spans="1:4" ht="18" customHeight="1" x14ac:dyDescent="0.2">
      <c r="A94" s="14">
        <v>73</v>
      </c>
      <c r="B94" s="15">
        <v>64</v>
      </c>
      <c r="C94" s="16">
        <v>82</v>
      </c>
      <c r="D94" s="17">
        <v>146</v>
      </c>
    </row>
    <row r="95" spans="1:4" ht="18" customHeight="1" x14ac:dyDescent="0.2">
      <c r="A95" s="14">
        <v>74</v>
      </c>
      <c r="B95" s="15">
        <v>49</v>
      </c>
      <c r="C95" s="16">
        <v>61</v>
      </c>
      <c r="D95" s="17">
        <v>110</v>
      </c>
    </row>
    <row r="96" spans="1:4" ht="18" customHeight="1" x14ac:dyDescent="0.2">
      <c r="A96" s="18" t="s">
        <v>82</v>
      </c>
      <c r="B96" s="15">
        <v>260</v>
      </c>
      <c r="C96" s="16">
        <v>347</v>
      </c>
      <c r="D96" s="17">
        <v>607</v>
      </c>
    </row>
    <row r="97" spans="1:4" ht="18" customHeight="1" x14ac:dyDescent="0.2">
      <c r="A97" s="14">
        <v>75</v>
      </c>
      <c r="B97" s="15">
        <v>54</v>
      </c>
      <c r="C97" s="16">
        <v>81</v>
      </c>
      <c r="D97" s="17">
        <v>135</v>
      </c>
    </row>
    <row r="98" spans="1:4" ht="18" customHeight="1" x14ac:dyDescent="0.2">
      <c r="A98" s="14">
        <v>76</v>
      </c>
      <c r="B98" s="15">
        <v>40</v>
      </c>
      <c r="C98" s="16">
        <v>72</v>
      </c>
      <c r="D98" s="17">
        <v>112</v>
      </c>
    </row>
    <row r="99" spans="1:4" ht="18" customHeight="1" x14ac:dyDescent="0.2">
      <c r="A99" s="14">
        <v>77</v>
      </c>
      <c r="B99" s="15">
        <v>51</v>
      </c>
      <c r="C99" s="16">
        <v>75</v>
      </c>
      <c r="D99" s="17">
        <v>126</v>
      </c>
    </row>
    <row r="100" spans="1:4" ht="18" customHeight="1" x14ac:dyDescent="0.2">
      <c r="A100" s="14">
        <v>78</v>
      </c>
      <c r="B100" s="15">
        <v>56</v>
      </c>
      <c r="C100" s="16">
        <v>69</v>
      </c>
      <c r="D100" s="17">
        <v>125</v>
      </c>
    </row>
    <row r="101" spans="1:4" ht="18" customHeight="1" x14ac:dyDescent="0.2">
      <c r="A101" s="14">
        <v>79</v>
      </c>
      <c r="B101" s="15">
        <v>50</v>
      </c>
      <c r="C101" s="16">
        <v>53</v>
      </c>
      <c r="D101" s="17">
        <v>103</v>
      </c>
    </row>
    <row r="102" spans="1:4" ht="18" customHeight="1" x14ac:dyDescent="0.2">
      <c r="A102" s="18" t="s">
        <v>83</v>
      </c>
      <c r="B102" s="15">
        <v>251</v>
      </c>
      <c r="C102" s="16">
        <v>350</v>
      </c>
      <c r="D102" s="17">
        <v>601</v>
      </c>
    </row>
    <row r="103" spans="1:4" ht="18" customHeight="1" x14ac:dyDescent="0.2">
      <c r="A103" s="14">
        <v>80</v>
      </c>
      <c r="B103" s="15">
        <v>31</v>
      </c>
      <c r="C103" s="16">
        <v>67</v>
      </c>
      <c r="D103" s="17">
        <v>98</v>
      </c>
    </row>
    <row r="104" spans="1:4" ht="18" customHeight="1" x14ac:dyDescent="0.2">
      <c r="A104" s="14">
        <v>81</v>
      </c>
      <c r="B104" s="15">
        <v>28</v>
      </c>
      <c r="C104" s="16">
        <v>55</v>
      </c>
      <c r="D104" s="17">
        <v>83</v>
      </c>
    </row>
    <row r="105" spans="1:4" ht="18" customHeight="1" x14ac:dyDescent="0.2">
      <c r="A105" s="14">
        <v>82</v>
      </c>
      <c r="B105" s="15">
        <v>33</v>
      </c>
      <c r="C105" s="16">
        <v>53</v>
      </c>
      <c r="D105" s="17">
        <v>86</v>
      </c>
    </row>
    <row r="106" spans="1:4" ht="18" customHeight="1" x14ac:dyDescent="0.2">
      <c r="A106" s="14">
        <v>83</v>
      </c>
      <c r="B106" s="15">
        <v>31</v>
      </c>
      <c r="C106" s="16">
        <v>58</v>
      </c>
      <c r="D106" s="17">
        <v>89</v>
      </c>
    </row>
    <row r="107" spans="1:4" ht="18" customHeight="1" x14ac:dyDescent="0.2">
      <c r="A107" s="14">
        <v>84</v>
      </c>
      <c r="B107" s="15">
        <v>22</v>
      </c>
      <c r="C107" s="16">
        <v>37</v>
      </c>
      <c r="D107" s="17">
        <v>59</v>
      </c>
    </row>
    <row r="108" spans="1:4" ht="18" customHeight="1" x14ac:dyDescent="0.2">
      <c r="A108" s="18" t="s">
        <v>84</v>
      </c>
      <c r="B108" s="15">
        <v>145</v>
      </c>
      <c r="C108" s="16">
        <v>270</v>
      </c>
      <c r="D108" s="17">
        <v>415</v>
      </c>
    </row>
    <row r="109" spans="1:4" ht="18" customHeight="1" x14ac:dyDescent="0.2">
      <c r="A109" s="14">
        <v>85</v>
      </c>
      <c r="B109" s="15">
        <v>27</v>
      </c>
      <c r="C109" s="16">
        <v>35</v>
      </c>
      <c r="D109" s="17">
        <v>62</v>
      </c>
    </row>
    <row r="110" spans="1:4" ht="18" customHeight="1" x14ac:dyDescent="0.2">
      <c r="A110" s="14">
        <v>86</v>
      </c>
      <c r="B110" s="15">
        <v>12</v>
      </c>
      <c r="C110" s="16">
        <v>34</v>
      </c>
      <c r="D110" s="17">
        <v>46</v>
      </c>
    </row>
    <row r="111" spans="1:4" ht="18" customHeight="1" x14ac:dyDescent="0.2">
      <c r="A111" s="14">
        <v>87</v>
      </c>
      <c r="B111" s="15">
        <v>17</v>
      </c>
      <c r="C111" s="16">
        <v>38</v>
      </c>
      <c r="D111" s="17">
        <v>55</v>
      </c>
    </row>
    <row r="112" spans="1:4" ht="18" customHeight="1" x14ac:dyDescent="0.2">
      <c r="A112" s="14">
        <v>88</v>
      </c>
      <c r="B112" s="15">
        <v>11</v>
      </c>
      <c r="C112" s="16">
        <v>27</v>
      </c>
      <c r="D112" s="17">
        <v>38</v>
      </c>
    </row>
    <row r="113" spans="1:4" ht="18" customHeight="1" x14ac:dyDescent="0.2">
      <c r="A113" s="14">
        <v>89</v>
      </c>
      <c r="B113" s="15">
        <v>13</v>
      </c>
      <c r="C113" s="16">
        <v>36</v>
      </c>
      <c r="D113" s="17">
        <v>49</v>
      </c>
    </row>
    <row r="114" spans="1:4" ht="18" customHeight="1" x14ac:dyDescent="0.2">
      <c r="A114" s="18" t="s">
        <v>85</v>
      </c>
      <c r="B114" s="15">
        <v>80</v>
      </c>
      <c r="C114" s="16">
        <v>170</v>
      </c>
      <c r="D114" s="17">
        <v>250</v>
      </c>
    </row>
    <row r="115" spans="1:4" ht="18" customHeight="1" x14ac:dyDescent="0.2">
      <c r="A115" s="14">
        <v>90</v>
      </c>
      <c r="B115" s="15">
        <v>6</v>
      </c>
      <c r="C115" s="16">
        <v>20</v>
      </c>
      <c r="D115" s="17">
        <v>26</v>
      </c>
    </row>
    <row r="116" spans="1:4" ht="18" customHeight="1" x14ac:dyDescent="0.2">
      <c r="A116" s="14">
        <v>91</v>
      </c>
      <c r="B116" s="15">
        <v>8</v>
      </c>
      <c r="C116" s="16">
        <v>20</v>
      </c>
      <c r="D116" s="17">
        <v>28</v>
      </c>
    </row>
    <row r="117" spans="1:4" ht="18" customHeight="1" x14ac:dyDescent="0.2">
      <c r="A117" s="14">
        <v>92</v>
      </c>
      <c r="B117" s="15">
        <v>6</v>
      </c>
      <c r="C117" s="16">
        <v>12</v>
      </c>
      <c r="D117" s="17">
        <v>18</v>
      </c>
    </row>
    <row r="118" spans="1:4" ht="18" customHeight="1" x14ac:dyDescent="0.2">
      <c r="A118" s="14">
        <v>93</v>
      </c>
      <c r="B118" s="15">
        <v>4</v>
      </c>
      <c r="C118" s="16">
        <v>12</v>
      </c>
      <c r="D118" s="17">
        <v>16</v>
      </c>
    </row>
    <row r="119" spans="1:4" ht="18" customHeight="1" x14ac:dyDescent="0.2">
      <c r="A119" s="14">
        <v>94</v>
      </c>
      <c r="B119" s="15">
        <v>5</v>
      </c>
      <c r="C119" s="16">
        <v>10</v>
      </c>
      <c r="D119" s="17">
        <v>15</v>
      </c>
    </row>
    <row r="120" spans="1:4" ht="18" customHeight="1" x14ac:dyDescent="0.2">
      <c r="A120" s="18" t="s">
        <v>86</v>
      </c>
      <c r="B120" s="15">
        <v>29</v>
      </c>
      <c r="C120" s="16">
        <v>74</v>
      </c>
      <c r="D120" s="17">
        <v>103</v>
      </c>
    </row>
    <row r="121" spans="1:4" ht="18" customHeight="1" x14ac:dyDescent="0.2">
      <c r="A121" s="14">
        <v>95</v>
      </c>
      <c r="B121" s="15">
        <v>3</v>
      </c>
      <c r="C121" s="16">
        <v>3</v>
      </c>
      <c r="D121" s="17">
        <v>6</v>
      </c>
    </row>
    <row r="122" spans="1:4" ht="18" customHeight="1" x14ac:dyDescent="0.2">
      <c r="A122" s="14">
        <v>96</v>
      </c>
      <c r="B122" s="15">
        <v>2</v>
      </c>
      <c r="C122" s="16">
        <v>11</v>
      </c>
      <c r="D122" s="17">
        <v>13</v>
      </c>
    </row>
    <row r="123" spans="1:4" ht="18" customHeight="1" x14ac:dyDescent="0.2">
      <c r="A123" s="14">
        <v>97</v>
      </c>
      <c r="B123" s="15">
        <v>2</v>
      </c>
      <c r="C123" s="16">
        <v>3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87</v>
      </c>
      <c r="B126" s="15">
        <v>9</v>
      </c>
      <c r="C126" s="16">
        <v>23</v>
      </c>
      <c r="D126" s="17">
        <v>32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88</v>
      </c>
      <c r="B128" s="15">
        <v>2</v>
      </c>
      <c r="C128" s="16">
        <v>1</v>
      </c>
      <c r="D128" s="17">
        <v>3</v>
      </c>
    </row>
    <row r="129" spans="1:4" ht="18" customHeight="1" x14ac:dyDescent="0.2">
      <c r="A129" s="18" t="s">
        <v>89</v>
      </c>
      <c r="B129" s="15">
        <v>2</v>
      </c>
      <c r="C129" s="16">
        <v>5</v>
      </c>
      <c r="D129" s="17">
        <v>7</v>
      </c>
    </row>
    <row r="130" spans="1:4" ht="18" customHeight="1" x14ac:dyDescent="0.2">
      <c r="A130" s="18" t="s">
        <v>90</v>
      </c>
      <c r="B130" s="4">
        <v>1095</v>
      </c>
      <c r="C130" s="5">
        <v>1618</v>
      </c>
      <c r="D130" s="6">
        <v>2713</v>
      </c>
    </row>
    <row r="131" spans="1:4" ht="18" customHeight="1" x14ac:dyDescent="0.2">
      <c r="A131" s="20" t="s">
        <v>65</v>
      </c>
      <c r="B131" s="7">
        <v>5227</v>
      </c>
      <c r="C131" s="8">
        <v>5587</v>
      </c>
      <c r="D131" s="9">
        <v>1081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4</v>
      </c>
      <c r="C5" s="12">
        <v>26</v>
      </c>
      <c r="D5" s="13">
        <v>60</v>
      </c>
    </row>
    <row r="6" spans="1:4" ht="18" customHeight="1" x14ac:dyDescent="0.2">
      <c r="A6" s="14">
        <v>1</v>
      </c>
      <c r="B6" s="15">
        <v>38</v>
      </c>
      <c r="C6" s="16">
        <v>23</v>
      </c>
      <c r="D6" s="17">
        <v>61</v>
      </c>
    </row>
    <row r="7" spans="1:4" ht="18" customHeight="1" x14ac:dyDescent="0.2">
      <c r="A7" s="14">
        <v>2</v>
      </c>
      <c r="B7" s="15">
        <v>38</v>
      </c>
      <c r="C7" s="16">
        <v>22</v>
      </c>
      <c r="D7" s="17">
        <v>60</v>
      </c>
    </row>
    <row r="8" spans="1:4" ht="18" customHeight="1" x14ac:dyDescent="0.2">
      <c r="A8" s="14">
        <v>3</v>
      </c>
      <c r="B8" s="15">
        <v>32</v>
      </c>
      <c r="C8" s="16">
        <v>33</v>
      </c>
      <c r="D8" s="17">
        <v>65</v>
      </c>
    </row>
    <row r="9" spans="1:4" ht="18" customHeight="1" x14ac:dyDescent="0.2">
      <c r="A9" s="14">
        <v>4</v>
      </c>
      <c r="B9" s="15">
        <v>27</v>
      </c>
      <c r="C9" s="16">
        <v>28</v>
      </c>
      <c r="D9" s="17">
        <v>55</v>
      </c>
    </row>
    <row r="10" spans="1:4" ht="18" customHeight="1" x14ac:dyDescent="0.2">
      <c r="A10" s="18" t="s">
        <v>66</v>
      </c>
      <c r="B10" s="15">
        <v>169</v>
      </c>
      <c r="C10" s="16">
        <v>132</v>
      </c>
      <c r="D10" s="17">
        <v>301</v>
      </c>
    </row>
    <row r="11" spans="1:4" ht="18" customHeight="1" x14ac:dyDescent="0.2">
      <c r="A11" s="14">
        <v>5</v>
      </c>
      <c r="B11" s="15">
        <v>41</v>
      </c>
      <c r="C11" s="16">
        <v>35</v>
      </c>
      <c r="D11" s="17">
        <v>76</v>
      </c>
    </row>
    <row r="12" spans="1:4" ht="18" customHeight="1" x14ac:dyDescent="0.2">
      <c r="A12" s="14">
        <v>6</v>
      </c>
      <c r="B12" s="15">
        <v>28</v>
      </c>
      <c r="C12" s="16">
        <v>24</v>
      </c>
      <c r="D12" s="17">
        <v>52</v>
      </c>
    </row>
    <row r="13" spans="1:4" ht="18" customHeight="1" x14ac:dyDescent="0.2">
      <c r="A13" s="14">
        <v>7</v>
      </c>
      <c r="B13" s="15">
        <v>31</v>
      </c>
      <c r="C13" s="16">
        <v>20</v>
      </c>
      <c r="D13" s="17">
        <v>51</v>
      </c>
    </row>
    <row r="14" spans="1:4" ht="18" customHeight="1" x14ac:dyDescent="0.2">
      <c r="A14" s="14">
        <v>8</v>
      </c>
      <c r="B14" s="15">
        <v>27</v>
      </c>
      <c r="C14" s="16">
        <v>34</v>
      </c>
      <c r="D14" s="17">
        <v>61</v>
      </c>
    </row>
    <row r="15" spans="1:4" ht="18" customHeight="1" x14ac:dyDescent="0.2">
      <c r="A15" s="14">
        <v>9</v>
      </c>
      <c r="B15" s="15">
        <v>39</v>
      </c>
      <c r="C15" s="16">
        <v>29</v>
      </c>
      <c r="D15" s="17">
        <v>68</v>
      </c>
    </row>
    <row r="16" spans="1:4" ht="18" customHeight="1" x14ac:dyDescent="0.2">
      <c r="A16" s="18" t="s">
        <v>67</v>
      </c>
      <c r="B16" s="15">
        <v>166</v>
      </c>
      <c r="C16" s="16">
        <v>142</v>
      </c>
      <c r="D16" s="17">
        <v>308</v>
      </c>
    </row>
    <row r="17" spans="1:4" ht="18" customHeight="1" x14ac:dyDescent="0.2">
      <c r="A17" s="14">
        <v>10</v>
      </c>
      <c r="B17" s="15">
        <v>42</v>
      </c>
      <c r="C17" s="16">
        <v>41</v>
      </c>
      <c r="D17" s="17">
        <v>83</v>
      </c>
    </row>
    <row r="18" spans="1:4" ht="18" customHeight="1" x14ac:dyDescent="0.2">
      <c r="A18" s="14">
        <v>11</v>
      </c>
      <c r="B18" s="15">
        <v>29</v>
      </c>
      <c r="C18" s="16">
        <v>33</v>
      </c>
      <c r="D18" s="17">
        <v>62</v>
      </c>
    </row>
    <row r="19" spans="1:4" ht="18" customHeight="1" x14ac:dyDescent="0.2">
      <c r="A19" s="14">
        <v>12</v>
      </c>
      <c r="B19" s="15">
        <v>28</v>
      </c>
      <c r="C19" s="16">
        <v>42</v>
      </c>
      <c r="D19" s="17">
        <v>70</v>
      </c>
    </row>
    <row r="20" spans="1:4" ht="18" customHeight="1" x14ac:dyDescent="0.2">
      <c r="A20" s="14">
        <v>13</v>
      </c>
      <c r="B20" s="15">
        <v>34</v>
      </c>
      <c r="C20" s="16">
        <v>38</v>
      </c>
      <c r="D20" s="17">
        <v>72</v>
      </c>
    </row>
    <row r="21" spans="1:4" ht="18" customHeight="1" x14ac:dyDescent="0.2">
      <c r="A21" s="14">
        <v>14</v>
      </c>
      <c r="B21" s="15">
        <v>39</v>
      </c>
      <c r="C21" s="16">
        <v>42</v>
      </c>
      <c r="D21" s="17">
        <v>81</v>
      </c>
    </row>
    <row r="22" spans="1:4" ht="18" customHeight="1" x14ac:dyDescent="0.2">
      <c r="A22" s="18" t="s">
        <v>68</v>
      </c>
      <c r="B22" s="15">
        <v>172</v>
      </c>
      <c r="C22" s="16">
        <v>196</v>
      </c>
      <c r="D22" s="17">
        <v>368</v>
      </c>
    </row>
    <row r="23" spans="1:4" ht="18" customHeight="1" x14ac:dyDescent="0.2">
      <c r="A23" s="18" t="s">
        <v>69</v>
      </c>
      <c r="B23" s="15">
        <v>507</v>
      </c>
      <c r="C23" s="16">
        <v>470</v>
      </c>
      <c r="D23" s="17">
        <v>977</v>
      </c>
    </row>
    <row r="24" spans="1:4" ht="18" customHeight="1" x14ac:dyDescent="0.2">
      <c r="A24" s="14">
        <v>15</v>
      </c>
      <c r="B24" s="15">
        <v>31</v>
      </c>
      <c r="C24" s="16">
        <v>33</v>
      </c>
      <c r="D24" s="17">
        <v>64</v>
      </c>
    </row>
    <row r="25" spans="1:4" ht="18" customHeight="1" x14ac:dyDescent="0.2">
      <c r="A25" s="14">
        <v>16</v>
      </c>
      <c r="B25" s="15">
        <v>50</v>
      </c>
      <c r="C25" s="16">
        <v>46</v>
      </c>
      <c r="D25" s="17">
        <v>96</v>
      </c>
    </row>
    <row r="26" spans="1:4" ht="18" customHeight="1" x14ac:dyDescent="0.2">
      <c r="A26" s="14">
        <v>17</v>
      </c>
      <c r="B26" s="15">
        <v>34</v>
      </c>
      <c r="C26" s="16">
        <v>32</v>
      </c>
      <c r="D26" s="17">
        <v>66</v>
      </c>
    </row>
    <row r="27" spans="1:4" ht="18" customHeight="1" x14ac:dyDescent="0.2">
      <c r="A27" s="14">
        <v>18</v>
      </c>
      <c r="B27" s="15">
        <v>34</v>
      </c>
      <c r="C27" s="16">
        <v>41</v>
      </c>
      <c r="D27" s="17">
        <v>75</v>
      </c>
    </row>
    <row r="28" spans="1:4" ht="18" customHeight="1" x14ac:dyDescent="0.2">
      <c r="A28" s="14">
        <v>19</v>
      </c>
      <c r="B28" s="15">
        <v>38</v>
      </c>
      <c r="C28" s="16">
        <v>35</v>
      </c>
      <c r="D28" s="17">
        <v>73</v>
      </c>
    </row>
    <row r="29" spans="1:4" ht="18" customHeight="1" x14ac:dyDescent="0.2">
      <c r="A29" s="18" t="s">
        <v>70</v>
      </c>
      <c r="B29" s="15">
        <v>187</v>
      </c>
      <c r="C29" s="16">
        <v>187</v>
      </c>
      <c r="D29" s="17">
        <v>374</v>
      </c>
    </row>
    <row r="30" spans="1:4" ht="18" customHeight="1" x14ac:dyDescent="0.2">
      <c r="A30" s="14">
        <v>20</v>
      </c>
      <c r="B30" s="15">
        <v>25</v>
      </c>
      <c r="C30" s="16">
        <v>40</v>
      </c>
      <c r="D30" s="17">
        <v>65</v>
      </c>
    </row>
    <row r="31" spans="1:4" ht="18" customHeight="1" x14ac:dyDescent="0.2">
      <c r="A31" s="14">
        <v>21</v>
      </c>
      <c r="B31" s="15">
        <v>44</v>
      </c>
      <c r="C31" s="16">
        <v>40</v>
      </c>
      <c r="D31" s="17">
        <v>84</v>
      </c>
    </row>
    <row r="32" spans="1:4" ht="18" customHeight="1" x14ac:dyDescent="0.2">
      <c r="A32" s="14">
        <v>22</v>
      </c>
      <c r="B32" s="15">
        <v>32</v>
      </c>
      <c r="C32" s="16">
        <v>32</v>
      </c>
      <c r="D32" s="17">
        <v>64</v>
      </c>
    </row>
    <row r="33" spans="1:4" ht="18" customHeight="1" x14ac:dyDescent="0.2">
      <c r="A33" s="14">
        <v>23</v>
      </c>
      <c r="B33" s="15">
        <v>31</v>
      </c>
      <c r="C33" s="16">
        <v>39</v>
      </c>
      <c r="D33" s="17">
        <v>70</v>
      </c>
    </row>
    <row r="34" spans="1:4" ht="18" customHeight="1" x14ac:dyDescent="0.2">
      <c r="A34" s="14">
        <v>24</v>
      </c>
      <c r="B34" s="15">
        <v>42</v>
      </c>
      <c r="C34" s="16">
        <v>42</v>
      </c>
      <c r="D34" s="17">
        <v>84</v>
      </c>
    </row>
    <row r="35" spans="1:4" ht="18" customHeight="1" x14ac:dyDescent="0.2">
      <c r="A35" s="18" t="s">
        <v>71</v>
      </c>
      <c r="B35" s="15">
        <v>174</v>
      </c>
      <c r="C35" s="16">
        <v>193</v>
      </c>
      <c r="D35" s="17">
        <v>367</v>
      </c>
    </row>
    <row r="36" spans="1:4" ht="18" customHeight="1" x14ac:dyDescent="0.2">
      <c r="A36" s="14">
        <v>25</v>
      </c>
      <c r="B36" s="15">
        <v>32</v>
      </c>
      <c r="C36" s="16">
        <v>37</v>
      </c>
      <c r="D36" s="17">
        <v>69</v>
      </c>
    </row>
    <row r="37" spans="1:4" ht="18" customHeight="1" x14ac:dyDescent="0.2">
      <c r="A37" s="14">
        <v>26</v>
      </c>
      <c r="B37" s="15">
        <v>51</v>
      </c>
      <c r="C37" s="16">
        <v>39</v>
      </c>
      <c r="D37" s="17">
        <v>90</v>
      </c>
    </row>
    <row r="38" spans="1:4" ht="18" customHeight="1" x14ac:dyDescent="0.2">
      <c r="A38" s="14">
        <v>27</v>
      </c>
      <c r="B38" s="15">
        <v>37</v>
      </c>
      <c r="C38" s="16">
        <v>33</v>
      </c>
      <c r="D38" s="17">
        <v>70</v>
      </c>
    </row>
    <row r="39" spans="1:4" ht="18" customHeight="1" x14ac:dyDescent="0.2">
      <c r="A39" s="14">
        <v>28</v>
      </c>
      <c r="B39" s="15">
        <v>41</v>
      </c>
      <c r="C39" s="16">
        <v>42</v>
      </c>
      <c r="D39" s="17">
        <v>83</v>
      </c>
    </row>
    <row r="40" spans="1:4" ht="18" customHeight="1" x14ac:dyDescent="0.2">
      <c r="A40" s="14">
        <v>29</v>
      </c>
      <c r="B40" s="15">
        <v>43</v>
      </c>
      <c r="C40" s="16">
        <v>42</v>
      </c>
      <c r="D40" s="17">
        <v>85</v>
      </c>
    </row>
    <row r="41" spans="1:4" ht="18" customHeight="1" x14ac:dyDescent="0.2">
      <c r="A41" s="18" t="s">
        <v>72</v>
      </c>
      <c r="B41" s="15">
        <v>204</v>
      </c>
      <c r="C41" s="16">
        <v>193</v>
      </c>
      <c r="D41" s="17">
        <v>397</v>
      </c>
    </row>
    <row r="42" spans="1:4" ht="18" customHeight="1" x14ac:dyDescent="0.2">
      <c r="A42" s="14">
        <v>30</v>
      </c>
      <c r="B42" s="15">
        <v>45</v>
      </c>
      <c r="C42" s="16">
        <v>48</v>
      </c>
      <c r="D42" s="17">
        <v>93</v>
      </c>
    </row>
    <row r="43" spans="1:4" ht="18" customHeight="1" x14ac:dyDescent="0.2">
      <c r="A43" s="14">
        <v>31</v>
      </c>
      <c r="B43" s="15">
        <v>57</v>
      </c>
      <c r="C43" s="16">
        <v>54</v>
      </c>
      <c r="D43" s="17">
        <v>111</v>
      </c>
    </row>
    <row r="44" spans="1:4" ht="18" customHeight="1" x14ac:dyDescent="0.2">
      <c r="A44" s="14">
        <v>32</v>
      </c>
      <c r="B44" s="15">
        <v>49</v>
      </c>
      <c r="C44" s="16">
        <v>51</v>
      </c>
      <c r="D44" s="17">
        <v>100</v>
      </c>
    </row>
    <row r="45" spans="1:4" ht="18" customHeight="1" x14ac:dyDescent="0.2">
      <c r="A45" s="14">
        <v>33</v>
      </c>
      <c r="B45" s="15">
        <v>61</v>
      </c>
      <c r="C45" s="16">
        <v>59</v>
      </c>
      <c r="D45" s="17">
        <v>120</v>
      </c>
    </row>
    <row r="46" spans="1:4" ht="18" customHeight="1" x14ac:dyDescent="0.2">
      <c r="A46" s="14">
        <v>34</v>
      </c>
      <c r="B46" s="15">
        <v>49</v>
      </c>
      <c r="C46" s="16">
        <v>49</v>
      </c>
      <c r="D46" s="17">
        <v>98</v>
      </c>
    </row>
    <row r="47" spans="1:4" ht="18" customHeight="1" x14ac:dyDescent="0.2">
      <c r="A47" s="18" t="s">
        <v>73</v>
      </c>
      <c r="B47" s="15">
        <v>261</v>
      </c>
      <c r="C47" s="16">
        <v>261</v>
      </c>
      <c r="D47" s="17">
        <v>522</v>
      </c>
    </row>
    <row r="48" spans="1:4" ht="18" customHeight="1" x14ac:dyDescent="0.2">
      <c r="A48" s="14">
        <v>35</v>
      </c>
      <c r="B48" s="15">
        <v>59</v>
      </c>
      <c r="C48" s="16">
        <v>53</v>
      </c>
      <c r="D48" s="17">
        <v>112</v>
      </c>
    </row>
    <row r="49" spans="1:4" ht="18" customHeight="1" x14ac:dyDescent="0.2">
      <c r="A49" s="14">
        <v>36</v>
      </c>
      <c r="B49" s="15">
        <v>59</v>
      </c>
      <c r="C49" s="16">
        <v>53</v>
      </c>
      <c r="D49" s="17">
        <v>112</v>
      </c>
    </row>
    <row r="50" spans="1:4" ht="18" customHeight="1" x14ac:dyDescent="0.2">
      <c r="A50" s="14">
        <v>37</v>
      </c>
      <c r="B50" s="15">
        <v>68</v>
      </c>
      <c r="C50" s="16">
        <v>55</v>
      </c>
      <c r="D50" s="17">
        <v>123</v>
      </c>
    </row>
    <row r="51" spans="1:4" ht="18" customHeight="1" x14ac:dyDescent="0.2">
      <c r="A51" s="14">
        <v>38</v>
      </c>
      <c r="B51" s="15">
        <v>55</v>
      </c>
      <c r="C51" s="16">
        <v>61</v>
      </c>
      <c r="D51" s="17">
        <v>116</v>
      </c>
    </row>
    <row r="52" spans="1:4" ht="18" customHeight="1" x14ac:dyDescent="0.2">
      <c r="A52" s="14">
        <v>39</v>
      </c>
      <c r="B52" s="15">
        <v>63</v>
      </c>
      <c r="C52" s="16">
        <v>44</v>
      </c>
      <c r="D52" s="17">
        <v>107</v>
      </c>
    </row>
    <row r="53" spans="1:4" ht="18" customHeight="1" x14ac:dyDescent="0.2">
      <c r="A53" s="18" t="s">
        <v>74</v>
      </c>
      <c r="B53" s="15">
        <v>304</v>
      </c>
      <c r="C53" s="16">
        <v>266</v>
      </c>
      <c r="D53" s="17">
        <v>570</v>
      </c>
    </row>
    <row r="54" spans="1:4" ht="18" customHeight="1" x14ac:dyDescent="0.2">
      <c r="A54" s="14">
        <v>40</v>
      </c>
      <c r="B54" s="15">
        <v>59</v>
      </c>
      <c r="C54" s="16">
        <v>60</v>
      </c>
      <c r="D54" s="17">
        <v>119</v>
      </c>
    </row>
    <row r="55" spans="1:4" ht="18" customHeight="1" x14ac:dyDescent="0.2">
      <c r="A55" s="14">
        <v>41</v>
      </c>
      <c r="B55" s="15">
        <v>54</v>
      </c>
      <c r="C55" s="16">
        <v>48</v>
      </c>
      <c r="D55" s="17">
        <v>102</v>
      </c>
    </row>
    <row r="56" spans="1:4" ht="18" customHeight="1" x14ac:dyDescent="0.2">
      <c r="A56" s="14">
        <v>42</v>
      </c>
      <c r="B56" s="15">
        <v>62</v>
      </c>
      <c r="C56" s="16">
        <v>54</v>
      </c>
      <c r="D56" s="17">
        <v>116</v>
      </c>
    </row>
    <row r="57" spans="1:4" ht="18" customHeight="1" x14ac:dyDescent="0.2">
      <c r="A57" s="14">
        <v>43</v>
      </c>
      <c r="B57" s="15">
        <v>55</v>
      </c>
      <c r="C57" s="16">
        <v>48</v>
      </c>
      <c r="D57" s="17">
        <v>103</v>
      </c>
    </row>
    <row r="58" spans="1:4" ht="18" customHeight="1" x14ac:dyDescent="0.2">
      <c r="A58" s="14">
        <v>44</v>
      </c>
      <c r="B58" s="15">
        <v>56</v>
      </c>
      <c r="C58" s="16">
        <v>50</v>
      </c>
      <c r="D58" s="17">
        <v>106</v>
      </c>
    </row>
    <row r="59" spans="1:4" ht="18" customHeight="1" x14ac:dyDescent="0.2">
      <c r="A59" s="18" t="s">
        <v>75</v>
      </c>
      <c r="B59" s="15">
        <v>286</v>
      </c>
      <c r="C59" s="16">
        <v>260</v>
      </c>
      <c r="D59" s="17">
        <v>546</v>
      </c>
    </row>
    <row r="60" spans="1:4" ht="18" customHeight="1" x14ac:dyDescent="0.2">
      <c r="A60" s="14">
        <v>45</v>
      </c>
      <c r="B60" s="15">
        <v>59</v>
      </c>
      <c r="C60" s="16">
        <v>52</v>
      </c>
      <c r="D60" s="17">
        <v>111</v>
      </c>
    </row>
    <row r="61" spans="1:4" ht="18" customHeight="1" x14ac:dyDescent="0.2">
      <c r="A61" s="14">
        <v>46</v>
      </c>
      <c r="B61" s="15">
        <v>39</v>
      </c>
      <c r="C61" s="16">
        <v>59</v>
      </c>
      <c r="D61" s="17">
        <v>98</v>
      </c>
    </row>
    <row r="62" spans="1:4" ht="18" customHeight="1" x14ac:dyDescent="0.2">
      <c r="A62" s="14">
        <v>47</v>
      </c>
      <c r="B62" s="15">
        <v>46</v>
      </c>
      <c r="C62" s="16">
        <v>46</v>
      </c>
      <c r="D62" s="17">
        <v>92</v>
      </c>
    </row>
    <row r="63" spans="1:4" ht="18" customHeight="1" x14ac:dyDescent="0.2">
      <c r="A63" s="14">
        <v>48</v>
      </c>
      <c r="B63" s="15">
        <v>47</v>
      </c>
      <c r="C63" s="16">
        <v>38</v>
      </c>
      <c r="D63" s="17">
        <v>85</v>
      </c>
    </row>
    <row r="64" spans="1:4" ht="18" customHeight="1" x14ac:dyDescent="0.2">
      <c r="A64" s="14">
        <v>49</v>
      </c>
      <c r="B64" s="15">
        <v>50</v>
      </c>
      <c r="C64" s="16">
        <v>36</v>
      </c>
      <c r="D64" s="17">
        <v>86</v>
      </c>
    </row>
    <row r="65" spans="1:4" ht="18" customHeight="1" x14ac:dyDescent="0.2">
      <c r="A65" s="18" t="s">
        <v>76</v>
      </c>
      <c r="B65" s="15">
        <v>241</v>
      </c>
      <c r="C65" s="16">
        <v>231</v>
      </c>
      <c r="D65" s="17">
        <v>472</v>
      </c>
    </row>
    <row r="66" spans="1:4" ht="18" customHeight="1" x14ac:dyDescent="0.2">
      <c r="A66" s="14">
        <v>50</v>
      </c>
      <c r="B66" s="15">
        <v>51</v>
      </c>
      <c r="C66" s="16">
        <v>53</v>
      </c>
      <c r="D66" s="17">
        <v>104</v>
      </c>
    </row>
    <row r="67" spans="1:4" ht="18" customHeight="1" x14ac:dyDescent="0.2">
      <c r="A67" s="14">
        <v>51</v>
      </c>
      <c r="B67" s="15">
        <v>52</v>
      </c>
      <c r="C67" s="16">
        <v>37</v>
      </c>
      <c r="D67" s="17">
        <v>89</v>
      </c>
    </row>
    <row r="68" spans="1:4" ht="18" customHeight="1" x14ac:dyDescent="0.2">
      <c r="A68" s="14">
        <v>52</v>
      </c>
      <c r="B68" s="15">
        <v>38</v>
      </c>
      <c r="C68" s="16">
        <v>28</v>
      </c>
      <c r="D68" s="17">
        <v>66</v>
      </c>
    </row>
    <row r="69" spans="1:4" ht="18" customHeight="1" x14ac:dyDescent="0.2">
      <c r="A69" s="14">
        <v>53</v>
      </c>
      <c r="B69" s="15">
        <v>45</v>
      </c>
      <c r="C69" s="16">
        <v>55</v>
      </c>
      <c r="D69" s="17">
        <v>100</v>
      </c>
    </row>
    <row r="70" spans="1:4" ht="18" customHeight="1" x14ac:dyDescent="0.2">
      <c r="A70" s="14">
        <v>54</v>
      </c>
      <c r="B70" s="15">
        <v>41</v>
      </c>
      <c r="C70" s="16">
        <v>54</v>
      </c>
      <c r="D70" s="17">
        <v>95</v>
      </c>
    </row>
    <row r="71" spans="1:4" ht="18" customHeight="1" x14ac:dyDescent="0.2">
      <c r="A71" s="18" t="s">
        <v>77</v>
      </c>
      <c r="B71" s="15">
        <v>227</v>
      </c>
      <c r="C71" s="16">
        <v>227</v>
      </c>
      <c r="D71" s="17">
        <v>454</v>
      </c>
    </row>
    <row r="72" spans="1:4" ht="18" customHeight="1" x14ac:dyDescent="0.2">
      <c r="A72" s="14">
        <v>55</v>
      </c>
      <c r="B72" s="15">
        <v>54</v>
      </c>
      <c r="C72" s="16">
        <v>44</v>
      </c>
      <c r="D72" s="17">
        <v>98</v>
      </c>
    </row>
    <row r="73" spans="1:4" ht="18" customHeight="1" x14ac:dyDescent="0.2">
      <c r="A73" s="14">
        <v>56</v>
      </c>
      <c r="B73" s="15">
        <v>45</v>
      </c>
      <c r="C73" s="16">
        <v>53</v>
      </c>
      <c r="D73" s="17">
        <v>98</v>
      </c>
    </row>
    <row r="74" spans="1:4" ht="18" customHeight="1" x14ac:dyDescent="0.2">
      <c r="A74" s="14">
        <v>57</v>
      </c>
      <c r="B74" s="15">
        <v>39</v>
      </c>
      <c r="C74" s="16">
        <v>62</v>
      </c>
      <c r="D74" s="17">
        <v>101</v>
      </c>
    </row>
    <row r="75" spans="1:4" ht="18" customHeight="1" x14ac:dyDescent="0.2">
      <c r="A75" s="14">
        <v>58</v>
      </c>
      <c r="B75" s="15">
        <v>58</v>
      </c>
      <c r="C75" s="16">
        <v>64</v>
      </c>
      <c r="D75" s="17">
        <v>122</v>
      </c>
    </row>
    <row r="76" spans="1:4" ht="18" customHeight="1" x14ac:dyDescent="0.2">
      <c r="A76" s="14">
        <v>59</v>
      </c>
      <c r="B76" s="15">
        <v>73</v>
      </c>
      <c r="C76" s="16">
        <v>72</v>
      </c>
      <c r="D76" s="17">
        <v>145</v>
      </c>
    </row>
    <row r="77" spans="1:4" ht="18" customHeight="1" x14ac:dyDescent="0.2">
      <c r="A77" s="18" t="s">
        <v>78</v>
      </c>
      <c r="B77" s="15">
        <v>269</v>
      </c>
      <c r="C77" s="16">
        <v>295</v>
      </c>
      <c r="D77" s="17">
        <v>564</v>
      </c>
    </row>
    <row r="78" spans="1:4" ht="18" customHeight="1" x14ac:dyDescent="0.2">
      <c r="A78" s="14">
        <v>60</v>
      </c>
      <c r="B78" s="15">
        <v>83</v>
      </c>
      <c r="C78" s="16">
        <v>92</v>
      </c>
      <c r="D78" s="17">
        <v>175</v>
      </c>
    </row>
    <row r="79" spans="1:4" ht="18" customHeight="1" x14ac:dyDescent="0.2">
      <c r="A79" s="14">
        <v>61</v>
      </c>
      <c r="B79" s="15">
        <v>68</v>
      </c>
      <c r="C79" s="16">
        <v>91</v>
      </c>
      <c r="D79" s="17">
        <v>159</v>
      </c>
    </row>
    <row r="80" spans="1:4" ht="18" customHeight="1" x14ac:dyDescent="0.2">
      <c r="A80" s="14">
        <v>62</v>
      </c>
      <c r="B80" s="15">
        <v>68</v>
      </c>
      <c r="C80" s="16">
        <v>74</v>
      </c>
      <c r="D80" s="17">
        <v>142</v>
      </c>
    </row>
    <row r="81" spans="1:4" ht="18" customHeight="1" x14ac:dyDescent="0.2">
      <c r="A81" s="14">
        <v>63</v>
      </c>
      <c r="B81" s="15">
        <v>37</v>
      </c>
      <c r="C81" s="16">
        <v>52</v>
      </c>
      <c r="D81" s="17">
        <v>89</v>
      </c>
    </row>
    <row r="82" spans="1:4" ht="18" customHeight="1" x14ac:dyDescent="0.2">
      <c r="A82" s="14">
        <v>64</v>
      </c>
      <c r="B82" s="15">
        <v>49</v>
      </c>
      <c r="C82" s="16">
        <v>68</v>
      </c>
      <c r="D82" s="17">
        <v>117</v>
      </c>
    </row>
    <row r="83" spans="1:4" ht="18" customHeight="1" x14ac:dyDescent="0.2">
      <c r="A83" s="18" t="s">
        <v>79</v>
      </c>
      <c r="B83" s="15">
        <v>305</v>
      </c>
      <c r="C83" s="16">
        <v>377</v>
      </c>
      <c r="D83" s="17">
        <v>682</v>
      </c>
    </row>
    <row r="84" spans="1:4" ht="18" customHeight="1" x14ac:dyDescent="0.2">
      <c r="A84" s="18" t="s">
        <v>80</v>
      </c>
      <c r="B84" s="15">
        <v>2458</v>
      </c>
      <c r="C84" s="16">
        <v>2490</v>
      </c>
      <c r="D84" s="17">
        <v>4948</v>
      </c>
    </row>
    <row r="85" spans="1:4" ht="18" customHeight="1" x14ac:dyDescent="0.2">
      <c r="A85" s="14">
        <v>65</v>
      </c>
      <c r="B85" s="15">
        <v>70</v>
      </c>
      <c r="C85" s="16">
        <v>93</v>
      </c>
      <c r="D85" s="17">
        <v>163</v>
      </c>
    </row>
    <row r="86" spans="1:4" ht="18" customHeight="1" x14ac:dyDescent="0.2">
      <c r="A86" s="14">
        <v>66</v>
      </c>
      <c r="B86" s="15">
        <v>62</v>
      </c>
      <c r="C86" s="16">
        <v>59</v>
      </c>
      <c r="D86" s="17">
        <v>121</v>
      </c>
    </row>
    <row r="87" spans="1:4" ht="18" customHeight="1" x14ac:dyDescent="0.2">
      <c r="A87" s="14">
        <v>67</v>
      </c>
      <c r="B87" s="15">
        <v>64</v>
      </c>
      <c r="C87" s="16">
        <v>85</v>
      </c>
      <c r="D87" s="17">
        <v>149</v>
      </c>
    </row>
    <row r="88" spans="1:4" ht="18" customHeight="1" x14ac:dyDescent="0.2">
      <c r="A88" s="14">
        <v>68</v>
      </c>
      <c r="B88" s="15">
        <v>69</v>
      </c>
      <c r="C88" s="16">
        <v>70</v>
      </c>
      <c r="D88" s="17">
        <v>139</v>
      </c>
    </row>
    <row r="89" spans="1:4" ht="18" customHeight="1" x14ac:dyDescent="0.2">
      <c r="A89" s="14">
        <v>69</v>
      </c>
      <c r="B89" s="15">
        <v>57</v>
      </c>
      <c r="C89" s="16">
        <v>66</v>
      </c>
      <c r="D89" s="17">
        <v>123</v>
      </c>
    </row>
    <row r="90" spans="1:4" ht="18" customHeight="1" x14ac:dyDescent="0.2">
      <c r="A90" s="18" t="s">
        <v>81</v>
      </c>
      <c r="B90" s="15">
        <v>322</v>
      </c>
      <c r="C90" s="16">
        <v>373</v>
      </c>
      <c r="D90" s="17">
        <v>695</v>
      </c>
    </row>
    <row r="91" spans="1:4" ht="18" customHeight="1" x14ac:dyDescent="0.2">
      <c r="A91" s="14">
        <v>70</v>
      </c>
      <c r="B91" s="15">
        <v>51</v>
      </c>
      <c r="C91" s="16">
        <v>55</v>
      </c>
      <c r="D91" s="17">
        <v>106</v>
      </c>
    </row>
    <row r="92" spans="1:4" ht="18" customHeight="1" x14ac:dyDescent="0.2">
      <c r="A92" s="14">
        <v>71</v>
      </c>
      <c r="B92" s="15">
        <v>51</v>
      </c>
      <c r="C92" s="16">
        <v>63</v>
      </c>
      <c r="D92" s="17">
        <v>114</v>
      </c>
    </row>
    <row r="93" spans="1:4" ht="18" customHeight="1" x14ac:dyDescent="0.2">
      <c r="A93" s="14">
        <v>72</v>
      </c>
      <c r="B93" s="15">
        <v>56</v>
      </c>
      <c r="C93" s="16">
        <v>69</v>
      </c>
      <c r="D93" s="17">
        <v>125</v>
      </c>
    </row>
    <row r="94" spans="1:4" ht="18" customHeight="1" x14ac:dyDescent="0.2">
      <c r="A94" s="14">
        <v>73</v>
      </c>
      <c r="B94" s="15">
        <v>57</v>
      </c>
      <c r="C94" s="16">
        <v>67</v>
      </c>
      <c r="D94" s="17">
        <v>124</v>
      </c>
    </row>
    <row r="95" spans="1:4" ht="18" customHeight="1" x14ac:dyDescent="0.2">
      <c r="A95" s="14">
        <v>74</v>
      </c>
      <c r="B95" s="15">
        <v>49</v>
      </c>
      <c r="C95" s="16">
        <v>50</v>
      </c>
      <c r="D95" s="17">
        <v>99</v>
      </c>
    </row>
    <row r="96" spans="1:4" ht="18" customHeight="1" x14ac:dyDescent="0.2">
      <c r="A96" s="18" t="s">
        <v>82</v>
      </c>
      <c r="B96" s="15">
        <v>264</v>
      </c>
      <c r="C96" s="16">
        <v>304</v>
      </c>
      <c r="D96" s="17">
        <v>568</v>
      </c>
    </row>
    <row r="97" spans="1:4" ht="18" customHeight="1" x14ac:dyDescent="0.2">
      <c r="A97" s="14">
        <v>75</v>
      </c>
      <c r="B97" s="15">
        <v>52</v>
      </c>
      <c r="C97" s="16">
        <v>63</v>
      </c>
      <c r="D97" s="17">
        <v>115</v>
      </c>
    </row>
    <row r="98" spans="1:4" ht="18" customHeight="1" x14ac:dyDescent="0.2">
      <c r="A98" s="14">
        <v>76</v>
      </c>
      <c r="B98" s="15">
        <v>42</v>
      </c>
      <c r="C98" s="16">
        <v>73</v>
      </c>
      <c r="D98" s="17">
        <v>115</v>
      </c>
    </row>
    <row r="99" spans="1:4" ht="18" customHeight="1" x14ac:dyDescent="0.2">
      <c r="A99" s="14">
        <v>77</v>
      </c>
      <c r="B99" s="15">
        <v>41</v>
      </c>
      <c r="C99" s="16">
        <v>48</v>
      </c>
      <c r="D99" s="17">
        <v>89</v>
      </c>
    </row>
    <row r="100" spans="1:4" ht="18" customHeight="1" x14ac:dyDescent="0.2">
      <c r="A100" s="14">
        <v>78</v>
      </c>
      <c r="B100" s="15">
        <v>44</v>
      </c>
      <c r="C100" s="16">
        <v>55</v>
      </c>
      <c r="D100" s="17">
        <v>99</v>
      </c>
    </row>
    <row r="101" spans="1:4" ht="18" customHeight="1" x14ac:dyDescent="0.2">
      <c r="A101" s="14">
        <v>79</v>
      </c>
      <c r="B101" s="15">
        <v>38</v>
      </c>
      <c r="C101" s="16">
        <v>59</v>
      </c>
      <c r="D101" s="17">
        <v>97</v>
      </c>
    </row>
    <row r="102" spans="1:4" ht="18" customHeight="1" x14ac:dyDescent="0.2">
      <c r="A102" s="18" t="s">
        <v>83</v>
      </c>
      <c r="B102" s="15">
        <v>217</v>
      </c>
      <c r="C102" s="16">
        <v>298</v>
      </c>
      <c r="D102" s="17">
        <v>515</v>
      </c>
    </row>
    <row r="103" spans="1:4" ht="18" customHeight="1" x14ac:dyDescent="0.2">
      <c r="A103" s="14">
        <v>80</v>
      </c>
      <c r="B103" s="15">
        <v>32</v>
      </c>
      <c r="C103" s="16">
        <v>53</v>
      </c>
      <c r="D103" s="17">
        <v>85</v>
      </c>
    </row>
    <row r="104" spans="1:4" ht="18" customHeight="1" x14ac:dyDescent="0.2">
      <c r="A104" s="14">
        <v>81</v>
      </c>
      <c r="B104" s="15">
        <v>34</v>
      </c>
      <c r="C104" s="16">
        <v>35</v>
      </c>
      <c r="D104" s="17">
        <v>69</v>
      </c>
    </row>
    <row r="105" spans="1:4" ht="18" customHeight="1" x14ac:dyDescent="0.2">
      <c r="A105" s="14">
        <v>82</v>
      </c>
      <c r="B105" s="15">
        <v>26</v>
      </c>
      <c r="C105" s="16">
        <v>35</v>
      </c>
      <c r="D105" s="17">
        <v>61</v>
      </c>
    </row>
    <row r="106" spans="1:4" ht="18" customHeight="1" x14ac:dyDescent="0.2">
      <c r="A106" s="14">
        <v>83</v>
      </c>
      <c r="B106" s="15">
        <v>22</v>
      </c>
      <c r="C106" s="16">
        <v>39</v>
      </c>
      <c r="D106" s="17">
        <v>61</v>
      </c>
    </row>
    <row r="107" spans="1:4" ht="18" customHeight="1" x14ac:dyDescent="0.2">
      <c r="A107" s="14">
        <v>84</v>
      </c>
      <c r="B107" s="15">
        <v>18</v>
      </c>
      <c r="C107" s="16">
        <v>35</v>
      </c>
      <c r="D107" s="17">
        <v>53</v>
      </c>
    </row>
    <row r="108" spans="1:4" ht="18" customHeight="1" x14ac:dyDescent="0.2">
      <c r="A108" s="18" t="s">
        <v>84</v>
      </c>
      <c r="B108" s="15">
        <v>132</v>
      </c>
      <c r="C108" s="16">
        <v>197</v>
      </c>
      <c r="D108" s="17">
        <v>329</v>
      </c>
    </row>
    <row r="109" spans="1:4" ht="18" customHeight="1" x14ac:dyDescent="0.2">
      <c r="A109" s="14">
        <v>85</v>
      </c>
      <c r="B109" s="15">
        <v>21</v>
      </c>
      <c r="C109" s="16">
        <v>25</v>
      </c>
      <c r="D109" s="17">
        <v>46</v>
      </c>
    </row>
    <row r="110" spans="1:4" ht="18" customHeight="1" x14ac:dyDescent="0.2">
      <c r="A110" s="14">
        <v>86</v>
      </c>
      <c r="B110" s="15">
        <v>9</v>
      </c>
      <c r="C110" s="16">
        <v>26</v>
      </c>
      <c r="D110" s="17">
        <v>35</v>
      </c>
    </row>
    <row r="111" spans="1:4" ht="18" customHeight="1" x14ac:dyDescent="0.2">
      <c r="A111" s="14">
        <v>87</v>
      </c>
      <c r="B111" s="15">
        <v>8</v>
      </c>
      <c r="C111" s="16">
        <v>21</v>
      </c>
      <c r="D111" s="17">
        <v>29</v>
      </c>
    </row>
    <row r="112" spans="1:4" ht="18" customHeight="1" x14ac:dyDescent="0.2">
      <c r="A112" s="14">
        <v>88</v>
      </c>
      <c r="B112" s="15">
        <v>12</v>
      </c>
      <c r="C112" s="16">
        <v>27</v>
      </c>
      <c r="D112" s="17">
        <v>39</v>
      </c>
    </row>
    <row r="113" spans="1:4" ht="18" customHeight="1" x14ac:dyDescent="0.2">
      <c r="A113" s="14">
        <v>89</v>
      </c>
      <c r="B113" s="15">
        <v>3</v>
      </c>
      <c r="C113" s="16">
        <v>20</v>
      </c>
      <c r="D113" s="17">
        <v>23</v>
      </c>
    </row>
    <row r="114" spans="1:4" ht="18" customHeight="1" x14ac:dyDescent="0.2">
      <c r="A114" s="18" t="s">
        <v>85</v>
      </c>
      <c r="B114" s="15">
        <v>53</v>
      </c>
      <c r="C114" s="16">
        <v>119</v>
      </c>
      <c r="D114" s="17">
        <v>172</v>
      </c>
    </row>
    <row r="115" spans="1:4" ht="18" customHeight="1" x14ac:dyDescent="0.2">
      <c r="A115" s="14">
        <v>90</v>
      </c>
      <c r="B115" s="15">
        <v>6</v>
      </c>
      <c r="C115" s="16">
        <v>22</v>
      </c>
      <c r="D115" s="17">
        <v>28</v>
      </c>
    </row>
    <row r="116" spans="1:4" ht="18" customHeight="1" x14ac:dyDescent="0.2">
      <c r="A116" s="14">
        <v>91</v>
      </c>
      <c r="B116" s="15">
        <v>4</v>
      </c>
      <c r="C116" s="16">
        <v>19</v>
      </c>
      <c r="D116" s="17">
        <v>23</v>
      </c>
    </row>
    <row r="117" spans="1:4" ht="18" customHeight="1" x14ac:dyDescent="0.2">
      <c r="A117" s="14">
        <v>92</v>
      </c>
      <c r="B117" s="15">
        <v>3</v>
      </c>
      <c r="C117" s="16">
        <v>6</v>
      </c>
      <c r="D117" s="17">
        <v>9</v>
      </c>
    </row>
    <row r="118" spans="1:4" ht="18" customHeight="1" x14ac:dyDescent="0.2">
      <c r="A118" s="14">
        <v>93</v>
      </c>
      <c r="B118" s="15">
        <v>5</v>
      </c>
      <c r="C118" s="16">
        <v>12</v>
      </c>
      <c r="D118" s="17">
        <v>17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86</v>
      </c>
      <c r="B120" s="15">
        <v>21</v>
      </c>
      <c r="C120" s="16">
        <v>68</v>
      </c>
      <c r="D120" s="17">
        <v>89</v>
      </c>
    </row>
    <row r="121" spans="1:4" ht="18" customHeight="1" x14ac:dyDescent="0.2">
      <c r="A121" s="14">
        <v>95</v>
      </c>
      <c r="B121" s="15">
        <v>2</v>
      </c>
      <c r="C121" s="16">
        <v>6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3</v>
      </c>
      <c r="C126" s="16">
        <v>14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90</v>
      </c>
      <c r="B130" s="4">
        <v>1012</v>
      </c>
      <c r="C130" s="5">
        <v>1377</v>
      </c>
      <c r="D130" s="6">
        <v>2389</v>
      </c>
    </row>
    <row r="131" spans="1:4" ht="18" customHeight="1" x14ac:dyDescent="0.2">
      <c r="A131" s="20" t="s">
        <v>65</v>
      </c>
      <c r="B131" s="7">
        <v>3977</v>
      </c>
      <c r="C131" s="8">
        <v>4337</v>
      </c>
      <c r="D131" s="9">
        <v>831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7</v>
      </c>
      <c r="C5" s="12">
        <v>21</v>
      </c>
      <c r="D5" s="13">
        <v>48</v>
      </c>
    </row>
    <row r="6" spans="1:4" ht="18" customHeight="1" x14ac:dyDescent="0.2">
      <c r="A6" s="14">
        <v>1</v>
      </c>
      <c r="B6" s="15">
        <v>19</v>
      </c>
      <c r="C6" s="16">
        <v>19</v>
      </c>
      <c r="D6" s="17">
        <v>38</v>
      </c>
    </row>
    <row r="7" spans="1:4" ht="18" customHeight="1" x14ac:dyDescent="0.2">
      <c r="A7" s="14">
        <v>2</v>
      </c>
      <c r="B7" s="15">
        <v>24</v>
      </c>
      <c r="C7" s="16">
        <v>17</v>
      </c>
      <c r="D7" s="17">
        <v>41</v>
      </c>
    </row>
    <row r="8" spans="1:4" ht="18" customHeight="1" x14ac:dyDescent="0.2">
      <c r="A8" s="14">
        <v>3</v>
      </c>
      <c r="B8" s="15">
        <v>27</v>
      </c>
      <c r="C8" s="16">
        <v>17</v>
      </c>
      <c r="D8" s="17">
        <v>44</v>
      </c>
    </row>
    <row r="9" spans="1:4" ht="18" customHeight="1" x14ac:dyDescent="0.2">
      <c r="A9" s="14">
        <v>4</v>
      </c>
      <c r="B9" s="15">
        <v>38</v>
      </c>
      <c r="C9" s="16">
        <v>22</v>
      </c>
      <c r="D9" s="17">
        <v>60</v>
      </c>
    </row>
    <row r="10" spans="1:4" ht="18" customHeight="1" x14ac:dyDescent="0.2">
      <c r="A10" s="18" t="s">
        <v>66</v>
      </c>
      <c r="B10" s="15">
        <v>135</v>
      </c>
      <c r="C10" s="16">
        <v>96</v>
      </c>
      <c r="D10" s="17">
        <v>231</v>
      </c>
    </row>
    <row r="11" spans="1:4" ht="18" customHeight="1" x14ac:dyDescent="0.2">
      <c r="A11" s="14">
        <v>5</v>
      </c>
      <c r="B11" s="15">
        <v>22</v>
      </c>
      <c r="C11" s="16">
        <v>27</v>
      </c>
      <c r="D11" s="17">
        <v>49</v>
      </c>
    </row>
    <row r="12" spans="1:4" ht="18" customHeight="1" x14ac:dyDescent="0.2">
      <c r="A12" s="14">
        <v>6</v>
      </c>
      <c r="B12" s="15">
        <v>37</v>
      </c>
      <c r="C12" s="16">
        <v>25</v>
      </c>
      <c r="D12" s="17">
        <v>62</v>
      </c>
    </row>
    <row r="13" spans="1:4" ht="18" customHeight="1" x14ac:dyDescent="0.2">
      <c r="A13" s="14">
        <v>7</v>
      </c>
      <c r="B13" s="15">
        <v>24</v>
      </c>
      <c r="C13" s="16">
        <v>27</v>
      </c>
      <c r="D13" s="17">
        <v>51</v>
      </c>
    </row>
    <row r="14" spans="1:4" ht="18" customHeight="1" x14ac:dyDescent="0.2">
      <c r="A14" s="14">
        <v>8</v>
      </c>
      <c r="B14" s="15">
        <v>22</v>
      </c>
      <c r="C14" s="16">
        <v>35</v>
      </c>
      <c r="D14" s="17">
        <v>57</v>
      </c>
    </row>
    <row r="15" spans="1:4" ht="18" customHeight="1" x14ac:dyDescent="0.2">
      <c r="A15" s="14">
        <v>9</v>
      </c>
      <c r="B15" s="15">
        <v>32</v>
      </c>
      <c r="C15" s="16">
        <v>29</v>
      </c>
      <c r="D15" s="17">
        <v>61</v>
      </c>
    </row>
    <row r="16" spans="1:4" ht="18" customHeight="1" x14ac:dyDescent="0.2">
      <c r="A16" s="18" t="s">
        <v>67</v>
      </c>
      <c r="B16" s="15">
        <v>137</v>
      </c>
      <c r="C16" s="16">
        <v>143</v>
      </c>
      <c r="D16" s="17">
        <v>280</v>
      </c>
    </row>
    <row r="17" spans="1:4" ht="18" customHeight="1" x14ac:dyDescent="0.2">
      <c r="A17" s="14">
        <v>10</v>
      </c>
      <c r="B17" s="15">
        <v>35</v>
      </c>
      <c r="C17" s="16">
        <v>26</v>
      </c>
      <c r="D17" s="17">
        <v>61</v>
      </c>
    </row>
    <row r="18" spans="1:4" ht="18" customHeight="1" x14ac:dyDescent="0.2">
      <c r="A18" s="14">
        <v>11</v>
      </c>
      <c r="B18" s="15">
        <v>29</v>
      </c>
      <c r="C18" s="16">
        <v>29</v>
      </c>
      <c r="D18" s="17">
        <v>58</v>
      </c>
    </row>
    <row r="19" spans="1:4" ht="18" customHeight="1" x14ac:dyDescent="0.2">
      <c r="A19" s="14">
        <v>12</v>
      </c>
      <c r="B19" s="15">
        <v>19</v>
      </c>
      <c r="C19" s="16">
        <v>40</v>
      </c>
      <c r="D19" s="17">
        <v>59</v>
      </c>
    </row>
    <row r="20" spans="1:4" ht="18" customHeight="1" x14ac:dyDescent="0.2">
      <c r="A20" s="14">
        <v>13</v>
      </c>
      <c r="B20" s="15">
        <v>33</v>
      </c>
      <c r="C20" s="16">
        <v>28</v>
      </c>
      <c r="D20" s="17">
        <v>61</v>
      </c>
    </row>
    <row r="21" spans="1:4" ht="18" customHeight="1" x14ac:dyDescent="0.2">
      <c r="A21" s="14">
        <v>14</v>
      </c>
      <c r="B21" s="15">
        <v>34</v>
      </c>
      <c r="C21" s="16">
        <v>24</v>
      </c>
      <c r="D21" s="17">
        <v>58</v>
      </c>
    </row>
    <row r="22" spans="1:4" ht="18" customHeight="1" x14ac:dyDescent="0.2">
      <c r="A22" s="18" t="s">
        <v>68</v>
      </c>
      <c r="B22" s="15">
        <v>150</v>
      </c>
      <c r="C22" s="16">
        <v>147</v>
      </c>
      <c r="D22" s="17">
        <v>297</v>
      </c>
    </row>
    <row r="23" spans="1:4" ht="18" customHeight="1" x14ac:dyDescent="0.2">
      <c r="A23" s="18" t="s">
        <v>69</v>
      </c>
      <c r="B23" s="15">
        <v>422</v>
      </c>
      <c r="C23" s="16">
        <v>386</v>
      </c>
      <c r="D23" s="17">
        <v>808</v>
      </c>
    </row>
    <row r="24" spans="1:4" ht="18" customHeight="1" x14ac:dyDescent="0.2">
      <c r="A24" s="14">
        <v>15</v>
      </c>
      <c r="B24" s="15">
        <v>25</v>
      </c>
      <c r="C24" s="16">
        <v>22</v>
      </c>
      <c r="D24" s="17">
        <v>47</v>
      </c>
    </row>
    <row r="25" spans="1:4" ht="18" customHeight="1" x14ac:dyDescent="0.2">
      <c r="A25" s="14">
        <v>16</v>
      </c>
      <c r="B25" s="15">
        <v>13</v>
      </c>
      <c r="C25" s="16">
        <v>25</v>
      </c>
      <c r="D25" s="17">
        <v>38</v>
      </c>
    </row>
    <row r="26" spans="1:4" ht="18" customHeight="1" x14ac:dyDescent="0.2">
      <c r="A26" s="14">
        <v>17</v>
      </c>
      <c r="B26" s="15">
        <v>31</v>
      </c>
      <c r="C26" s="16">
        <v>23</v>
      </c>
      <c r="D26" s="17">
        <v>54</v>
      </c>
    </row>
    <row r="27" spans="1:4" ht="18" customHeight="1" x14ac:dyDescent="0.2">
      <c r="A27" s="14">
        <v>18</v>
      </c>
      <c r="B27" s="15">
        <v>37</v>
      </c>
      <c r="C27" s="16">
        <v>30</v>
      </c>
      <c r="D27" s="17">
        <v>67</v>
      </c>
    </row>
    <row r="28" spans="1:4" ht="18" customHeight="1" x14ac:dyDescent="0.2">
      <c r="A28" s="14">
        <v>19</v>
      </c>
      <c r="B28" s="15">
        <v>40</v>
      </c>
      <c r="C28" s="16">
        <v>34</v>
      </c>
      <c r="D28" s="17">
        <v>74</v>
      </c>
    </row>
    <row r="29" spans="1:4" ht="18" customHeight="1" x14ac:dyDescent="0.2">
      <c r="A29" s="18" t="s">
        <v>70</v>
      </c>
      <c r="B29" s="15">
        <v>146</v>
      </c>
      <c r="C29" s="16">
        <v>134</v>
      </c>
      <c r="D29" s="17">
        <v>280</v>
      </c>
    </row>
    <row r="30" spans="1:4" ht="18" customHeight="1" x14ac:dyDescent="0.2">
      <c r="A30" s="14">
        <v>20</v>
      </c>
      <c r="B30" s="15">
        <v>30</v>
      </c>
      <c r="C30" s="16">
        <v>27</v>
      </c>
      <c r="D30" s="17">
        <v>57</v>
      </c>
    </row>
    <row r="31" spans="1:4" ht="18" customHeight="1" x14ac:dyDescent="0.2">
      <c r="A31" s="14">
        <v>21</v>
      </c>
      <c r="B31" s="15">
        <v>32</v>
      </c>
      <c r="C31" s="16">
        <v>21</v>
      </c>
      <c r="D31" s="17">
        <v>53</v>
      </c>
    </row>
    <row r="32" spans="1:4" ht="18" customHeight="1" x14ac:dyDescent="0.2">
      <c r="A32" s="14">
        <v>22</v>
      </c>
      <c r="B32" s="15">
        <v>36</v>
      </c>
      <c r="C32" s="16">
        <v>33</v>
      </c>
      <c r="D32" s="17">
        <v>69</v>
      </c>
    </row>
    <row r="33" spans="1:4" ht="18" customHeight="1" x14ac:dyDescent="0.2">
      <c r="A33" s="14">
        <v>23</v>
      </c>
      <c r="B33" s="15">
        <v>25</v>
      </c>
      <c r="C33" s="16">
        <v>31</v>
      </c>
      <c r="D33" s="17">
        <v>56</v>
      </c>
    </row>
    <row r="34" spans="1:4" ht="18" customHeight="1" x14ac:dyDescent="0.2">
      <c r="A34" s="14">
        <v>24</v>
      </c>
      <c r="B34" s="15">
        <v>26</v>
      </c>
      <c r="C34" s="16">
        <v>18</v>
      </c>
      <c r="D34" s="17">
        <v>44</v>
      </c>
    </row>
    <row r="35" spans="1:4" ht="18" customHeight="1" x14ac:dyDescent="0.2">
      <c r="A35" s="18" t="s">
        <v>71</v>
      </c>
      <c r="B35" s="15">
        <v>149</v>
      </c>
      <c r="C35" s="16">
        <v>130</v>
      </c>
      <c r="D35" s="17">
        <v>279</v>
      </c>
    </row>
    <row r="36" spans="1:4" ht="18" customHeight="1" x14ac:dyDescent="0.2">
      <c r="A36" s="14">
        <v>25</v>
      </c>
      <c r="B36" s="15">
        <v>31</v>
      </c>
      <c r="C36" s="16">
        <v>26</v>
      </c>
      <c r="D36" s="17">
        <v>57</v>
      </c>
    </row>
    <row r="37" spans="1:4" ht="18" customHeight="1" x14ac:dyDescent="0.2">
      <c r="A37" s="14">
        <v>26</v>
      </c>
      <c r="B37" s="15">
        <v>22</v>
      </c>
      <c r="C37" s="16">
        <v>29</v>
      </c>
      <c r="D37" s="17">
        <v>51</v>
      </c>
    </row>
    <row r="38" spans="1:4" ht="18" customHeight="1" x14ac:dyDescent="0.2">
      <c r="A38" s="14">
        <v>27</v>
      </c>
      <c r="B38" s="15">
        <v>32</v>
      </c>
      <c r="C38" s="16">
        <v>24</v>
      </c>
      <c r="D38" s="17">
        <v>56</v>
      </c>
    </row>
    <row r="39" spans="1:4" ht="18" customHeight="1" x14ac:dyDescent="0.2">
      <c r="A39" s="14">
        <v>28</v>
      </c>
      <c r="B39" s="15">
        <v>28</v>
      </c>
      <c r="C39" s="16">
        <v>26</v>
      </c>
      <c r="D39" s="17">
        <v>54</v>
      </c>
    </row>
    <row r="40" spans="1:4" ht="18" customHeight="1" x14ac:dyDescent="0.2">
      <c r="A40" s="14">
        <v>29</v>
      </c>
      <c r="B40" s="15">
        <v>28</v>
      </c>
      <c r="C40" s="16">
        <v>26</v>
      </c>
      <c r="D40" s="17">
        <v>54</v>
      </c>
    </row>
    <row r="41" spans="1:4" ht="18" customHeight="1" x14ac:dyDescent="0.2">
      <c r="A41" s="18" t="s">
        <v>72</v>
      </c>
      <c r="B41" s="15">
        <v>141</v>
      </c>
      <c r="C41" s="16">
        <v>131</v>
      </c>
      <c r="D41" s="17">
        <v>272</v>
      </c>
    </row>
    <row r="42" spans="1:4" ht="18" customHeight="1" x14ac:dyDescent="0.2">
      <c r="A42" s="14">
        <v>30</v>
      </c>
      <c r="B42" s="15">
        <v>24</v>
      </c>
      <c r="C42" s="16">
        <v>28</v>
      </c>
      <c r="D42" s="17">
        <v>52</v>
      </c>
    </row>
    <row r="43" spans="1:4" ht="18" customHeight="1" x14ac:dyDescent="0.2">
      <c r="A43" s="14">
        <v>31</v>
      </c>
      <c r="B43" s="15">
        <v>28</v>
      </c>
      <c r="C43" s="16">
        <v>36</v>
      </c>
      <c r="D43" s="17">
        <v>64</v>
      </c>
    </row>
    <row r="44" spans="1:4" ht="18" customHeight="1" x14ac:dyDescent="0.2">
      <c r="A44" s="14">
        <v>32</v>
      </c>
      <c r="B44" s="15">
        <v>34</v>
      </c>
      <c r="C44" s="16">
        <v>31</v>
      </c>
      <c r="D44" s="17">
        <v>65</v>
      </c>
    </row>
    <row r="45" spans="1:4" ht="18" customHeight="1" x14ac:dyDescent="0.2">
      <c r="A45" s="14">
        <v>33</v>
      </c>
      <c r="B45" s="15">
        <v>39</v>
      </c>
      <c r="C45" s="16">
        <v>38</v>
      </c>
      <c r="D45" s="17">
        <v>77</v>
      </c>
    </row>
    <row r="46" spans="1:4" ht="18" customHeight="1" x14ac:dyDescent="0.2">
      <c r="A46" s="14">
        <v>34</v>
      </c>
      <c r="B46" s="15">
        <v>48</v>
      </c>
      <c r="C46" s="16">
        <v>40</v>
      </c>
      <c r="D46" s="17">
        <v>88</v>
      </c>
    </row>
    <row r="47" spans="1:4" ht="18" customHeight="1" x14ac:dyDescent="0.2">
      <c r="A47" s="18" t="s">
        <v>73</v>
      </c>
      <c r="B47" s="15">
        <v>173</v>
      </c>
      <c r="C47" s="16">
        <v>173</v>
      </c>
      <c r="D47" s="17">
        <v>346</v>
      </c>
    </row>
    <row r="48" spans="1:4" ht="18" customHeight="1" x14ac:dyDescent="0.2">
      <c r="A48" s="14">
        <v>35</v>
      </c>
      <c r="B48" s="15">
        <v>38</v>
      </c>
      <c r="C48" s="16">
        <v>60</v>
      </c>
      <c r="D48" s="17">
        <v>98</v>
      </c>
    </row>
    <row r="49" spans="1:4" ht="18" customHeight="1" x14ac:dyDescent="0.2">
      <c r="A49" s="14">
        <v>36</v>
      </c>
      <c r="B49" s="15">
        <v>52</v>
      </c>
      <c r="C49" s="16">
        <v>41</v>
      </c>
      <c r="D49" s="17">
        <v>93</v>
      </c>
    </row>
    <row r="50" spans="1:4" ht="18" customHeight="1" x14ac:dyDescent="0.2">
      <c r="A50" s="14">
        <v>37</v>
      </c>
      <c r="B50" s="15">
        <v>36</v>
      </c>
      <c r="C50" s="16">
        <v>31</v>
      </c>
      <c r="D50" s="17">
        <v>67</v>
      </c>
    </row>
    <row r="51" spans="1:4" ht="18" customHeight="1" x14ac:dyDescent="0.2">
      <c r="A51" s="14">
        <v>38</v>
      </c>
      <c r="B51" s="15">
        <v>43</v>
      </c>
      <c r="C51" s="16">
        <v>39</v>
      </c>
      <c r="D51" s="17">
        <v>82</v>
      </c>
    </row>
    <row r="52" spans="1:4" ht="18" customHeight="1" x14ac:dyDescent="0.2">
      <c r="A52" s="14">
        <v>39</v>
      </c>
      <c r="B52" s="15">
        <v>34</v>
      </c>
      <c r="C52" s="16">
        <v>45</v>
      </c>
      <c r="D52" s="17">
        <v>79</v>
      </c>
    </row>
    <row r="53" spans="1:4" ht="18" customHeight="1" x14ac:dyDescent="0.2">
      <c r="A53" s="18" t="s">
        <v>74</v>
      </c>
      <c r="B53" s="15">
        <v>203</v>
      </c>
      <c r="C53" s="16">
        <v>216</v>
      </c>
      <c r="D53" s="17">
        <v>419</v>
      </c>
    </row>
    <row r="54" spans="1:4" ht="18" customHeight="1" x14ac:dyDescent="0.2">
      <c r="A54" s="14">
        <v>40</v>
      </c>
      <c r="B54" s="15">
        <v>34</v>
      </c>
      <c r="C54" s="16">
        <v>35</v>
      </c>
      <c r="D54" s="17">
        <v>69</v>
      </c>
    </row>
    <row r="55" spans="1:4" ht="18" customHeight="1" x14ac:dyDescent="0.2">
      <c r="A55" s="14">
        <v>41</v>
      </c>
      <c r="B55" s="15">
        <v>33</v>
      </c>
      <c r="C55" s="16">
        <v>42</v>
      </c>
      <c r="D55" s="17">
        <v>75</v>
      </c>
    </row>
    <row r="56" spans="1:4" ht="18" customHeight="1" x14ac:dyDescent="0.2">
      <c r="A56" s="14">
        <v>42</v>
      </c>
      <c r="B56" s="15">
        <v>33</v>
      </c>
      <c r="C56" s="16">
        <v>27</v>
      </c>
      <c r="D56" s="17">
        <v>60</v>
      </c>
    </row>
    <row r="57" spans="1:4" ht="18" customHeight="1" x14ac:dyDescent="0.2">
      <c r="A57" s="14">
        <v>43</v>
      </c>
      <c r="B57" s="15">
        <v>39</v>
      </c>
      <c r="C57" s="16">
        <v>35</v>
      </c>
      <c r="D57" s="17">
        <v>74</v>
      </c>
    </row>
    <row r="58" spans="1:4" ht="18" customHeight="1" x14ac:dyDescent="0.2">
      <c r="A58" s="14">
        <v>44</v>
      </c>
      <c r="B58" s="15">
        <v>36</v>
      </c>
      <c r="C58" s="16">
        <v>43</v>
      </c>
      <c r="D58" s="17">
        <v>79</v>
      </c>
    </row>
    <row r="59" spans="1:4" ht="18" customHeight="1" x14ac:dyDescent="0.2">
      <c r="A59" s="18" t="s">
        <v>75</v>
      </c>
      <c r="B59" s="15">
        <v>175</v>
      </c>
      <c r="C59" s="16">
        <v>182</v>
      </c>
      <c r="D59" s="17">
        <v>357</v>
      </c>
    </row>
    <row r="60" spans="1:4" ht="18" customHeight="1" x14ac:dyDescent="0.2">
      <c r="A60" s="14">
        <v>45</v>
      </c>
      <c r="B60" s="15">
        <v>31</v>
      </c>
      <c r="C60" s="16">
        <v>33</v>
      </c>
      <c r="D60" s="17">
        <v>64</v>
      </c>
    </row>
    <row r="61" spans="1:4" ht="18" customHeight="1" x14ac:dyDescent="0.2">
      <c r="A61" s="14">
        <v>46</v>
      </c>
      <c r="B61" s="15">
        <v>38</v>
      </c>
      <c r="C61" s="16">
        <v>24</v>
      </c>
      <c r="D61" s="17">
        <v>62</v>
      </c>
    </row>
    <row r="62" spans="1:4" ht="18" customHeight="1" x14ac:dyDescent="0.2">
      <c r="A62" s="14">
        <v>47</v>
      </c>
      <c r="B62" s="15">
        <v>44</v>
      </c>
      <c r="C62" s="16">
        <v>33</v>
      </c>
      <c r="D62" s="17">
        <v>77</v>
      </c>
    </row>
    <row r="63" spans="1:4" ht="18" customHeight="1" x14ac:dyDescent="0.2">
      <c r="A63" s="14">
        <v>48</v>
      </c>
      <c r="B63" s="15">
        <v>44</v>
      </c>
      <c r="C63" s="16">
        <v>34</v>
      </c>
      <c r="D63" s="17">
        <v>78</v>
      </c>
    </row>
    <row r="64" spans="1:4" ht="18" customHeight="1" x14ac:dyDescent="0.2">
      <c r="A64" s="14">
        <v>49</v>
      </c>
      <c r="B64" s="15">
        <v>37</v>
      </c>
      <c r="C64" s="16">
        <v>38</v>
      </c>
      <c r="D64" s="17">
        <v>75</v>
      </c>
    </row>
    <row r="65" spans="1:4" ht="18" customHeight="1" x14ac:dyDescent="0.2">
      <c r="A65" s="18" t="s">
        <v>76</v>
      </c>
      <c r="B65" s="15">
        <v>194</v>
      </c>
      <c r="C65" s="16">
        <v>162</v>
      </c>
      <c r="D65" s="17">
        <v>356</v>
      </c>
    </row>
    <row r="66" spans="1:4" ht="18" customHeight="1" x14ac:dyDescent="0.2">
      <c r="A66" s="14">
        <v>50</v>
      </c>
      <c r="B66" s="15">
        <v>25</v>
      </c>
      <c r="C66" s="16">
        <v>31</v>
      </c>
      <c r="D66" s="17">
        <v>56</v>
      </c>
    </row>
    <row r="67" spans="1:4" ht="18" customHeight="1" x14ac:dyDescent="0.2">
      <c r="A67" s="14">
        <v>51</v>
      </c>
      <c r="B67" s="15">
        <v>33</v>
      </c>
      <c r="C67" s="16">
        <v>37</v>
      </c>
      <c r="D67" s="17">
        <v>70</v>
      </c>
    </row>
    <row r="68" spans="1:4" ht="18" customHeight="1" x14ac:dyDescent="0.2">
      <c r="A68" s="14">
        <v>52</v>
      </c>
      <c r="B68" s="15">
        <v>26</v>
      </c>
      <c r="C68" s="16">
        <v>34</v>
      </c>
      <c r="D68" s="17">
        <v>60</v>
      </c>
    </row>
    <row r="69" spans="1:4" ht="18" customHeight="1" x14ac:dyDescent="0.2">
      <c r="A69" s="14">
        <v>53</v>
      </c>
      <c r="B69" s="15">
        <v>32</v>
      </c>
      <c r="C69" s="16">
        <v>44</v>
      </c>
      <c r="D69" s="17">
        <v>76</v>
      </c>
    </row>
    <row r="70" spans="1:4" ht="18" customHeight="1" x14ac:dyDescent="0.2">
      <c r="A70" s="14">
        <v>54</v>
      </c>
      <c r="B70" s="15">
        <v>46</v>
      </c>
      <c r="C70" s="16">
        <v>41</v>
      </c>
      <c r="D70" s="17">
        <v>87</v>
      </c>
    </row>
    <row r="71" spans="1:4" ht="18" customHeight="1" x14ac:dyDescent="0.2">
      <c r="A71" s="18" t="s">
        <v>77</v>
      </c>
      <c r="B71" s="15">
        <v>162</v>
      </c>
      <c r="C71" s="16">
        <v>187</v>
      </c>
      <c r="D71" s="17">
        <v>349</v>
      </c>
    </row>
    <row r="72" spans="1:4" ht="18" customHeight="1" x14ac:dyDescent="0.2">
      <c r="A72" s="14">
        <v>55</v>
      </c>
      <c r="B72" s="15">
        <v>37</v>
      </c>
      <c r="C72" s="16">
        <v>28</v>
      </c>
      <c r="D72" s="17">
        <v>65</v>
      </c>
    </row>
    <row r="73" spans="1:4" ht="18" customHeight="1" x14ac:dyDescent="0.2">
      <c r="A73" s="14">
        <v>56</v>
      </c>
      <c r="B73" s="15">
        <v>41</v>
      </c>
      <c r="C73" s="16">
        <v>42</v>
      </c>
      <c r="D73" s="17">
        <v>83</v>
      </c>
    </row>
    <row r="74" spans="1:4" ht="18" customHeight="1" x14ac:dyDescent="0.2">
      <c r="A74" s="14">
        <v>57</v>
      </c>
      <c r="B74" s="15">
        <v>40</v>
      </c>
      <c r="C74" s="16">
        <v>37</v>
      </c>
      <c r="D74" s="17">
        <v>77</v>
      </c>
    </row>
    <row r="75" spans="1:4" ht="18" customHeight="1" x14ac:dyDescent="0.2">
      <c r="A75" s="14">
        <v>58</v>
      </c>
      <c r="B75" s="15">
        <v>30</v>
      </c>
      <c r="C75" s="16">
        <v>36</v>
      </c>
      <c r="D75" s="17">
        <v>66</v>
      </c>
    </row>
    <row r="76" spans="1:4" ht="18" customHeight="1" x14ac:dyDescent="0.2">
      <c r="A76" s="14">
        <v>59</v>
      </c>
      <c r="B76" s="15">
        <v>51</v>
      </c>
      <c r="C76" s="16">
        <v>40</v>
      </c>
      <c r="D76" s="17">
        <v>91</v>
      </c>
    </row>
    <row r="77" spans="1:4" ht="18" customHeight="1" x14ac:dyDescent="0.2">
      <c r="A77" s="18" t="s">
        <v>78</v>
      </c>
      <c r="B77" s="15">
        <v>199</v>
      </c>
      <c r="C77" s="16">
        <v>183</v>
      </c>
      <c r="D77" s="17">
        <v>382</v>
      </c>
    </row>
    <row r="78" spans="1:4" ht="18" customHeight="1" x14ac:dyDescent="0.2">
      <c r="A78" s="14">
        <v>60</v>
      </c>
      <c r="B78" s="15">
        <v>51</v>
      </c>
      <c r="C78" s="16">
        <v>49</v>
      </c>
      <c r="D78" s="17">
        <v>100</v>
      </c>
    </row>
    <row r="79" spans="1:4" ht="18" customHeight="1" x14ac:dyDescent="0.2">
      <c r="A79" s="14">
        <v>61</v>
      </c>
      <c r="B79" s="15">
        <v>51</v>
      </c>
      <c r="C79" s="16">
        <v>61</v>
      </c>
      <c r="D79" s="17">
        <v>112</v>
      </c>
    </row>
    <row r="80" spans="1:4" ht="18" customHeight="1" x14ac:dyDescent="0.2">
      <c r="A80" s="14">
        <v>62</v>
      </c>
      <c r="B80" s="15">
        <v>36</v>
      </c>
      <c r="C80" s="16">
        <v>45</v>
      </c>
      <c r="D80" s="17">
        <v>81</v>
      </c>
    </row>
    <row r="81" spans="1:4" ht="18" customHeight="1" x14ac:dyDescent="0.2">
      <c r="A81" s="14">
        <v>63</v>
      </c>
      <c r="B81" s="15">
        <v>27</v>
      </c>
      <c r="C81" s="16">
        <v>24</v>
      </c>
      <c r="D81" s="17">
        <v>51</v>
      </c>
    </row>
    <row r="82" spans="1:4" ht="18" customHeight="1" x14ac:dyDescent="0.2">
      <c r="A82" s="14">
        <v>64</v>
      </c>
      <c r="B82" s="15">
        <v>31</v>
      </c>
      <c r="C82" s="16">
        <v>38</v>
      </c>
      <c r="D82" s="17">
        <v>69</v>
      </c>
    </row>
    <row r="83" spans="1:4" ht="18" customHeight="1" x14ac:dyDescent="0.2">
      <c r="A83" s="18" t="s">
        <v>79</v>
      </c>
      <c r="B83" s="15">
        <v>196</v>
      </c>
      <c r="C83" s="16">
        <v>217</v>
      </c>
      <c r="D83" s="17">
        <v>413</v>
      </c>
    </row>
    <row r="84" spans="1:4" ht="18" customHeight="1" x14ac:dyDescent="0.2">
      <c r="A84" s="18" t="s">
        <v>80</v>
      </c>
      <c r="B84" s="15">
        <v>1738</v>
      </c>
      <c r="C84" s="16">
        <v>1715</v>
      </c>
      <c r="D84" s="17">
        <v>3453</v>
      </c>
    </row>
    <row r="85" spans="1:4" ht="18" customHeight="1" x14ac:dyDescent="0.2">
      <c r="A85" s="14">
        <v>65</v>
      </c>
      <c r="B85" s="15">
        <v>41</v>
      </c>
      <c r="C85" s="16">
        <v>43</v>
      </c>
      <c r="D85" s="17">
        <v>84</v>
      </c>
    </row>
    <row r="86" spans="1:4" ht="18" customHeight="1" x14ac:dyDescent="0.2">
      <c r="A86" s="14">
        <v>66</v>
      </c>
      <c r="B86" s="15">
        <v>46</v>
      </c>
      <c r="C86" s="16">
        <v>42</v>
      </c>
      <c r="D86" s="17">
        <v>88</v>
      </c>
    </row>
    <row r="87" spans="1:4" ht="18" customHeight="1" x14ac:dyDescent="0.2">
      <c r="A87" s="14">
        <v>67</v>
      </c>
      <c r="B87" s="15">
        <v>42</v>
      </c>
      <c r="C87" s="16">
        <v>38</v>
      </c>
      <c r="D87" s="17">
        <v>80</v>
      </c>
    </row>
    <row r="88" spans="1:4" ht="18" customHeight="1" x14ac:dyDescent="0.2">
      <c r="A88" s="14">
        <v>68</v>
      </c>
      <c r="B88" s="15">
        <v>34</v>
      </c>
      <c r="C88" s="16">
        <v>42</v>
      </c>
      <c r="D88" s="17">
        <v>76</v>
      </c>
    </row>
    <row r="89" spans="1:4" ht="18" customHeight="1" x14ac:dyDescent="0.2">
      <c r="A89" s="14">
        <v>69</v>
      </c>
      <c r="B89" s="15">
        <v>27</v>
      </c>
      <c r="C89" s="16">
        <v>36</v>
      </c>
      <c r="D89" s="17">
        <v>63</v>
      </c>
    </row>
    <row r="90" spans="1:4" ht="18" customHeight="1" x14ac:dyDescent="0.2">
      <c r="A90" s="18" t="s">
        <v>81</v>
      </c>
      <c r="B90" s="15">
        <v>190</v>
      </c>
      <c r="C90" s="16">
        <v>201</v>
      </c>
      <c r="D90" s="17">
        <v>391</v>
      </c>
    </row>
    <row r="91" spans="1:4" ht="18" customHeight="1" x14ac:dyDescent="0.2">
      <c r="A91" s="14">
        <v>70</v>
      </c>
      <c r="B91" s="15">
        <v>23</v>
      </c>
      <c r="C91" s="16">
        <v>28</v>
      </c>
      <c r="D91" s="17">
        <v>51</v>
      </c>
    </row>
    <row r="92" spans="1:4" ht="18" customHeight="1" x14ac:dyDescent="0.2">
      <c r="A92" s="14">
        <v>71</v>
      </c>
      <c r="B92" s="15">
        <v>20</v>
      </c>
      <c r="C92" s="16">
        <v>30</v>
      </c>
      <c r="D92" s="17">
        <v>50</v>
      </c>
    </row>
    <row r="93" spans="1:4" ht="18" customHeight="1" x14ac:dyDescent="0.2">
      <c r="A93" s="14">
        <v>72</v>
      </c>
      <c r="B93" s="15">
        <v>36</v>
      </c>
      <c r="C93" s="16">
        <v>32</v>
      </c>
      <c r="D93" s="17">
        <v>68</v>
      </c>
    </row>
    <row r="94" spans="1:4" ht="18" customHeight="1" x14ac:dyDescent="0.2">
      <c r="A94" s="14">
        <v>73</v>
      </c>
      <c r="B94" s="15">
        <v>33</v>
      </c>
      <c r="C94" s="16">
        <v>35</v>
      </c>
      <c r="D94" s="17">
        <v>68</v>
      </c>
    </row>
    <row r="95" spans="1:4" ht="18" customHeight="1" x14ac:dyDescent="0.2">
      <c r="A95" s="14">
        <v>74</v>
      </c>
      <c r="B95" s="15">
        <v>19</v>
      </c>
      <c r="C95" s="16">
        <v>29</v>
      </c>
      <c r="D95" s="17">
        <v>48</v>
      </c>
    </row>
    <row r="96" spans="1:4" ht="18" customHeight="1" x14ac:dyDescent="0.2">
      <c r="A96" s="18" t="s">
        <v>82</v>
      </c>
      <c r="B96" s="15">
        <v>131</v>
      </c>
      <c r="C96" s="16">
        <v>154</v>
      </c>
      <c r="D96" s="17">
        <v>285</v>
      </c>
    </row>
    <row r="97" spans="1:4" ht="18" customHeight="1" x14ac:dyDescent="0.2">
      <c r="A97" s="14">
        <v>75</v>
      </c>
      <c r="B97" s="15">
        <v>32</v>
      </c>
      <c r="C97" s="16">
        <v>47</v>
      </c>
      <c r="D97" s="17">
        <v>79</v>
      </c>
    </row>
    <row r="98" spans="1:4" ht="18" customHeight="1" x14ac:dyDescent="0.2">
      <c r="A98" s="14">
        <v>76</v>
      </c>
      <c r="B98" s="15">
        <v>32</v>
      </c>
      <c r="C98" s="16">
        <v>41</v>
      </c>
      <c r="D98" s="17">
        <v>73</v>
      </c>
    </row>
    <row r="99" spans="1:4" ht="18" customHeight="1" x14ac:dyDescent="0.2">
      <c r="A99" s="14">
        <v>77</v>
      </c>
      <c r="B99" s="15">
        <v>23</v>
      </c>
      <c r="C99" s="16">
        <v>38</v>
      </c>
      <c r="D99" s="17">
        <v>61</v>
      </c>
    </row>
    <row r="100" spans="1:4" ht="18" customHeight="1" x14ac:dyDescent="0.2">
      <c r="A100" s="14">
        <v>78</v>
      </c>
      <c r="B100" s="15">
        <v>26</v>
      </c>
      <c r="C100" s="16">
        <v>28</v>
      </c>
      <c r="D100" s="17">
        <v>54</v>
      </c>
    </row>
    <row r="101" spans="1:4" ht="18" customHeight="1" x14ac:dyDescent="0.2">
      <c r="A101" s="14">
        <v>79</v>
      </c>
      <c r="B101" s="15">
        <v>19</v>
      </c>
      <c r="C101" s="16">
        <v>25</v>
      </c>
      <c r="D101" s="17">
        <v>44</v>
      </c>
    </row>
    <row r="102" spans="1:4" ht="18" customHeight="1" x14ac:dyDescent="0.2">
      <c r="A102" s="18" t="s">
        <v>83</v>
      </c>
      <c r="B102" s="15">
        <v>132</v>
      </c>
      <c r="C102" s="16">
        <v>179</v>
      </c>
      <c r="D102" s="17">
        <v>311</v>
      </c>
    </row>
    <row r="103" spans="1:4" ht="18" customHeight="1" x14ac:dyDescent="0.2">
      <c r="A103" s="14">
        <v>80</v>
      </c>
      <c r="B103" s="15">
        <v>24</v>
      </c>
      <c r="C103" s="16">
        <v>25</v>
      </c>
      <c r="D103" s="17">
        <v>49</v>
      </c>
    </row>
    <row r="104" spans="1:4" ht="18" customHeight="1" x14ac:dyDescent="0.2">
      <c r="A104" s="14">
        <v>81</v>
      </c>
      <c r="B104" s="15">
        <v>16</v>
      </c>
      <c r="C104" s="16">
        <v>23</v>
      </c>
      <c r="D104" s="17">
        <v>39</v>
      </c>
    </row>
    <row r="105" spans="1:4" ht="18" customHeight="1" x14ac:dyDescent="0.2">
      <c r="A105" s="14">
        <v>82</v>
      </c>
      <c r="B105" s="15">
        <v>11</v>
      </c>
      <c r="C105" s="16">
        <v>23</v>
      </c>
      <c r="D105" s="17">
        <v>34</v>
      </c>
    </row>
    <row r="106" spans="1:4" ht="18" customHeight="1" x14ac:dyDescent="0.2">
      <c r="A106" s="14">
        <v>83</v>
      </c>
      <c r="B106" s="15">
        <v>13</v>
      </c>
      <c r="C106" s="16">
        <v>19</v>
      </c>
      <c r="D106" s="17">
        <v>32</v>
      </c>
    </row>
    <row r="107" spans="1:4" ht="18" customHeight="1" x14ac:dyDescent="0.2">
      <c r="A107" s="14">
        <v>84</v>
      </c>
      <c r="B107" s="15">
        <v>7</v>
      </c>
      <c r="C107" s="16">
        <v>24</v>
      </c>
      <c r="D107" s="17">
        <v>31</v>
      </c>
    </row>
    <row r="108" spans="1:4" ht="18" customHeight="1" x14ac:dyDescent="0.2">
      <c r="A108" s="18" t="s">
        <v>84</v>
      </c>
      <c r="B108" s="15">
        <v>71</v>
      </c>
      <c r="C108" s="16">
        <v>114</v>
      </c>
      <c r="D108" s="17">
        <v>185</v>
      </c>
    </row>
    <row r="109" spans="1:4" ht="18" customHeight="1" x14ac:dyDescent="0.2">
      <c r="A109" s="14">
        <v>85</v>
      </c>
      <c r="B109" s="15">
        <v>10</v>
      </c>
      <c r="C109" s="16">
        <v>17</v>
      </c>
      <c r="D109" s="17">
        <v>27</v>
      </c>
    </row>
    <row r="110" spans="1:4" ht="18" customHeight="1" x14ac:dyDescent="0.2">
      <c r="A110" s="14">
        <v>86</v>
      </c>
      <c r="B110" s="15">
        <v>4</v>
      </c>
      <c r="C110" s="16">
        <v>12</v>
      </c>
      <c r="D110" s="17">
        <v>16</v>
      </c>
    </row>
    <row r="111" spans="1:4" ht="18" customHeight="1" x14ac:dyDescent="0.2">
      <c r="A111" s="14">
        <v>87</v>
      </c>
      <c r="B111" s="15">
        <v>7</v>
      </c>
      <c r="C111" s="16">
        <v>25</v>
      </c>
      <c r="D111" s="17">
        <v>32</v>
      </c>
    </row>
    <row r="112" spans="1:4" ht="18" customHeight="1" x14ac:dyDescent="0.2">
      <c r="A112" s="14">
        <v>88</v>
      </c>
      <c r="B112" s="15">
        <v>5</v>
      </c>
      <c r="C112" s="16">
        <v>15</v>
      </c>
      <c r="D112" s="17">
        <v>20</v>
      </c>
    </row>
    <row r="113" spans="1:4" ht="18" customHeight="1" x14ac:dyDescent="0.2">
      <c r="A113" s="14">
        <v>89</v>
      </c>
      <c r="B113" s="15">
        <v>2</v>
      </c>
      <c r="C113" s="16">
        <v>8</v>
      </c>
      <c r="D113" s="17">
        <v>10</v>
      </c>
    </row>
    <row r="114" spans="1:4" ht="18" customHeight="1" x14ac:dyDescent="0.2">
      <c r="A114" s="18" t="s">
        <v>85</v>
      </c>
      <c r="B114" s="15">
        <v>28</v>
      </c>
      <c r="C114" s="16">
        <v>77</v>
      </c>
      <c r="D114" s="17">
        <v>105</v>
      </c>
    </row>
    <row r="115" spans="1:4" ht="18" customHeight="1" x14ac:dyDescent="0.2">
      <c r="A115" s="14">
        <v>90</v>
      </c>
      <c r="B115" s="15">
        <v>4</v>
      </c>
      <c r="C115" s="16">
        <v>5</v>
      </c>
      <c r="D115" s="17">
        <v>9</v>
      </c>
    </row>
    <row r="116" spans="1:4" ht="18" customHeight="1" x14ac:dyDescent="0.2">
      <c r="A116" s="14">
        <v>91</v>
      </c>
      <c r="B116" s="15">
        <v>2</v>
      </c>
      <c r="C116" s="16">
        <v>5</v>
      </c>
      <c r="D116" s="17">
        <v>7</v>
      </c>
    </row>
    <row r="117" spans="1:4" ht="18" customHeight="1" x14ac:dyDescent="0.2">
      <c r="A117" s="14">
        <v>92</v>
      </c>
      <c r="B117" s="15">
        <v>0</v>
      </c>
      <c r="C117" s="16">
        <v>6</v>
      </c>
      <c r="D117" s="17">
        <v>6</v>
      </c>
    </row>
    <row r="118" spans="1:4" ht="18" customHeight="1" x14ac:dyDescent="0.2">
      <c r="A118" s="14">
        <v>93</v>
      </c>
      <c r="B118" s="15">
        <v>1</v>
      </c>
      <c r="C118" s="16">
        <v>4</v>
      </c>
      <c r="D118" s="17">
        <v>5</v>
      </c>
    </row>
    <row r="119" spans="1:4" ht="18" customHeight="1" x14ac:dyDescent="0.2">
      <c r="A119" s="14">
        <v>94</v>
      </c>
      <c r="B119" s="15">
        <v>3</v>
      </c>
      <c r="C119" s="16">
        <v>2</v>
      </c>
      <c r="D119" s="17">
        <v>5</v>
      </c>
    </row>
    <row r="120" spans="1:4" ht="18" customHeight="1" x14ac:dyDescent="0.2">
      <c r="A120" s="18" t="s">
        <v>86</v>
      </c>
      <c r="B120" s="15">
        <v>10</v>
      </c>
      <c r="C120" s="16">
        <v>22</v>
      </c>
      <c r="D120" s="17">
        <v>32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1</v>
      </c>
      <c r="C126" s="16">
        <v>14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563</v>
      </c>
      <c r="C130" s="5">
        <v>763</v>
      </c>
      <c r="D130" s="6">
        <v>1326</v>
      </c>
    </row>
    <row r="131" spans="1:4" ht="18" customHeight="1" x14ac:dyDescent="0.2">
      <c r="A131" s="20" t="s">
        <v>65</v>
      </c>
      <c r="B131" s="7">
        <v>2723</v>
      </c>
      <c r="C131" s="8">
        <v>2864</v>
      </c>
      <c r="D131" s="9">
        <v>558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5</v>
      </c>
      <c r="C5" s="12">
        <v>34</v>
      </c>
      <c r="D5" s="13">
        <v>69</v>
      </c>
    </row>
    <row r="6" spans="1:4" ht="18" customHeight="1" x14ac:dyDescent="0.2">
      <c r="A6" s="14">
        <v>1</v>
      </c>
      <c r="B6" s="15">
        <v>28</v>
      </c>
      <c r="C6" s="16">
        <v>23</v>
      </c>
      <c r="D6" s="17">
        <v>51</v>
      </c>
    </row>
    <row r="7" spans="1:4" ht="18" customHeight="1" x14ac:dyDescent="0.2">
      <c r="A7" s="14">
        <v>2</v>
      </c>
      <c r="B7" s="15">
        <v>28</v>
      </c>
      <c r="C7" s="16">
        <v>39</v>
      </c>
      <c r="D7" s="17">
        <v>67</v>
      </c>
    </row>
    <row r="8" spans="1:4" ht="18" customHeight="1" x14ac:dyDescent="0.2">
      <c r="A8" s="14">
        <v>3</v>
      </c>
      <c r="B8" s="15">
        <v>37</v>
      </c>
      <c r="C8" s="16">
        <v>24</v>
      </c>
      <c r="D8" s="17">
        <v>61</v>
      </c>
    </row>
    <row r="9" spans="1:4" ht="18" customHeight="1" x14ac:dyDescent="0.2">
      <c r="A9" s="14">
        <v>4</v>
      </c>
      <c r="B9" s="15">
        <v>47</v>
      </c>
      <c r="C9" s="16">
        <v>33</v>
      </c>
      <c r="D9" s="17">
        <v>80</v>
      </c>
    </row>
    <row r="10" spans="1:4" ht="18" customHeight="1" x14ac:dyDescent="0.2">
      <c r="A10" s="18" t="s">
        <v>66</v>
      </c>
      <c r="B10" s="15">
        <v>175</v>
      </c>
      <c r="C10" s="16">
        <v>153</v>
      </c>
      <c r="D10" s="17">
        <v>328</v>
      </c>
    </row>
    <row r="11" spans="1:4" ht="18" customHeight="1" x14ac:dyDescent="0.2">
      <c r="A11" s="14">
        <v>5</v>
      </c>
      <c r="B11" s="15">
        <v>38</v>
      </c>
      <c r="C11" s="16">
        <v>35</v>
      </c>
      <c r="D11" s="17">
        <v>73</v>
      </c>
    </row>
    <row r="12" spans="1:4" ht="18" customHeight="1" x14ac:dyDescent="0.2">
      <c r="A12" s="14">
        <v>6</v>
      </c>
      <c r="B12" s="15">
        <v>38</v>
      </c>
      <c r="C12" s="16">
        <v>35</v>
      </c>
      <c r="D12" s="17">
        <v>73</v>
      </c>
    </row>
    <row r="13" spans="1:4" ht="18" customHeight="1" x14ac:dyDescent="0.2">
      <c r="A13" s="14">
        <v>7</v>
      </c>
      <c r="B13" s="15">
        <v>35</v>
      </c>
      <c r="C13" s="16">
        <v>40</v>
      </c>
      <c r="D13" s="17">
        <v>75</v>
      </c>
    </row>
    <row r="14" spans="1:4" ht="18" customHeight="1" x14ac:dyDescent="0.2">
      <c r="A14" s="14">
        <v>8</v>
      </c>
      <c r="B14" s="15">
        <v>50</v>
      </c>
      <c r="C14" s="16">
        <v>29</v>
      </c>
      <c r="D14" s="17">
        <v>79</v>
      </c>
    </row>
    <row r="15" spans="1:4" ht="18" customHeight="1" x14ac:dyDescent="0.2">
      <c r="A15" s="14">
        <v>9</v>
      </c>
      <c r="B15" s="15">
        <v>59</v>
      </c>
      <c r="C15" s="16">
        <v>43</v>
      </c>
      <c r="D15" s="17">
        <v>102</v>
      </c>
    </row>
    <row r="16" spans="1:4" ht="18" customHeight="1" x14ac:dyDescent="0.2">
      <c r="A16" s="18" t="s">
        <v>67</v>
      </c>
      <c r="B16" s="15">
        <v>220</v>
      </c>
      <c r="C16" s="16">
        <v>182</v>
      </c>
      <c r="D16" s="17">
        <v>402</v>
      </c>
    </row>
    <row r="17" spans="1:4" ht="18" customHeight="1" x14ac:dyDescent="0.2">
      <c r="A17" s="14">
        <v>10</v>
      </c>
      <c r="B17" s="15">
        <v>40</v>
      </c>
      <c r="C17" s="16">
        <v>35</v>
      </c>
      <c r="D17" s="17">
        <v>75</v>
      </c>
    </row>
    <row r="18" spans="1:4" ht="18" customHeight="1" x14ac:dyDescent="0.2">
      <c r="A18" s="14">
        <v>11</v>
      </c>
      <c r="B18" s="15">
        <v>53</v>
      </c>
      <c r="C18" s="16">
        <v>36</v>
      </c>
      <c r="D18" s="17">
        <v>89</v>
      </c>
    </row>
    <row r="19" spans="1:4" ht="18" customHeight="1" x14ac:dyDescent="0.2">
      <c r="A19" s="14">
        <v>12</v>
      </c>
      <c r="B19" s="15">
        <v>30</v>
      </c>
      <c r="C19" s="16">
        <v>42</v>
      </c>
      <c r="D19" s="17">
        <v>72</v>
      </c>
    </row>
    <row r="20" spans="1:4" ht="18" customHeight="1" x14ac:dyDescent="0.2">
      <c r="A20" s="14">
        <v>13</v>
      </c>
      <c r="B20" s="15">
        <v>48</v>
      </c>
      <c r="C20" s="16">
        <v>41</v>
      </c>
      <c r="D20" s="17">
        <v>89</v>
      </c>
    </row>
    <row r="21" spans="1:4" ht="18" customHeight="1" x14ac:dyDescent="0.2">
      <c r="A21" s="14">
        <v>14</v>
      </c>
      <c r="B21" s="15">
        <v>42</v>
      </c>
      <c r="C21" s="16">
        <v>47</v>
      </c>
      <c r="D21" s="17">
        <v>89</v>
      </c>
    </row>
    <row r="22" spans="1:4" ht="18" customHeight="1" x14ac:dyDescent="0.2">
      <c r="A22" s="18" t="s">
        <v>68</v>
      </c>
      <c r="B22" s="15">
        <v>213</v>
      </c>
      <c r="C22" s="16">
        <v>201</v>
      </c>
      <c r="D22" s="17">
        <v>414</v>
      </c>
    </row>
    <row r="23" spans="1:4" ht="18" customHeight="1" x14ac:dyDescent="0.2">
      <c r="A23" s="18" t="s">
        <v>69</v>
      </c>
      <c r="B23" s="15">
        <v>608</v>
      </c>
      <c r="C23" s="16">
        <v>536</v>
      </c>
      <c r="D23" s="17">
        <v>1144</v>
      </c>
    </row>
    <row r="24" spans="1:4" ht="18" customHeight="1" x14ac:dyDescent="0.2">
      <c r="A24" s="14">
        <v>15</v>
      </c>
      <c r="B24" s="15">
        <v>30</v>
      </c>
      <c r="C24" s="16">
        <v>31</v>
      </c>
      <c r="D24" s="17">
        <v>61</v>
      </c>
    </row>
    <row r="25" spans="1:4" ht="18" customHeight="1" x14ac:dyDescent="0.2">
      <c r="A25" s="14">
        <v>16</v>
      </c>
      <c r="B25" s="15">
        <v>22</v>
      </c>
      <c r="C25" s="16">
        <v>46</v>
      </c>
      <c r="D25" s="17">
        <v>68</v>
      </c>
    </row>
    <row r="26" spans="1:4" ht="18" customHeight="1" x14ac:dyDescent="0.2">
      <c r="A26" s="14">
        <v>17</v>
      </c>
      <c r="B26" s="15">
        <v>47</v>
      </c>
      <c r="C26" s="16">
        <v>39</v>
      </c>
      <c r="D26" s="17">
        <v>86</v>
      </c>
    </row>
    <row r="27" spans="1:4" ht="18" customHeight="1" x14ac:dyDescent="0.2">
      <c r="A27" s="14">
        <v>18</v>
      </c>
      <c r="B27" s="15">
        <v>90</v>
      </c>
      <c r="C27" s="16">
        <v>59</v>
      </c>
      <c r="D27" s="17">
        <v>149</v>
      </c>
    </row>
    <row r="28" spans="1:4" ht="18" customHeight="1" x14ac:dyDescent="0.2">
      <c r="A28" s="14">
        <v>19</v>
      </c>
      <c r="B28" s="15">
        <v>131</v>
      </c>
      <c r="C28" s="16">
        <v>77</v>
      </c>
      <c r="D28" s="17">
        <v>208</v>
      </c>
    </row>
    <row r="29" spans="1:4" ht="18" customHeight="1" x14ac:dyDescent="0.2">
      <c r="A29" s="18" t="s">
        <v>70</v>
      </c>
      <c r="B29" s="15">
        <v>320</v>
      </c>
      <c r="C29" s="16">
        <v>252</v>
      </c>
      <c r="D29" s="17">
        <v>572</v>
      </c>
    </row>
    <row r="30" spans="1:4" ht="18" customHeight="1" x14ac:dyDescent="0.2">
      <c r="A30" s="14">
        <v>20</v>
      </c>
      <c r="B30" s="15">
        <v>155</v>
      </c>
      <c r="C30" s="16">
        <v>81</v>
      </c>
      <c r="D30" s="17">
        <v>236</v>
      </c>
    </row>
    <row r="31" spans="1:4" ht="18" customHeight="1" x14ac:dyDescent="0.2">
      <c r="A31" s="14">
        <v>21</v>
      </c>
      <c r="B31" s="15">
        <v>150</v>
      </c>
      <c r="C31" s="16">
        <v>79</v>
      </c>
      <c r="D31" s="17">
        <v>229</v>
      </c>
    </row>
    <row r="32" spans="1:4" ht="18" customHeight="1" x14ac:dyDescent="0.2">
      <c r="A32" s="14">
        <v>22</v>
      </c>
      <c r="B32" s="15">
        <v>126</v>
      </c>
      <c r="C32" s="16">
        <v>76</v>
      </c>
      <c r="D32" s="17">
        <v>202</v>
      </c>
    </row>
    <row r="33" spans="1:4" ht="18" customHeight="1" x14ac:dyDescent="0.2">
      <c r="A33" s="14">
        <v>23</v>
      </c>
      <c r="B33" s="15">
        <v>120</v>
      </c>
      <c r="C33" s="16">
        <v>49</v>
      </c>
      <c r="D33" s="17">
        <v>169</v>
      </c>
    </row>
    <row r="34" spans="1:4" ht="18" customHeight="1" x14ac:dyDescent="0.2">
      <c r="A34" s="14">
        <v>24</v>
      </c>
      <c r="B34" s="15">
        <v>109</v>
      </c>
      <c r="C34" s="16">
        <v>55</v>
      </c>
      <c r="D34" s="17">
        <v>164</v>
      </c>
    </row>
    <row r="35" spans="1:4" ht="18" customHeight="1" x14ac:dyDescent="0.2">
      <c r="A35" s="18" t="s">
        <v>71</v>
      </c>
      <c r="B35" s="15">
        <v>660</v>
      </c>
      <c r="C35" s="16">
        <v>340</v>
      </c>
      <c r="D35" s="17">
        <v>1000</v>
      </c>
    </row>
    <row r="36" spans="1:4" ht="18" customHeight="1" x14ac:dyDescent="0.2">
      <c r="A36" s="14">
        <v>25</v>
      </c>
      <c r="B36" s="15">
        <v>86</v>
      </c>
      <c r="C36" s="16">
        <v>54</v>
      </c>
      <c r="D36" s="17">
        <v>140</v>
      </c>
    </row>
    <row r="37" spans="1:4" ht="18" customHeight="1" x14ac:dyDescent="0.2">
      <c r="A37" s="14">
        <v>26</v>
      </c>
      <c r="B37" s="15">
        <v>57</v>
      </c>
      <c r="C37" s="16">
        <v>54</v>
      </c>
      <c r="D37" s="17">
        <v>111</v>
      </c>
    </row>
    <row r="38" spans="1:4" ht="18" customHeight="1" x14ac:dyDescent="0.2">
      <c r="A38" s="14">
        <v>27</v>
      </c>
      <c r="B38" s="15">
        <v>70</v>
      </c>
      <c r="C38" s="16">
        <v>50</v>
      </c>
      <c r="D38" s="17">
        <v>120</v>
      </c>
    </row>
    <row r="39" spans="1:4" ht="18" customHeight="1" x14ac:dyDescent="0.2">
      <c r="A39" s="14">
        <v>28</v>
      </c>
      <c r="B39" s="15">
        <v>62</v>
      </c>
      <c r="C39" s="16">
        <v>43</v>
      </c>
      <c r="D39" s="17">
        <v>105</v>
      </c>
    </row>
    <row r="40" spans="1:4" ht="18" customHeight="1" x14ac:dyDescent="0.2">
      <c r="A40" s="14">
        <v>29</v>
      </c>
      <c r="B40" s="15">
        <v>59</v>
      </c>
      <c r="C40" s="16">
        <v>52</v>
      </c>
      <c r="D40" s="17">
        <v>111</v>
      </c>
    </row>
    <row r="41" spans="1:4" ht="18" customHeight="1" x14ac:dyDescent="0.2">
      <c r="A41" s="18" t="s">
        <v>72</v>
      </c>
      <c r="B41" s="15">
        <v>334</v>
      </c>
      <c r="C41" s="16">
        <v>253</v>
      </c>
      <c r="D41" s="17">
        <v>587</v>
      </c>
    </row>
    <row r="42" spans="1:4" ht="18" customHeight="1" x14ac:dyDescent="0.2">
      <c r="A42" s="14">
        <v>30</v>
      </c>
      <c r="B42" s="15">
        <v>70</v>
      </c>
      <c r="C42" s="16">
        <v>52</v>
      </c>
      <c r="D42" s="17">
        <v>122</v>
      </c>
    </row>
    <row r="43" spans="1:4" ht="18" customHeight="1" x14ac:dyDescent="0.2">
      <c r="A43" s="14">
        <v>31</v>
      </c>
      <c r="B43" s="15">
        <v>58</v>
      </c>
      <c r="C43" s="16">
        <v>51</v>
      </c>
      <c r="D43" s="17">
        <v>109</v>
      </c>
    </row>
    <row r="44" spans="1:4" ht="18" customHeight="1" x14ac:dyDescent="0.2">
      <c r="A44" s="14">
        <v>32</v>
      </c>
      <c r="B44" s="15">
        <v>70</v>
      </c>
      <c r="C44" s="16">
        <v>49</v>
      </c>
      <c r="D44" s="17">
        <v>119</v>
      </c>
    </row>
    <row r="45" spans="1:4" ht="18" customHeight="1" x14ac:dyDescent="0.2">
      <c r="A45" s="14">
        <v>33</v>
      </c>
      <c r="B45" s="15">
        <v>76</v>
      </c>
      <c r="C45" s="16">
        <v>58</v>
      </c>
      <c r="D45" s="17">
        <v>134</v>
      </c>
    </row>
    <row r="46" spans="1:4" ht="18" customHeight="1" x14ac:dyDescent="0.2">
      <c r="A46" s="14">
        <v>34</v>
      </c>
      <c r="B46" s="15">
        <v>61</v>
      </c>
      <c r="C46" s="16">
        <v>73</v>
      </c>
      <c r="D46" s="17">
        <v>134</v>
      </c>
    </row>
    <row r="47" spans="1:4" ht="18" customHeight="1" x14ac:dyDescent="0.2">
      <c r="A47" s="18" t="s">
        <v>73</v>
      </c>
      <c r="B47" s="15">
        <v>335</v>
      </c>
      <c r="C47" s="16">
        <v>283</v>
      </c>
      <c r="D47" s="17">
        <v>618</v>
      </c>
    </row>
    <row r="48" spans="1:4" ht="18" customHeight="1" x14ac:dyDescent="0.2">
      <c r="A48" s="14">
        <v>35</v>
      </c>
      <c r="B48" s="15">
        <v>59</v>
      </c>
      <c r="C48" s="16">
        <v>79</v>
      </c>
      <c r="D48" s="17">
        <v>138</v>
      </c>
    </row>
    <row r="49" spans="1:4" ht="18" customHeight="1" x14ac:dyDescent="0.2">
      <c r="A49" s="14">
        <v>36</v>
      </c>
      <c r="B49" s="15">
        <v>82</v>
      </c>
      <c r="C49" s="16">
        <v>69</v>
      </c>
      <c r="D49" s="17">
        <v>151</v>
      </c>
    </row>
    <row r="50" spans="1:4" ht="18" customHeight="1" x14ac:dyDescent="0.2">
      <c r="A50" s="14">
        <v>37</v>
      </c>
      <c r="B50" s="15">
        <v>65</v>
      </c>
      <c r="C50" s="16">
        <v>72</v>
      </c>
      <c r="D50" s="17">
        <v>137</v>
      </c>
    </row>
    <row r="51" spans="1:4" ht="18" customHeight="1" x14ac:dyDescent="0.2">
      <c r="A51" s="14">
        <v>38</v>
      </c>
      <c r="B51" s="15">
        <v>80</v>
      </c>
      <c r="C51" s="16">
        <v>52</v>
      </c>
      <c r="D51" s="17">
        <v>132</v>
      </c>
    </row>
    <row r="52" spans="1:4" ht="18" customHeight="1" x14ac:dyDescent="0.2">
      <c r="A52" s="14">
        <v>39</v>
      </c>
      <c r="B52" s="15">
        <v>60</v>
      </c>
      <c r="C52" s="16">
        <v>68</v>
      </c>
      <c r="D52" s="17">
        <v>128</v>
      </c>
    </row>
    <row r="53" spans="1:4" ht="18" customHeight="1" x14ac:dyDescent="0.2">
      <c r="A53" s="18" t="s">
        <v>74</v>
      </c>
      <c r="B53" s="15">
        <v>346</v>
      </c>
      <c r="C53" s="16">
        <v>340</v>
      </c>
      <c r="D53" s="17">
        <v>686</v>
      </c>
    </row>
    <row r="54" spans="1:4" ht="18" customHeight="1" x14ac:dyDescent="0.2">
      <c r="A54" s="14">
        <v>40</v>
      </c>
      <c r="B54" s="15">
        <v>59</v>
      </c>
      <c r="C54" s="16">
        <v>66</v>
      </c>
      <c r="D54" s="17">
        <v>125</v>
      </c>
    </row>
    <row r="55" spans="1:4" ht="18" customHeight="1" x14ac:dyDescent="0.2">
      <c r="A55" s="14">
        <v>41</v>
      </c>
      <c r="B55" s="15">
        <v>55</v>
      </c>
      <c r="C55" s="16">
        <v>81</v>
      </c>
      <c r="D55" s="17">
        <v>136</v>
      </c>
    </row>
    <row r="56" spans="1:4" ht="18" customHeight="1" x14ac:dyDescent="0.2">
      <c r="A56" s="14">
        <v>42</v>
      </c>
      <c r="B56" s="15">
        <v>68</v>
      </c>
      <c r="C56" s="16">
        <v>57</v>
      </c>
      <c r="D56" s="17">
        <v>125</v>
      </c>
    </row>
    <row r="57" spans="1:4" ht="18" customHeight="1" x14ac:dyDescent="0.2">
      <c r="A57" s="14">
        <v>43</v>
      </c>
      <c r="B57" s="15">
        <v>60</v>
      </c>
      <c r="C57" s="16">
        <v>28</v>
      </c>
      <c r="D57" s="17">
        <v>88</v>
      </c>
    </row>
    <row r="58" spans="1:4" ht="18" customHeight="1" x14ac:dyDescent="0.2">
      <c r="A58" s="14">
        <v>44</v>
      </c>
      <c r="B58" s="15">
        <v>51</v>
      </c>
      <c r="C58" s="16">
        <v>56</v>
      </c>
      <c r="D58" s="17">
        <v>107</v>
      </c>
    </row>
    <row r="59" spans="1:4" ht="18" customHeight="1" x14ac:dyDescent="0.2">
      <c r="A59" s="18" t="s">
        <v>75</v>
      </c>
      <c r="B59" s="15">
        <v>293</v>
      </c>
      <c r="C59" s="16">
        <v>288</v>
      </c>
      <c r="D59" s="17">
        <v>581</v>
      </c>
    </row>
    <row r="60" spans="1:4" ht="18" customHeight="1" x14ac:dyDescent="0.2">
      <c r="A60" s="14">
        <v>45</v>
      </c>
      <c r="B60" s="15">
        <v>59</v>
      </c>
      <c r="C60" s="16">
        <v>52</v>
      </c>
      <c r="D60" s="17">
        <v>111</v>
      </c>
    </row>
    <row r="61" spans="1:4" ht="18" customHeight="1" x14ac:dyDescent="0.2">
      <c r="A61" s="14">
        <v>46</v>
      </c>
      <c r="B61" s="15">
        <v>72</v>
      </c>
      <c r="C61" s="16">
        <v>47</v>
      </c>
      <c r="D61" s="17">
        <v>119</v>
      </c>
    </row>
    <row r="62" spans="1:4" ht="18" customHeight="1" x14ac:dyDescent="0.2">
      <c r="A62" s="14">
        <v>47</v>
      </c>
      <c r="B62" s="15">
        <v>50</v>
      </c>
      <c r="C62" s="16">
        <v>60</v>
      </c>
      <c r="D62" s="17">
        <v>110</v>
      </c>
    </row>
    <row r="63" spans="1:4" ht="18" customHeight="1" x14ac:dyDescent="0.2">
      <c r="A63" s="14">
        <v>48</v>
      </c>
      <c r="B63" s="15">
        <v>50</v>
      </c>
      <c r="C63" s="16">
        <v>63</v>
      </c>
      <c r="D63" s="17">
        <v>113</v>
      </c>
    </row>
    <row r="64" spans="1:4" ht="18" customHeight="1" x14ac:dyDescent="0.2">
      <c r="A64" s="14">
        <v>49</v>
      </c>
      <c r="B64" s="15">
        <v>56</v>
      </c>
      <c r="C64" s="16">
        <v>60</v>
      </c>
      <c r="D64" s="17">
        <v>116</v>
      </c>
    </row>
    <row r="65" spans="1:4" ht="18" customHeight="1" x14ac:dyDescent="0.2">
      <c r="A65" s="18" t="s">
        <v>76</v>
      </c>
      <c r="B65" s="15">
        <v>287</v>
      </c>
      <c r="C65" s="16">
        <v>282</v>
      </c>
      <c r="D65" s="17">
        <v>569</v>
      </c>
    </row>
    <row r="66" spans="1:4" ht="18" customHeight="1" x14ac:dyDescent="0.2">
      <c r="A66" s="14">
        <v>50</v>
      </c>
      <c r="B66" s="15">
        <v>65</v>
      </c>
      <c r="C66" s="16">
        <v>53</v>
      </c>
      <c r="D66" s="17">
        <v>118</v>
      </c>
    </row>
    <row r="67" spans="1:4" ht="18" customHeight="1" x14ac:dyDescent="0.2">
      <c r="A67" s="14">
        <v>51</v>
      </c>
      <c r="B67" s="15">
        <v>40</v>
      </c>
      <c r="C67" s="16">
        <v>42</v>
      </c>
      <c r="D67" s="17">
        <v>82</v>
      </c>
    </row>
    <row r="68" spans="1:4" ht="18" customHeight="1" x14ac:dyDescent="0.2">
      <c r="A68" s="14">
        <v>52</v>
      </c>
      <c r="B68" s="15">
        <v>71</v>
      </c>
      <c r="C68" s="16">
        <v>59</v>
      </c>
      <c r="D68" s="17">
        <v>130</v>
      </c>
    </row>
    <row r="69" spans="1:4" ht="18" customHeight="1" x14ac:dyDescent="0.2">
      <c r="A69" s="14">
        <v>53</v>
      </c>
      <c r="B69" s="15">
        <v>55</v>
      </c>
      <c r="C69" s="16">
        <v>53</v>
      </c>
      <c r="D69" s="17">
        <v>108</v>
      </c>
    </row>
    <row r="70" spans="1:4" ht="18" customHeight="1" x14ac:dyDescent="0.2">
      <c r="A70" s="14">
        <v>54</v>
      </c>
      <c r="B70" s="15">
        <v>58</v>
      </c>
      <c r="C70" s="16">
        <v>57</v>
      </c>
      <c r="D70" s="17">
        <v>115</v>
      </c>
    </row>
    <row r="71" spans="1:4" ht="18" customHeight="1" x14ac:dyDescent="0.2">
      <c r="A71" s="18" t="s">
        <v>77</v>
      </c>
      <c r="B71" s="15">
        <v>289</v>
      </c>
      <c r="C71" s="16">
        <v>264</v>
      </c>
      <c r="D71" s="17">
        <v>553</v>
      </c>
    </row>
    <row r="72" spans="1:4" ht="18" customHeight="1" x14ac:dyDescent="0.2">
      <c r="A72" s="14">
        <v>55</v>
      </c>
      <c r="B72" s="15">
        <v>40</v>
      </c>
      <c r="C72" s="16">
        <v>60</v>
      </c>
      <c r="D72" s="17">
        <v>100</v>
      </c>
    </row>
    <row r="73" spans="1:4" ht="18" customHeight="1" x14ac:dyDescent="0.2">
      <c r="A73" s="14">
        <v>56</v>
      </c>
      <c r="B73" s="15">
        <v>56</v>
      </c>
      <c r="C73" s="16">
        <v>60</v>
      </c>
      <c r="D73" s="17">
        <v>116</v>
      </c>
    </row>
    <row r="74" spans="1:4" ht="18" customHeight="1" x14ac:dyDescent="0.2">
      <c r="A74" s="14">
        <v>57</v>
      </c>
      <c r="B74" s="15">
        <v>56</v>
      </c>
      <c r="C74" s="16">
        <v>61</v>
      </c>
      <c r="D74" s="17">
        <v>117</v>
      </c>
    </row>
    <row r="75" spans="1:4" ht="18" customHeight="1" x14ac:dyDescent="0.2">
      <c r="A75" s="14">
        <v>58</v>
      </c>
      <c r="B75" s="15">
        <v>53</v>
      </c>
      <c r="C75" s="16">
        <v>56</v>
      </c>
      <c r="D75" s="17">
        <v>109</v>
      </c>
    </row>
    <row r="76" spans="1:4" ht="18" customHeight="1" x14ac:dyDescent="0.2">
      <c r="A76" s="14">
        <v>59</v>
      </c>
      <c r="B76" s="15">
        <v>72</v>
      </c>
      <c r="C76" s="16">
        <v>78</v>
      </c>
      <c r="D76" s="17">
        <v>150</v>
      </c>
    </row>
    <row r="77" spans="1:4" ht="18" customHeight="1" x14ac:dyDescent="0.2">
      <c r="A77" s="18" t="s">
        <v>78</v>
      </c>
      <c r="B77" s="15">
        <v>277</v>
      </c>
      <c r="C77" s="16">
        <v>315</v>
      </c>
      <c r="D77" s="17">
        <v>592</v>
      </c>
    </row>
    <row r="78" spans="1:4" ht="18" customHeight="1" x14ac:dyDescent="0.2">
      <c r="A78" s="14">
        <v>60</v>
      </c>
      <c r="B78" s="15">
        <v>76</v>
      </c>
      <c r="C78" s="16">
        <v>81</v>
      </c>
      <c r="D78" s="17">
        <v>157</v>
      </c>
    </row>
    <row r="79" spans="1:4" ht="18" customHeight="1" x14ac:dyDescent="0.2">
      <c r="A79" s="14">
        <v>61</v>
      </c>
      <c r="B79" s="15">
        <v>95</v>
      </c>
      <c r="C79" s="16">
        <v>88</v>
      </c>
      <c r="D79" s="17">
        <v>183</v>
      </c>
    </row>
    <row r="80" spans="1:4" ht="18" customHeight="1" x14ac:dyDescent="0.2">
      <c r="A80" s="14">
        <v>62</v>
      </c>
      <c r="B80" s="15">
        <v>70</v>
      </c>
      <c r="C80" s="16">
        <v>73</v>
      </c>
      <c r="D80" s="17">
        <v>143</v>
      </c>
    </row>
    <row r="81" spans="1:4" ht="18" customHeight="1" x14ac:dyDescent="0.2">
      <c r="A81" s="14">
        <v>63</v>
      </c>
      <c r="B81" s="15">
        <v>51</v>
      </c>
      <c r="C81" s="16">
        <v>34</v>
      </c>
      <c r="D81" s="17">
        <v>85</v>
      </c>
    </row>
    <row r="82" spans="1:4" ht="18" customHeight="1" x14ac:dyDescent="0.2">
      <c r="A82" s="14">
        <v>64</v>
      </c>
      <c r="B82" s="15">
        <v>44</v>
      </c>
      <c r="C82" s="16">
        <v>61</v>
      </c>
      <c r="D82" s="17">
        <v>105</v>
      </c>
    </row>
    <row r="83" spans="1:4" ht="18" customHeight="1" x14ac:dyDescent="0.2">
      <c r="A83" s="18" t="s">
        <v>79</v>
      </c>
      <c r="B83" s="15">
        <v>336</v>
      </c>
      <c r="C83" s="16">
        <v>337</v>
      </c>
      <c r="D83" s="17">
        <v>673</v>
      </c>
    </row>
    <row r="84" spans="1:4" ht="18" customHeight="1" x14ac:dyDescent="0.2">
      <c r="A84" s="18" t="s">
        <v>80</v>
      </c>
      <c r="B84" s="15">
        <v>3477</v>
      </c>
      <c r="C84" s="16">
        <v>2954</v>
      </c>
      <c r="D84" s="17">
        <v>6431</v>
      </c>
    </row>
    <row r="85" spans="1:4" ht="18" customHeight="1" x14ac:dyDescent="0.2">
      <c r="A85" s="14">
        <v>65</v>
      </c>
      <c r="B85" s="15">
        <v>63</v>
      </c>
      <c r="C85" s="16">
        <v>66</v>
      </c>
      <c r="D85" s="17">
        <v>129</v>
      </c>
    </row>
    <row r="86" spans="1:4" ht="18" customHeight="1" x14ac:dyDescent="0.2">
      <c r="A86" s="14">
        <v>66</v>
      </c>
      <c r="B86" s="15">
        <v>48</v>
      </c>
      <c r="C86" s="16">
        <v>57</v>
      </c>
      <c r="D86" s="17">
        <v>105</v>
      </c>
    </row>
    <row r="87" spans="1:4" ht="18" customHeight="1" x14ac:dyDescent="0.2">
      <c r="A87" s="14">
        <v>67</v>
      </c>
      <c r="B87" s="15">
        <v>64</v>
      </c>
      <c r="C87" s="16">
        <v>53</v>
      </c>
      <c r="D87" s="17">
        <v>117</v>
      </c>
    </row>
    <row r="88" spans="1:4" ht="18" customHeight="1" x14ac:dyDescent="0.2">
      <c r="A88" s="14">
        <v>68</v>
      </c>
      <c r="B88" s="15">
        <v>52</v>
      </c>
      <c r="C88" s="16">
        <v>44</v>
      </c>
      <c r="D88" s="17">
        <v>96</v>
      </c>
    </row>
    <row r="89" spans="1:4" ht="18" customHeight="1" x14ac:dyDescent="0.2">
      <c r="A89" s="14">
        <v>69</v>
      </c>
      <c r="B89" s="15">
        <v>40</v>
      </c>
      <c r="C89" s="16">
        <v>46</v>
      </c>
      <c r="D89" s="17">
        <v>86</v>
      </c>
    </row>
    <row r="90" spans="1:4" ht="18" customHeight="1" x14ac:dyDescent="0.2">
      <c r="A90" s="18" t="s">
        <v>81</v>
      </c>
      <c r="B90" s="15">
        <v>267</v>
      </c>
      <c r="C90" s="16">
        <v>266</v>
      </c>
      <c r="D90" s="17">
        <v>533</v>
      </c>
    </row>
    <row r="91" spans="1:4" ht="18" customHeight="1" x14ac:dyDescent="0.2">
      <c r="A91" s="14">
        <v>70</v>
      </c>
      <c r="B91" s="15">
        <v>27</v>
      </c>
      <c r="C91" s="16">
        <v>47</v>
      </c>
      <c r="D91" s="17">
        <v>74</v>
      </c>
    </row>
    <row r="92" spans="1:4" ht="18" customHeight="1" x14ac:dyDescent="0.2">
      <c r="A92" s="14">
        <v>71</v>
      </c>
      <c r="B92" s="15">
        <v>30</v>
      </c>
      <c r="C92" s="16">
        <v>50</v>
      </c>
      <c r="D92" s="17">
        <v>80</v>
      </c>
    </row>
    <row r="93" spans="1:4" ht="18" customHeight="1" x14ac:dyDescent="0.2">
      <c r="A93" s="14">
        <v>72</v>
      </c>
      <c r="B93" s="15">
        <v>41</v>
      </c>
      <c r="C93" s="16">
        <v>53</v>
      </c>
      <c r="D93" s="17">
        <v>94</v>
      </c>
    </row>
    <row r="94" spans="1:4" ht="18" customHeight="1" x14ac:dyDescent="0.2">
      <c r="A94" s="14">
        <v>73</v>
      </c>
      <c r="B94" s="15">
        <v>29</v>
      </c>
      <c r="C94" s="16">
        <v>50</v>
      </c>
      <c r="D94" s="17">
        <v>79</v>
      </c>
    </row>
    <row r="95" spans="1:4" ht="18" customHeight="1" x14ac:dyDescent="0.2">
      <c r="A95" s="14">
        <v>74</v>
      </c>
      <c r="B95" s="15">
        <v>45</v>
      </c>
      <c r="C95" s="16">
        <v>45</v>
      </c>
      <c r="D95" s="17">
        <v>90</v>
      </c>
    </row>
    <row r="96" spans="1:4" ht="18" customHeight="1" x14ac:dyDescent="0.2">
      <c r="A96" s="18" t="s">
        <v>82</v>
      </c>
      <c r="B96" s="15">
        <v>172</v>
      </c>
      <c r="C96" s="16">
        <v>245</v>
      </c>
      <c r="D96" s="17">
        <v>417</v>
      </c>
    </row>
    <row r="97" spans="1:4" ht="18" customHeight="1" x14ac:dyDescent="0.2">
      <c r="A97" s="14">
        <v>75</v>
      </c>
      <c r="B97" s="15">
        <v>32</v>
      </c>
      <c r="C97" s="16">
        <v>68</v>
      </c>
      <c r="D97" s="17">
        <v>100</v>
      </c>
    </row>
    <row r="98" spans="1:4" ht="18" customHeight="1" x14ac:dyDescent="0.2">
      <c r="A98" s="14">
        <v>76</v>
      </c>
      <c r="B98" s="15">
        <v>41</v>
      </c>
      <c r="C98" s="16">
        <v>61</v>
      </c>
      <c r="D98" s="17">
        <v>102</v>
      </c>
    </row>
    <row r="99" spans="1:4" ht="18" customHeight="1" x14ac:dyDescent="0.2">
      <c r="A99" s="14">
        <v>77</v>
      </c>
      <c r="B99" s="15">
        <v>28</v>
      </c>
      <c r="C99" s="16">
        <v>48</v>
      </c>
      <c r="D99" s="17">
        <v>76</v>
      </c>
    </row>
    <row r="100" spans="1:4" ht="18" customHeight="1" x14ac:dyDescent="0.2">
      <c r="A100" s="14">
        <v>78</v>
      </c>
      <c r="B100" s="15">
        <v>34</v>
      </c>
      <c r="C100" s="16">
        <v>24</v>
      </c>
      <c r="D100" s="17">
        <v>58</v>
      </c>
    </row>
    <row r="101" spans="1:4" ht="18" customHeight="1" x14ac:dyDescent="0.2">
      <c r="A101" s="14">
        <v>79</v>
      </c>
      <c r="B101" s="15">
        <v>37</v>
      </c>
      <c r="C101" s="16">
        <v>44</v>
      </c>
      <c r="D101" s="17">
        <v>81</v>
      </c>
    </row>
    <row r="102" spans="1:4" ht="18" customHeight="1" x14ac:dyDescent="0.2">
      <c r="A102" s="18" t="s">
        <v>83</v>
      </c>
      <c r="B102" s="15">
        <v>172</v>
      </c>
      <c r="C102" s="16">
        <v>245</v>
      </c>
      <c r="D102" s="17">
        <v>417</v>
      </c>
    </row>
    <row r="103" spans="1:4" ht="18" customHeight="1" x14ac:dyDescent="0.2">
      <c r="A103" s="14">
        <v>80</v>
      </c>
      <c r="B103" s="15">
        <v>28</v>
      </c>
      <c r="C103" s="16">
        <v>35</v>
      </c>
      <c r="D103" s="17">
        <v>63</v>
      </c>
    </row>
    <row r="104" spans="1:4" ht="18" customHeight="1" x14ac:dyDescent="0.2">
      <c r="A104" s="14">
        <v>81</v>
      </c>
      <c r="B104" s="15">
        <v>26</v>
      </c>
      <c r="C104" s="16">
        <v>40</v>
      </c>
      <c r="D104" s="17">
        <v>66</v>
      </c>
    </row>
    <row r="105" spans="1:4" ht="18" customHeight="1" x14ac:dyDescent="0.2">
      <c r="A105" s="14">
        <v>82</v>
      </c>
      <c r="B105" s="15">
        <v>17</v>
      </c>
      <c r="C105" s="16">
        <v>39</v>
      </c>
      <c r="D105" s="17">
        <v>56</v>
      </c>
    </row>
    <row r="106" spans="1:4" ht="18" customHeight="1" x14ac:dyDescent="0.2">
      <c r="A106" s="14">
        <v>83</v>
      </c>
      <c r="B106" s="15">
        <v>20</v>
      </c>
      <c r="C106" s="16">
        <v>37</v>
      </c>
      <c r="D106" s="17">
        <v>57</v>
      </c>
    </row>
    <row r="107" spans="1:4" ht="18" customHeight="1" x14ac:dyDescent="0.2">
      <c r="A107" s="14">
        <v>84</v>
      </c>
      <c r="B107" s="15">
        <v>17</v>
      </c>
      <c r="C107" s="16">
        <v>33</v>
      </c>
      <c r="D107" s="17">
        <v>50</v>
      </c>
    </row>
    <row r="108" spans="1:4" ht="18" customHeight="1" x14ac:dyDescent="0.2">
      <c r="A108" s="18" t="s">
        <v>84</v>
      </c>
      <c r="B108" s="15">
        <v>108</v>
      </c>
      <c r="C108" s="16">
        <v>184</v>
      </c>
      <c r="D108" s="17">
        <v>292</v>
      </c>
    </row>
    <row r="109" spans="1:4" ht="18" customHeight="1" x14ac:dyDescent="0.2">
      <c r="A109" s="14">
        <v>85</v>
      </c>
      <c r="B109" s="15">
        <v>9</v>
      </c>
      <c r="C109" s="16">
        <v>18</v>
      </c>
      <c r="D109" s="17">
        <v>27</v>
      </c>
    </row>
    <row r="110" spans="1:4" ht="18" customHeight="1" x14ac:dyDescent="0.2">
      <c r="A110" s="14">
        <v>86</v>
      </c>
      <c r="B110" s="15">
        <v>12</v>
      </c>
      <c r="C110" s="16">
        <v>29</v>
      </c>
      <c r="D110" s="17">
        <v>41</v>
      </c>
    </row>
    <row r="111" spans="1:4" ht="18" customHeight="1" x14ac:dyDescent="0.2">
      <c r="A111" s="14">
        <v>87</v>
      </c>
      <c r="B111" s="15">
        <v>9</v>
      </c>
      <c r="C111" s="16">
        <v>27</v>
      </c>
      <c r="D111" s="17">
        <v>36</v>
      </c>
    </row>
    <row r="112" spans="1:4" ht="18" customHeight="1" x14ac:dyDescent="0.2">
      <c r="A112" s="14">
        <v>88</v>
      </c>
      <c r="B112" s="15">
        <v>7</v>
      </c>
      <c r="C112" s="16">
        <v>21</v>
      </c>
      <c r="D112" s="17">
        <v>28</v>
      </c>
    </row>
    <row r="113" spans="1:4" ht="18" customHeight="1" x14ac:dyDescent="0.2">
      <c r="A113" s="14">
        <v>89</v>
      </c>
      <c r="B113" s="15">
        <v>3</v>
      </c>
      <c r="C113" s="16">
        <v>15</v>
      </c>
      <c r="D113" s="17">
        <v>18</v>
      </c>
    </row>
    <row r="114" spans="1:4" ht="18" customHeight="1" x14ac:dyDescent="0.2">
      <c r="A114" s="18" t="s">
        <v>85</v>
      </c>
      <c r="B114" s="15">
        <v>40</v>
      </c>
      <c r="C114" s="16">
        <v>110</v>
      </c>
      <c r="D114" s="17">
        <v>150</v>
      </c>
    </row>
    <row r="115" spans="1:4" ht="18" customHeight="1" x14ac:dyDescent="0.2">
      <c r="A115" s="14">
        <v>90</v>
      </c>
      <c r="B115" s="15">
        <v>5</v>
      </c>
      <c r="C115" s="16">
        <v>19</v>
      </c>
      <c r="D115" s="17">
        <v>24</v>
      </c>
    </row>
    <row r="116" spans="1:4" ht="18" customHeight="1" x14ac:dyDescent="0.2">
      <c r="A116" s="14">
        <v>91</v>
      </c>
      <c r="B116" s="15">
        <v>3</v>
      </c>
      <c r="C116" s="16">
        <v>12</v>
      </c>
      <c r="D116" s="17">
        <v>15</v>
      </c>
    </row>
    <row r="117" spans="1:4" ht="18" customHeight="1" x14ac:dyDescent="0.2">
      <c r="A117" s="14">
        <v>92</v>
      </c>
      <c r="B117" s="15">
        <v>4</v>
      </c>
      <c r="C117" s="16">
        <v>11</v>
      </c>
      <c r="D117" s="17">
        <v>15</v>
      </c>
    </row>
    <row r="118" spans="1:4" ht="18" customHeight="1" x14ac:dyDescent="0.2">
      <c r="A118" s="14">
        <v>93</v>
      </c>
      <c r="B118" s="15">
        <v>2</v>
      </c>
      <c r="C118" s="16">
        <v>11</v>
      </c>
      <c r="D118" s="17">
        <v>13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86</v>
      </c>
      <c r="B120" s="15">
        <v>14</v>
      </c>
      <c r="C120" s="16">
        <v>58</v>
      </c>
      <c r="D120" s="17">
        <v>72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2</v>
      </c>
      <c r="C126" s="16">
        <v>17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775</v>
      </c>
      <c r="C130" s="5">
        <v>1126</v>
      </c>
      <c r="D130" s="6">
        <v>1901</v>
      </c>
    </row>
    <row r="131" spans="1:4" ht="18" customHeight="1" x14ac:dyDescent="0.2">
      <c r="A131" s="20" t="s">
        <v>65</v>
      </c>
      <c r="B131" s="7">
        <v>4860</v>
      </c>
      <c r="C131" s="8">
        <v>4616</v>
      </c>
      <c r="D131" s="9">
        <v>947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5</v>
      </c>
      <c r="C5" s="12">
        <v>14</v>
      </c>
      <c r="D5" s="13">
        <v>29</v>
      </c>
    </row>
    <row r="6" spans="1:4" ht="18" customHeight="1" x14ac:dyDescent="0.2">
      <c r="A6" s="14">
        <v>1</v>
      </c>
      <c r="B6" s="15">
        <v>26</v>
      </c>
      <c r="C6" s="16">
        <v>22</v>
      </c>
      <c r="D6" s="17">
        <v>48</v>
      </c>
    </row>
    <row r="7" spans="1:4" ht="18" customHeight="1" x14ac:dyDescent="0.2">
      <c r="A7" s="14">
        <v>2</v>
      </c>
      <c r="B7" s="15">
        <v>19</v>
      </c>
      <c r="C7" s="16">
        <v>19</v>
      </c>
      <c r="D7" s="17">
        <v>38</v>
      </c>
    </row>
    <row r="8" spans="1:4" ht="18" customHeight="1" x14ac:dyDescent="0.2">
      <c r="A8" s="14">
        <v>3</v>
      </c>
      <c r="B8" s="15">
        <v>17</v>
      </c>
      <c r="C8" s="16">
        <v>28</v>
      </c>
      <c r="D8" s="17">
        <v>45</v>
      </c>
    </row>
    <row r="9" spans="1:4" ht="18" customHeight="1" x14ac:dyDescent="0.2">
      <c r="A9" s="14">
        <v>4</v>
      </c>
      <c r="B9" s="15">
        <v>25</v>
      </c>
      <c r="C9" s="16">
        <v>17</v>
      </c>
      <c r="D9" s="17">
        <v>42</v>
      </c>
    </row>
    <row r="10" spans="1:4" ht="18" customHeight="1" x14ac:dyDescent="0.2">
      <c r="A10" s="18" t="s">
        <v>66</v>
      </c>
      <c r="B10" s="15">
        <v>102</v>
      </c>
      <c r="C10" s="16">
        <v>100</v>
      </c>
      <c r="D10" s="17">
        <v>202</v>
      </c>
    </row>
    <row r="11" spans="1:4" ht="18" customHeight="1" x14ac:dyDescent="0.2">
      <c r="A11" s="14">
        <v>5</v>
      </c>
      <c r="B11" s="15">
        <v>29</v>
      </c>
      <c r="C11" s="16">
        <v>28</v>
      </c>
      <c r="D11" s="17">
        <v>57</v>
      </c>
    </row>
    <row r="12" spans="1:4" ht="18" customHeight="1" x14ac:dyDescent="0.2">
      <c r="A12" s="14">
        <v>6</v>
      </c>
      <c r="B12" s="15">
        <v>26</v>
      </c>
      <c r="C12" s="16">
        <v>25</v>
      </c>
      <c r="D12" s="17">
        <v>51</v>
      </c>
    </row>
    <row r="13" spans="1:4" ht="18" customHeight="1" x14ac:dyDescent="0.2">
      <c r="A13" s="14">
        <v>7</v>
      </c>
      <c r="B13" s="15">
        <v>27</v>
      </c>
      <c r="C13" s="16">
        <v>18</v>
      </c>
      <c r="D13" s="17">
        <v>45</v>
      </c>
    </row>
    <row r="14" spans="1:4" ht="18" customHeight="1" x14ac:dyDescent="0.2">
      <c r="A14" s="14">
        <v>8</v>
      </c>
      <c r="B14" s="15">
        <v>29</v>
      </c>
      <c r="C14" s="16">
        <v>36</v>
      </c>
      <c r="D14" s="17">
        <v>65</v>
      </c>
    </row>
    <row r="15" spans="1:4" ht="18" customHeight="1" x14ac:dyDescent="0.2">
      <c r="A15" s="14">
        <v>9</v>
      </c>
      <c r="B15" s="15">
        <v>21</v>
      </c>
      <c r="C15" s="16">
        <v>24</v>
      </c>
      <c r="D15" s="17">
        <v>45</v>
      </c>
    </row>
    <row r="16" spans="1:4" ht="18" customHeight="1" x14ac:dyDescent="0.2">
      <c r="A16" s="18" t="s">
        <v>67</v>
      </c>
      <c r="B16" s="15">
        <v>132</v>
      </c>
      <c r="C16" s="16">
        <v>131</v>
      </c>
      <c r="D16" s="17">
        <v>263</v>
      </c>
    </row>
    <row r="17" spans="1:4" ht="18" customHeight="1" x14ac:dyDescent="0.2">
      <c r="A17" s="14">
        <v>10</v>
      </c>
      <c r="B17" s="15">
        <v>22</v>
      </c>
      <c r="C17" s="16">
        <v>28</v>
      </c>
      <c r="D17" s="17">
        <v>50</v>
      </c>
    </row>
    <row r="18" spans="1:4" ht="18" customHeight="1" x14ac:dyDescent="0.2">
      <c r="A18" s="14">
        <v>11</v>
      </c>
      <c r="B18" s="15">
        <v>19</v>
      </c>
      <c r="C18" s="16">
        <v>21</v>
      </c>
      <c r="D18" s="17">
        <v>40</v>
      </c>
    </row>
    <row r="19" spans="1:4" ht="18" customHeight="1" x14ac:dyDescent="0.2">
      <c r="A19" s="14">
        <v>12</v>
      </c>
      <c r="B19" s="15">
        <v>24</v>
      </c>
      <c r="C19" s="16">
        <v>28</v>
      </c>
      <c r="D19" s="17">
        <v>52</v>
      </c>
    </row>
    <row r="20" spans="1:4" ht="18" customHeight="1" x14ac:dyDescent="0.2">
      <c r="A20" s="14">
        <v>13</v>
      </c>
      <c r="B20" s="15">
        <v>26</v>
      </c>
      <c r="C20" s="16">
        <v>18</v>
      </c>
      <c r="D20" s="17">
        <v>44</v>
      </c>
    </row>
    <row r="21" spans="1:4" ht="18" customHeight="1" x14ac:dyDescent="0.2">
      <c r="A21" s="14">
        <v>14</v>
      </c>
      <c r="B21" s="15">
        <v>21</v>
      </c>
      <c r="C21" s="16">
        <v>27</v>
      </c>
      <c r="D21" s="17">
        <v>48</v>
      </c>
    </row>
    <row r="22" spans="1:4" ht="18" customHeight="1" x14ac:dyDescent="0.2">
      <c r="A22" s="18" t="s">
        <v>68</v>
      </c>
      <c r="B22" s="15">
        <v>112</v>
      </c>
      <c r="C22" s="16">
        <v>122</v>
      </c>
      <c r="D22" s="17">
        <v>234</v>
      </c>
    </row>
    <row r="23" spans="1:4" ht="18" customHeight="1" x14ac:dyDescent="0.2">
      <c r="A23" s="18" t="s">
        <v>69</v>
      </c>
      <c r="B23" s="15">
        <v>346</v>
      </c>
      <c r="C23" s="16">
        <v>353</v>
      </c>
      <c r="D23" s="17">
        <v>699</v>
      </c>
    </row>
    <row r="24" spans="1:4" ht="18" customHeight="1" x14ac:dyDescent="0.2">
      <c r="A24" s="14">
        <v>15</v>
      </c>
      <c r="B24" s="15">
        <v>13</v>
      </c>
      <c r="C24" s="16">
        <v>16</v>
      </c>
      <c r="D24" s="17">
        <v>29</v>
      </c>
    </row>
    <row r="25" spans="1:4" ht="18" customHeight="1" x14ac:dyDescent="0.2">
      <c r="A25" s="14">
        <v>16</v>
      </c>
      <c r="B25" s="15">
        <v>28</v>
      </c>
      <c r="C25" s="16">
        <v>21</v>
      </c>
      <c r="D25" s="17">
        <v>49</v>
      </c>
    </row>
    <row r="26" spans="1:4" ht="18" customHeight="1" x14ac:dyDescent="0.2">
      <c r="A26" s="14">
        <v>17</v>
      </c>
      <c r="B26" s="15">
        <v>21</v>
      </c>
      <c r="C26" s="16">
        <v>18</v>
      </c>
      <c r="D26" s="17">
        <v>39</v>
      </c>
    </row>
    <row r="27" spans="1:4" ht="18" customHeight="1" x14ac:dyDescent="0.2">
      <c r="A27" s="14">
        <v>18</v>
      </c>
      <c r="B27" s="15">
        <v>24</v>
      </c>
      <c r="C27" s="16">
        <v>18</v>
      </c>
      <c r="D27" s="17">
        <v>42</v>
      </c>
    </row>
    <row r="28" spans="1:4" ht="18" customHeight="1" x14ac:dyDescent="0.2">
      <c r="A28" s="14">
        <v>19</v>
      </c>
      <c r="B28" s="15">
        <v>16</v>
      </c>
      <c r="C28" s="16">
        <v>22</v>
      </c>
      <c r="D28" s="17">
        <v>38</v>
      </c>
    </row>
    <row r="29" spans="1:4" ht="18" customHeight="1" x14ac:dyDescent="0.2">
      <c r="A29" s="18" t="s">
        <v>70</v>
      </c>
      <c r="B29" s="15">
        <v>102</v>
      </c>
      <c r="C29" s="16">
        <v>95</v>
      </c>
      <c r="D29" s="17">
        <v>197</v>
      </c>
    </row>
    <row r="30" spans="1:4" ht="18" customHeight="1" x14ac:dyDescent="0.2">
      <c r="A30" s="14">
        <v>20</v>
      </c>
      <c r="B30" s="15">
        <v>25</v>
      </c>
      <c r="C30" s="16">
        <v>22</v>
      </c>
      <c r="D30" s="17">
        <v>47</v>
      </c>
    </row>
    <row r="31" spans="1:4" ht="18" customHeight="1" x14ac:dyDescent="0.2">
      <c r="A31" s="14">
        <v>21</v>
      </c>
      <c r="B31" s="15">
        <v>24</v>
      </c>
      <c r="C31" s="16">
        <v>23</v>
      </c>
      <c r="D31" s="17">
        <v>47</v>
      </c>
    </row>
    <row r="32" spans="1:4" ht="18" customHeight="1" x14ac:dyDescent="0.2">
      <c r="A32" s="14">
        <v>22</v>
      </c>
      <c r="B32" s="15">
        <v>19</v>
      </c>
      <c r="C32" s="16">
        <v>19</v>
      </c>
      <c r="D32" s="17">
        <v>38</v>
      </c>
    </row>
    <row r="33" spans="1:4" ht="18" customHeight="1" x14ac:dyDescent="0.2">
      <c r="A33" s="14">
        <v>23</v>
      </c>
      <c r="B33" s="15">
        <v>21</v>
      </c>
      <c r="C33" s="16">
        <v>22</v>
      </c>
      <c r="D33" s="17">
        <v>43</v>
      </c>
    </row>
    <row r="34" spans="1:4" ht="18" customHeight="1" x14ac:dyDescent="0.2">
      <c r="A34" s="14">
        <v>24</v>
      </c>
      <c r="B34" s="15">
        <v>25</v>
      </c>
      <c r="C34" s="16">
        <v>16</v>
      </c>
      <c r="D34" s="17">
        <v>41</v>
      </c>
    </row>
    <row r="35" spans="1:4" ht="18" customHeight="1" x14ac:dyDescent="0.2">
      <c r="A35" s="18" t="s">
        <v>71</v>
      </c>
      <c r="B35" s="15">
        <v>114</v>
      </c>
      <c r="C35" s="16">
        <v>102</v>
      </c>
      <c r="D35" s="17">
        <v>216</v>
      </c>
    </row>
    <row r="36" spans="1:4" ht="18" customHeight="1" x14ac:dyDescent="0.2">
      <c r="A36" s="14">
        <v>25</v>
      </c>
      <c r="B36" s="15">
        <v>24</v>
      </c>
      <c r="C36" s="16">
        <v>24</v>
      </c>
      <c r="D36" s="17">
        <v>48</v>
      </c>
    </row>
    <row r="37" spans="1:4" ht="18" customHeight="1" x14ac:dyDescent="0.2">
      <c r="A37" s="14">
        <v>26</v>
      </c>
      <c r="B37" s="15">
        <v>22</v>
      </c>
      <c r="C37" s="16">
        <v>18</v>
      </c>
      <c r="D37" s="17">
        <v>40</v>
      </c>
    </row>
    <row r="38" spans="1:4" ht="18" customHeight="1" x14ac:dyDescent="0.2">
      <c r="A38" s="14">
        <v>27</v>
      </c>
      <c r="B38" s="15">
        <v>19</v>
      </c>
      <c r="C38" s="16">
        <v>20</v>
      </c>
      <c r="D38" s="17">
        <v>39</v>
      </c>
    </row>
    <row r="39" spans="1:4" ht="18" customHeight="1" x14ac:dyDescent="0.2">
      <c r="A39" s="14">
        <v>28</v>
      </c>
      <c r="B39" s="15">
        <v>31</v>
      </c>
      <c r="C39" s="16">
        <v>31</v>
      </c>
      <c r="D39" s="17">
        <v>62</v>
      </c>
    </row>
    <row r="40" spans="1:4" ht="18" customHeight="1" x14ac:dyDescent="0.2">
      <c r="A40" s="14">
        <v>29</v>
      </c>
      <c r="B40" s="15">
        <v>26</v>
      </c>
      <c r="C40" s="16">
        <v>38</v>
      </c>
      <c r="D40" s="17">
        <v>64</v>
      </c>
    </row>
    <row r="41" spans="1:4" ht="18" customHeight="1" x14ac:dyDescent="0.2">
      <c r="A41" s="18" t="s">
        <v>72</v>
      </c>
      <c r="B41" s="15">
        <v>122</v>
      </c>
      <c r="C41" s="16">
        <v>131</v>
      </c>
      <c r="D41" s="17">
        <v>253</v>
      </c>
    </row>
    <row r="42" spans="1:4" ht="18" customHeight="1" x14ac:dyDescent="0.2">
      <c r="A42" s="14">
        <v>30</v>
      </c>
      <c r="B42" s="15">
        <v>29</v>
      </c>
      <c r="C42" s="16">
        <v>19</v>
      </c>
      <c r="D42" s="17">
        <v>48</v>
      </c>
    </row>
    <row r="43" spans="1:4" ht="18" customHeight="1" x14ac:dyDescent="0.2">
      <c r="A43" s="14">
        <v>31</v>
      </c>
      <c r="B43" s="15">
        <v>21</v>
      </c>
      <c r="C43" s="16">
        <v>25</v>
      </c>
      <c r="D43" s="17">
        <v>46</v>
      </c>
    </row>
    <row r="44" spans="1:4" ht="18" customHeight="1" x14ac:dyDescent="0.2">
      <c r="A44" s="14">
        <v>32</v>
      </c>
      <c r="B44" s="15">
        <v>36</v>
      </c>
      <c r="C44" s="16">
        <v>34</v>
      </c>
      <c r="D44" s="17">
        <v>70</v>
      </c>
    </row>
    <row r="45" spans="1:4" ht="18" customHeight="1" x14ac:dyDescent="0.2">
      <c r="A45" s="14">
        <v>33</v>
      </c>
      <c r="B45" s="15">
        <v>33</v>
      </c>
      <c r="C45" s="16">
        <v>39</v>
      </c>
      <c r="D45" s="17">
        <v>72</v>
      </c>
    </row>
    <row r="46" spans="1:4" ht="18" customHeight="1" x14ac:dyDescent="0.2">
      <c r="A46" s="14">
        <v>34</v>
      </c>
      <c r="B46" s="15">
        <v>30</v>
      </c>
      <c r="C46" s="16">
        <v>39</v>
      </c>
      <c r="D46" s="17">
        <v>69</v>
      </c>
    </row>
    <row r="47" spans="1:4" ht="18" customHeight="1" x14ac:dyDescent="0.2">
      <c r="A47" s="18" t="s">
        <v>73</v>
      </c>
      <c r="B47" s="15">
        <v>149</v>
      </c>
      <c r="C47" s="16">
        <v>156</v>
      </c>
      <c r="D47" s="17">
        <v>305</v>
      </c>
    </row>
    <row r="48" spans="1:4" ht="18" customHeight="1" x14ac:dyDescent="0.2">
      <c r="A48" s="14">
        <v>35</v>
      </c>
      <c r="B48" s="15">
        <v>31</v>
      </c>
      <c r="C48" s="16">
        <v>32</v>
      </c>
      <c r="D48" s="17">
        <v>63</v>
      </c>
    </row>
    <row r="49" spans="1:4" ht="18" customHeight="1" x14ac:dyDescent="0.2">
      <c r="A49" s="14">
        <v>36</v>
      </c>
      <c r="B49" s="15">
        <v>38</v>
      </c>
      <c r="C49" s="16">
        <v>43</v>
      </c>
      <c r="D49" s="17">
        <v>81</v>
      </c>
    </row>
    <row r="50" spans="1:4" ht="18" customHeight="1" x14ac:dyDescent="0.2">
      <c r="A50" s="14">
        <v>37</v>
      </c>
      <c r="B50" s="15">
        <v>33</v>
      </c>
      <c r="C50" s="16">
        <v>36</v>
      </c>
      <c r="D50" s="17">
        <v>69</v>
      </c>
    </row>
    <row r="51" spans="1:4" ht="18" customHeight="1" x14ac:dyDescent="0.2">
      <c r="A51" s="14">
        <v>38</v>
      </c>
      <c r="B51" s="15">
        <v>28</v>
      </c>
      <c r="C51" s="16">
        <v>26</v>
      </c>
      <c r="D51" s="17">
        <v>54</v>
      </c>
    </row>
    <row r="52" spans="1:4" ht="18" customHeight="1" x14ac:dyDescent="0.2">
      <c r="A52" s="14">
        <v>39</v>
      </c>
      <c r="B52" s="15">
        <v>30</v>
      </c>
      <c r="C52" s="16">
        <v>35</v>
      </c>
      <c r="D52" s="17">
        <v>65</v>
      </c>
    </row>
    <row r="53" spans="1:4" ht="18" customHeight="1" x14ac:dyDescent="0.2">
      <c r="A53" s="18" t="s">
        <v>74</v>
      </c>
      <c r="B53" s="15">
        <v>160</v>
      </c>
      <c r="C53" s="16">
        <v>172</v>
      </c>
      <c r="D53" s="17">
        <v>332</v>
      </c>
    </row>
    <row r="54" spans="1:4" ht="18" customHeight="1" x14ac:dyDescent="0.2">
      <c r="A54" s="14">
        <v>40</v>
      </c>
      <c r="B54" s="15">
        <v>30</v>
      </c>
      <c r="C54" s="16">
        <v>40</v>
      </c>
      <c r="D54" s="17">
        <v>70</v>
      </c>
    </row>
    <row r="55" spans="1:4" ht="18" customHeight="1" x14ac:dyDescent="0.2">
      <c r="A55" s="14">
        <v>41</v>
      </c>
      <c r="B55" s="15">
        <v>31</v>
      </c>
      <c r="C55" s="16">
        <v>25</v>
      </c>
      <c r="D55" s="17">
        <v>56</v>
      </c>
    </row>
    <row r="56" spans="1:4" ht="18" customHeight="1" x14ac:dyDescent="0.2">
      <c r="A56" s="14">
        <v>42</v>
      </c>
      <c r="B56" s="15">
        <v>36</v>
      </c>
      <c r="C56" s="16">
        <v>32</v>
      </c>
      <c r="D56" s="17">
        <v>68</v>
      </c>
    </row>
    <row r="57" spans="1:4" ht="18" customHeight="1" x14ac:dyDescent="0.2">
      <c r="A57" s="14">
        <v>43</v>
      </c>
      <c r="B57" s="15">
        <v>27</v>
      </c>
      <c r="C57" s="16">
        <v>30</v>
      </c>
      <c r="D57" s="17">
        <v>57</v>
      </c>
    </row>
    <row r="58" spans="1:4" ht="18" customHeight="1" x14ac:dyDescent="0.2">
      <c r="A58" s="14">
        <v>44</v>
      </c>
      <c r="B58" s="15">
        <v>28</v>
      </c>
      <c r="C58" s="16">
        <v>40</v>
      </c>
      <c r="D58" s="17">
        <v>68</v>
      </c>
    </row>
    <row r="59" spans="1:4" ht="18" customHeight="1" x14ac:dyDescent="0.2">
      <c r="A59" s="18" t="s">
        <v>75</v>
      </c>
      <c r="B59" s="15">
        <v>152</v>
      </c>
      <c r="C59" s="16">
        <v>167</v>
      </c>
      <c r="D59" s="17">
        <v>319</v>
      </c>
    </row>
    <row r="60" spans="1:4" ht="18" customHeight="1" x14ac:dyDescent="0.2">
      <c r="A60" s="14">
        <v>45</v>
      </c>
      <c r="B60" s="15">
        <v>26</v>
      </c>
      <c r="C60" s="16">
        <v>26</v>
      </c>
      <c r="D60" s="17">
        <v>52</v>
      </c>
    </row>
    <row r="61" spans="1:4" ht="18" customHeight="1" x14ac:dyDescent="0.2">
      <c r="A61" s="14">
        <v>46</v>
      </c>
      <c r="B61" s="15">
        <v>38</v>
      </c>
      <c r="C61" s="16">
        <v>23</v>
      </c>
      <c r="D61" s="17">
        <v>61</v>
      </c>
    </row>
    <row r="62" spans="1:4" ht="18" customHeight="1" x14ac:dyDescent="0.2">
      <c r="A62" s="14">
        <v>47</v>
      </c>
      <c r="B62" s="15">
        <v>21</v>
      </c>
      <c r="C62" s="16">
        <v>20</v>
      </c>
      <c r="D62" s="17">
        <v>41</v>
      </c>
    </row>
    <row r="63" spans="1:4" ht="18" customHeight="1" x14ac:dyDescent="0.2">
      <c r="A63" s="14">
        <v>48</v>
      </c>
      <c r="B63" s="15">
        <v>29</v>
      </c>
      <c r="C63" s="16">
        <v>38</v>
      </c>
      <c r="D63" s="17">
        <v>67</v>
      </c>
    </row>
    <row r="64" spans="1:4" ht="18" customHeight="1" x14ac:dyDescent="0.2">
      <c r="A64" s="14">
        <v>49</v>
      </c>
      <c r="B64" s="15">
        <v>30</v>
      </c>
      <c r="C64" s="16">
        <v>17</v>
      </c>
      <c r="D64" s="17">
        <v>47</v>
      </c>
    </row>
    <row r="65" spans="1:4" ht="18" customHeight="1" x14ac:dyDescent="0.2">
      <c r="A65" s="18" t="s">
        <v>76</v>
      </c>
      <c r="B65" s="15">
        <v>144</v>
      </c>
      <c r="C65" s="16">
        <v>124</v>
      </c>
      <c r="D65" s="17">
        <v>268</v>
      </c>
    </row>
    <row r="66" spans="1:4" ht="18" customHeight="1" x14ac:dyDescent="0.2">
      <c r="A66" s="14">
        <v>50</v>
      </c>
      <c r="B66" s="15">
        <v>18</v>
      </c>
      <c r="C66" s="16">
        <v>37</v>
      </c>
      <c r="D66" s="17">
        <v>55</v>
      </c>
    </row>
    <row r="67" spans="1:4" ht="18" customHeight="1" x14ac:dyDescent="0.2">
      <c r="A67" s="14">
        <v>51</v>
      </c>
      <c r="B67" s="15">
        <v>23</v>
      </c>
      <c r="C67" s="16">
        <v>25</v>
      </c>
      <c r="D67" s="17">
        <v>48</v>
      </c>
    </row>
    <row r="68" spans="1:4" ht="18" customHeight="1" x14ac:dyDescent="0.2">
      <c r="A68" s="14">
        <v>52</v>
      </c>
      <c r="B68" s="15">
        <v>25</v>
      </c>
      <c r="C68" s="16">
        <v>21</v>
      </c>
      <c r="D68" s="17">
        <v>46</v>
      </c>
    </row>
    <row r="69" spans="1:4" ht="18" customHeight="1" x14ac:dyDescent="0.2">
      <c r="A69" s="14">
        <v>53</v>
      </c>
      <c r="B69" s="15">
        <v>15</v>
      </c>
      <c r="C69" s="16">
        <v>17</v>
      </c>
      <c r="D69" s="17">
        <v>32</v>
      </c>
    </row>
    <row r="70" spans="1:4" ht="18" customHeight="1" x14ac:dyDescent="0.2">
      <c r="A70" s="14">
        <v>54</v>
      </c>
      <c r="B70" s="15">
        <v>26</v>
      </c>
      <c r="C70" s="16">
        <v>33</v>
      </c>
      <c r="D70" s="17">
        <v>59</v>
      </c>
    </row>
    <row r="71" spans="1:4" ht="18" customHeight="1" x14ac:dyDescent="0.2">
      <c r="A71" s="18" t="s">
        <v>77</v>
      </c>
      <c r="B71" s="15">
        <v>107</v>
      </c>
      <c r="C71" s="16">
        <v>133</v>
      </c>
      <c r="D71" s="17">
        <v>240</v>
      </c>
    </row>
    <row r="72" spans="1:4" ht="18" customHeight="1" x14ac:dyDescent="0.2">
      <c r="A72" s="14">
        <v>55</v>
      </c>
      <c r="B72" s="15">
        <v>30</v>
      </c>
      <c r="C72" s="16">
        <v>26</v>
      </c>
      <c r="D72" s="17">
        <v>56</v>
      </c>
    </row>
    <row r="73" spans="1:4" ht="18" customHeight="1" x14ac:dyDescent="0.2">
      <c r="A73" s="14">
        <v>56</v>
      </c>
      <c r="B73" s="15">
        <v>24</v>
      </c>
      <c r="C73" s="16">
        <v>24</v>
      </c>
      <c r="D73" s="17">
        <v>48</v>
      </c>
    </row>
    <row r="74" spans="1:4" ht="18" customHeight="1" x14ac:dyDescent="0.2">
      <c r="A74" s="14">
        <v>57</v>
      </c>
      <c r="B74" s="15">
        <v>32</v>
      </c>
      <c r="C74" s="16">
        <v>33</v>
      </c>
      <c r="D74" s="17">
        <v>65</v>
      </c>
    </row>
    <row r="75" spans="1:4" ht="18" customHeight="1" x14ac:dyDescent="0.2">
      <c r="A75" s="14">
        <v>58</v>
      </c>
      <c r="B75" s="15">
        <v>26</v>
      </c>
      <c r="C75" s="16">
        <v>33</v>
      </c>
      <c r="D75" s="17">
        <v>59</v>
      </c>
    </row>
    <row r="76" spans="1:4" ht="18" customHeight="1" x14ac:dyDescent="0.2">
      <c r="A76" s="14">
        <v>59</v>
      </c>
      <c r="B76" s="15">
        <v>41</v>
      </c>
      <c r="C76" s="16">
        <v>42</v>
      </c>
      <c r="D76" s="17">
        <v>83</v>
      </c>
    </row>
    <row r="77" spans="1:4" ht="18" customHeight="1" x14ac:dyDescent="0.2">
      <c r="A77" s="18" t="s">
        <v>78</v>
      </c>
      <c r="B77" s="15">
        <v>153</v>
      </c>
      <c r="C77" s="16">
        <v>158</v>
      </c>
      <c r="D77" s="17">
        <v>311</v>
      </c>
    </row>
    <row r="78" spans="1:4" ht="18" customHeight="1" x14ac:dyDescent="0.2">
      <c r="A78" s="14">
        <v>60</v>
      </c>
      <c r="B78" s="15">
        <v>31</v>
      </c>
      <c r="C78" s="16">
        <v>37</v>
      </c>
      <c r="D78" s="17">
        <v>68</v>
      </c>
    </row>
    <row r="79" spans="1:4" ht="18" customHeight="1" x14ac:dyDescent="0.2">
      <c r="A79" s="14">
        <v>61</v>
      </c>
      <c r="B79" s="15">
        <v>32</v>
      </c>
      <c r="C79" s="16">
        <v>38</v>
      </c>
      <c r="D79" s="17">
        <v>70</v>
      </c>
    </row>
    <row r="80" spans="1:4" ht="18" customHeight="1" x14ac:dyDescent="0.2">
      <c r="A80" s="14">
        <v>62</v>
      </c>
      <c r="B80" s="15">
        <v>25</v>
      </c>
      <c r="C80" s="16">
        <v>37</v>
      </c>
      <c r="D80" s="17">
        <v>62</v>
      </c>
    </row>
    <row r="81" spans="1:4" ht="18" customHeight="1" x14ac:dyDescent="0.2">
      <c r="A81" s="14">
        <v>63</v>
      </c>
      <c r="B81" s="15">
        <v>14</v>
      </c>
      <c r="C81" s="16">
        <v>19</v>
      </c>
      <c r="D81" s="17">
        <v>33</v>
      </c>
    </row>
    <row r="82" spans="1:4" ht="18" customHeight="1" x14ac:dyDescent="0.2">
      <c r="A82" s="14">
        <v>64</v>
      </c>
      <c r="B82" s="15">
        <v>21</v>
      </c>
      <c r="C82" s="16">
        <v>25</v>
      </c>
      <c r="D82" s="17">
        <v>46</v>
      </c>
    </row>
    <row r="83" spans="1:4" ht="18" customHeight="1" x14ac:dyDescent="0.2">
      <c r="A83" s="18" t="s">
        <v>79</v>
      </c>
      <c r="B83" s="15">
        <v>123</v>
      </c>
      <c r="C83" s="16">
        <v>156</v>
      </c>
      <c r="D83" s="17">
        <v>279</v>
      </c>
    </row>
    <row r="84" spans="1:4" ht="18" customHeight="1" x14ac:dyDescent="0.2">
      <c r="A84" s="18" t="s">
        <v>80</v>
      </c>
      <c r="B84" s="15">
        <v>1326</v>
      </c>
      <c r="C84" s="16">
        <v>1394</v>
      </c>
      <c r="D84" s="17">
        <v>2720</v>
      </c>
    </row>
    <row r="85" spans="1:4" ht="18" customHeight="1" x14ac:dyDescent="0.2">
      <c r="A85" s="14">
        <v>65</v>
      </c>
      <c r="B85" s="15">
        <v>29</v>
      </c>
      <c r="C85" s="16">
        <v>38</v>
      </c>
      <c r="D85" s="17">
        <v>67</v>
      </c>
    </row>
    <row r="86" spans="1:4" ht="18" customHeight="1" x14ac:dyDescent="0.2">
      <c r="A86" s="14">
        <v>66</v>
      </c>
      <c r="B86" s="15">
        <v>25</v>
      </c>
      <c r="C86" s="16">
        <v>37</v>
      </c>
      <c r="D86" s="17">
        <v>62</v>
      </c>
    </row>
    <row r="87" spans="1:4" ht="18" customHeight="1" x14ac:dyDescent="0.2">
      <c r="A87" s="14">
        <v>67</v>
      </c>
      <c r="B87" s="15">
        <v>31</v>
      </c>
      <c r="C87" s="16">
        <v>32</v>
      </c>
      <c r="D87" s="17">
        <v>63</v>
      </c>
    </row>
    <row r="88" spans="1:4" ht="18" customHeight="1" x14ac:dyDescent="0.2">
      <c r="A88" s="14">
        <v>68</v>
      </c>
      <c r="B88" s="15">
        <v>24</v>
      </c>
      <c r="C88" s="16">
        <v>30</v>
      </c>
      <c r="D88" s="17">
        <v>54</v>
      </c>
    </row>
    <row r="89" spans="1:4" ht="18" customHeight="1" x14ac:dyDescent="0.2">
      <c r="A89" s="14">
        <v>69</v>
      </c>
      <c r="B89" s="15">
        <v>31</v>
      </c>
      <c r="C89" s="16">
        <v>30</v>
      </c>
      <c r="D89" s="17">
        <v>61</v>
      </c>
    </row>
    <row r="90" spans="1:4" ht="18" customHeight="1" x14ac:dyDescent="0.2">
      <c r="A90" s="18" t="s">
        <v>81</v>
      </c>
      <c r="B90" s="15">
        <v>140</v>
      </c>
      <c r="C90" s="16">
        <v>167</v>
      </c>
      <c r="D90" s="17">
        <v>307</v>
      </c>
    </row>
    <row r="91" spans="1:4" ht="18" customHeight="1" x14ac:dyDescent="0.2">
      <c r="A91" s="14">
        <v>70</v>
      </c>
      <c r="B91" s="15">
        <v>18</v>
      </c>
      <c r="C91" s="16">
        <v>22</v>
      </c>
      <c r="D91" s="17">
        <v>40</v>
      </c>
    </row>
    <row r="92" spans="1:4" ht="18" customHeight="1" x14ac:dyDescent="0.2">
      <c r="A92" s="14">
        <v>71</v>
      </c>
      <c r="B92" s="15">
        <v>28</v>
      </c>
      <c r="C92" s="16">
        <v>27</v>
      </c>
      <c r="D92" s="17">
        <v>55</v>
      </c>
    </row>
    <row r="93" spans="1:4" ht="18" customHeight="1" x14ac:dyDescent="0.2">
      <c r="A93" s="14">
        <v>72</v>
      </c>
      <c r="B93" s="15">
        <v>17</v>
      </c>
      <c r="C93" s="16">
        <v>18</v>
      </c>
      <c r="D93" s="17">
        <v>35</v>
      </c>
    </row>
    <row r="94" spans="1:4" ht="18" customHeight="1" x14ac:dyDescent="0.2">
      <c r="A94" s="14">
        <v>73</v>
      </c>
      <c r="B94" s="15">
        <v>19</v>
      </c>
      <c r="C94" s="16">
        <v>31</v>
      </c>
      <c r="D94" s="17">
        <v>50</v>
      </c>
    </row>
    <row r="95" spans="1:4" ht="18" customHeight="1" x14ac:dyDescent="0.2">
      <c r="A95" s="14">
        <v>74</v>
      </c>
      <c r="B95" s="15">
        <v>20</v>
      </c>
      <c r="C95" s="16">
        <v>17</v>
      </c>
      <c r="D95" s="17">
        <v>37</v>
      </c>
    </row>
    <row r="96" spans="1:4" ht="18" customHeight="1" x14ac:dyDescent="0.2">
      <c r="A96" s="18" t="s">
        <v>82</v>
      </c>
      <c r="B96" s="15">
        <v>102</v>
      </c>
      <c r="C96" s="16">
        <v>115</v>
      </c>
      <c r="D96" s="17">
        <v>217</v>
      </c>
    </row>
    <row r="97" spans="1:4" ht="18" customHeight="1" x14ac:dyDescent="0.2">
      <c r="A97" s="14">
        <v>75</v>
      </c>
      <c r="B97" s="15">
        <v>18</v>
      </c>
      <c r="C97" s="16">
        <v>25</v>
      </c>
      <c r="D97" s="17">
        <v>43</v>
      </c>
    </row>
    <row r="98" spans="1:4" ht="18" customHeight="1" x14ac:dyDescent="0.2">
      <c r="A98" s="14">
        <v>76</v>
      </c>
      <c r="B98" s="15">
        <v>15</v>
      </c>
      <c r="C98" s="16">
        <v>29</v>
      </c>
      <c r="D98" s="17">
        <v>44</v>
      </c>
    </row>
    <row r="99" spans="1:4" ht="18" customHeight="1" x14ac:dyDescent="0.2">
      <c r="A99" s="14">
        <v>77</v>
      </c>
      <c r="B99" s="15">
        <v>10</v>
      </c>
      <c r="C99" s="16">
        <v>22</v>
      </c>
      <c r="D99" s="17">
        <v>32</v>
      </c>
    </row>
    <row r="100" spans="1:4" ht="18" customHeight="1" x14ac:dyDescent="0.2">
      <c r="A100" s="14">
        <v>78</v>
      </c>
      <c r="B100" s="15">
        <v>16</v>
      </c>
      <c r="C100" s="16">
        <v>13</v>
      </c>
      <c r="D100" s="17">
        <v>29</v>
      </c>
    </row>
    <row r="101" spans="1:4" ht="18" customHeight="1" x14ac:dyDescent="0.2">
      <c r="A101" s="14">
        <v>79</v>
      </c>
      <c r="B101" s="15">
        <v>9</v>
      </c>
      <c r="C101" s="16">
        <v>17</v>
      </c>
      <c r="D101" s="17">
        <v>26</v>
      </c>
    </row>
    <row r="102" spans="1:4" ht="18" customHeight="1" x14ac:dyDescent="0.2">
      <c r="A102" s="18" t="s">
        <v>83</v>
      </c>
      <c r="B102" s="15">
        <v>68</v>
      </c>
      <c r="C102" s="16">
        <v>106</v>
      </c>
      <c r="D102" s="17">
        <v>174</v>
      </c>
    </row>
    <row r="103" spans="1:4" ht="18" customHeight="1" x14ac:dyDescent="0.2">
      <c r="A103" s="14">
        <v>80</v>
      </c>
      <c r="B103" s="15">
        <v>6</v>
      </c>
      <c r="C103" s="16">
        <v>20</v>
      </c>
      <c r="D103" s="17">
        <v>26</v>
      </c>
    </row>
    <row r="104" spans="1:4" ht="18" customHeight="1" x14ac:dyDescent="0.2">
      <c r="A104" s="14">
        <v>81</v>
      </c>
      <c r="B104" s="15">
        <v>8</v>
      </c>
      <c r="C104" s="16">
        <v>19</v>
      </c>
      <c r="D104" s="17">
        <v>27</v>
      </c>
    </row>
    <row r="105" spans="1:4" ht="18" customHeight="1" x14ac:dyDescent="0.2">
      <c r="A105" s="14">
        <v>82</v>
      </c>
      <c r="B105" s="15">
        <v>4</v>
      </c>
      <c r="C105" s="16">
        <v>11</v>
      </c>
      <c r="D105" s="17">
        <v>15</v>
      </c>
    </row>
    <row r="106" spans="1:4" ht="18" customHeight="1" x14ac:dyDescent="0.2">
      <c r="A106" s="14">
        <v>83</v>
      </c>
      <c r="B106" s="15">
        <v>9</v>
      </c>
      <c r="C106" s="16">
        <v>18</v>
      </c>
      <c r="D106" s="17">
        <v>27</v>
      </c>
    </row>
    <row r="107" spans="1:4" ht="18" customHeight="1" x14ac:dyDescent="0.2">
      <c r="A107" s="14">
        <v>84</v>
      </c>
      <c r="B107" s="15">
        <v>5</v>
      </c>
      <c r="C107" s="16">
        <v>15</v>
      </c>
      <c r="D107" s="17">
        <v>20</v>
      </c>
    </row>
    <row r="108" spans="1:4" ht="18" customHeight="1" x14ac:dyDescent="0.2">
      <c r="A108" s="18" t="s">
        <v>84</v>
      </c>
      <c r="B108" s="15">
        <v>32</v>
      </c>
      <c r="C108" s="16">
        <v>83</v>
      </c>
      <c r="D108" s="17">
        <v>115</v>
      </c>
    </row>
    <row r="109" spans="1:4" ht="18" customHeight="1" x14ac:dyDescent="0.2">
      <c r="A109" s="14">
        <v>85</v>
      </c>
      <c r="B109" s="15">
        <v>2</v>
      </c>
      <c r="C109" s="16">
        <v>17</v>
      </c>
      <c r="D109" s="17">
        <v>19</v>
      </c>
    </row>
    <row r="110" spans="1:4" ht="18" customHeight="1" x14ac:dyDescent="0.2">
      <c r="A110" s="14">
        <v>86</v>
      </c>
      <c r="B110" s="15">
        <v>4</v>
      </c>
      <c r="C110" s="16">
        <v>5</v>
      </c>
      <c r="D110" s="17">
        <v>9</v>
      </c>
    </row>
    <row r="111" spans="1:4" ht="18" customHeight="1" x14ac:dyDescent="0.2">
      <c r="A111" s="14">
        <v>87</v>
      </c>
      <c r="B111" s="15">
        <v>3</v>
      </c>
      <c r="C111" s="16">
        <v>9</v>
      </c>
      <c r="D111" s="17">
        <v>12</v>
      </c>
    </row>
    <row r="112" spans="1:4" ht="18" customHeight="1" x14ac:dyDescent="0.2">
      <c r="A112" s="14">
        <v>88</v>
      </c>
      <c r="B112" s="15">
        <v>5</v>
      </c>
      <c r="C112" s="16">
        <v>10</v>
      </c>
      <c r="D112" s="17">
        <v>15</v>
      </c>
    </row>
    <row r="113" spans="1:4" ht="18" customHeight="1" x14ac:dyDescent="0.2">
      <c r="A113" s="14">
        <v>89</v>
      </c>
      <c r="B113" s="15">
        <v>2</v>
      </c>
      <c r="C113" s="16">
        <v>6</v>
      </c>
      <c r="D113" s="17">
        <v>8</v>
      </c>
    </row>
    <row r="114" spans="1:4" ht="18" customHeight="1" x14ac:dyDescent="0.2">
      <c r="A114" s="18" t="s">
        <v>85</v>
      </c>
      <c r="B114" s="15">
        <v>16</v>
      </c>
      <c r="C114" s="16">
        <v>47</v>
      </c>
      <c r="D114" s="17">
        <v>63</v>
      </c>
    </row>
    <row r="115" spans="1:4" ht="18" customHeight="1" x14ac:dyDescent="0.2">
      <c r="A115" s="14">
        <v>90</v>
      </c>
      <c r="B115" s="15">
        <v>4</v>
      </c>
      <c r="C115" s="16">
        <v>3</v>
      </c>
      <c r="D115" s="17">
        <v>7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2</v>
      </c>
      <c r="C118" s="16">
        <v>0</v>
      </c>
      <c r="D118" s="17">
        <v>2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86</v>
      </c>
      <c r="B120" s="15">
        <v>10</v>
      </c>
      <c r="C120" s="16">
        <v>22</v>
      </c>
      <c r="D120" s="17">
        <v>32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5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370</v>
      </c>
      <c r="C130" s="5">
        <v>548</v>
      </c>
      <c r="D130" s="6">
        <v>918</v>
      </c>
    </row>
    <row r="131" spans="1:4" ht="18" customHeight="1" x14ac:dyDescent="0.2">
      <c r="A131" s="20" t="s">
        <v>65</v>
      </c>
      <c r="B131" s="7">
        <v>2042</v>
      </c>
      <c r="C131" s="8">
        <v>2295</v>
      </c>
      <c r="D131" s="9">
        <v>433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0</v>
      </c>
      <c r="C5" s="12">
        <v>10</v>
      </c>
      <c r="D5" s="13">
        <v>20</v>
      </c>
    </row>
    <row r="6" spans="1:4" ht="18" customHeight="1" x14ac:dyDescent="0.2">
      <c r="A6" s="14">
        <v>1</v>
      </c>
      <c r="B6" s="15">
        <v>9</v>
      </c>
      <c r="C6" s="16">
        <v>12</v>
      </c>
      <c r="D6" s="17">
        <v>21</v>
      </c>
    </row>
    <row r="7" spans="1:4" ht="18" customHeight="1" x14ac:dyDescent="0.2">
      <c r="A7" s="14">
        <v>2</v>
      </c>
      <c r="B7" s="15">
        <v>10</v>
      </c>
      <c r="C7" s="16">
        <v>8</v>
      </c>
      <c r="D7" s="17">
        <v>18</v>
      </c>
    </row>
    <row r="8" spans="1:4" ht="18" customHeight="1" x14ac:dyDescent="0.2">
      <c r="A8" s="14">
        <v>3</v>
      </c>
      <c r="B8" s="15">
        <v>11</v>
      </c>
      <c r="C8" s="16">
        <v>11</v>
      </c>
      <c r="D8" s="17">
        <v>22</v>
      </c>
    </row>
    <row r="9" spans="1:4" ht="18" customHeight="1" x14ac:dyDescent="0.2">
      <c r="A9" s="14">
        <v>4</v>
      </c>
      <c r="B9" s="15">
        <v>13</v>
      </c>
      <c r="C9" s="16">
        <v>12</v>
      </c>
      <c r="D9" s="17">
        <v>25</v>
      </c>
    </row>
    <row r="10" spans="1:4" ht="18" customHeight="1" x14ac:dyDescent="0.2">
      <c r="A10" s="18" t="s">
        <v>66</v>
      </c>
      <c r="B10" s="15">
        <v>53</v>
      </c>
      <c r="C10" s="16">
        <v>53</v>
      </c>
      <c r="D10" s="17">
        <v>106</v>
      </c>
    </row>
    <row r="11" spans="1:4" ht="18" customHeight="1" x14ac:dyDescent="0.2">
      <c r="A11" s="14">
        <v>5</v>
      </c>
      <c r="B11" s="15">
        <v>13</v>
      </c>
      <c r="C11" s="16">
        <v>10</v>
      </c>
      <c r="D11" s="17">
        <v>23</v>
      </c>
    </row>
    <row r="12" spans="1:4" ht="18" customHeight="1" x14ac:dyDescent="0.2">
      <c r="A12" s="14">
        <v>6</v>
      </c>
      <c r="B12" s="15">
        <v>11</v>
      </c>
      <c r="C12" s="16">
        <v>5</v>
      </c>
      <c r="D12" s="17">
        <v>16</v>
      </c>
    </row>
    <row r="13" spans="1:4" ht="18" customHeight="1" x14ac:dyDescent="0.2">
      <c r="A13" s="14">
        <v>7</v>
      </c>
      <c r="B13" s="15">
        <v>20</v>
      </c>
      <c r="C13" s="16">
        <v>12</v>
      </c>
      <c r="D13" s="17">
        <v>32</v>
      </c>
    </row>
    <row r="14" spans="1:4" ht="18" customHeight="1" x14ac:dyDescent="0.2">
      <c r="A14" s="14">
        <v>8</v>
      </c>
      <c r="B14" s="15">
        <v>18</v>
      </c>
      <c r="C14" s="16">
        <v>13</v>
      </c>
      <c r="D14" s="17">
        <v>31</v>
      </c>
    </row>
    <row r="15" spans="1:4" ht="18" customHeight="1" x14ac:dyDescent="0.2">
      <c r="A15" s="14">
        <v>9</v>
      </c>
      <c r="B15" s="15">
        <v>13</v>
      </c>
      <c r="C15" s="16">
        <v>13</v>
      </c>
      <c r="D15" s="17">
        <v>26</v>
      </c>
    </row>
    <row r="16" spans="1:4" ht="18" customHeight="1" x14ac:dyDescent="0.2">
      <c r="A16" s="18" t="s">
        <v>67</v>
      </c>
      <c r="B16" s="15">
        <v>75</v>
      </c>
      <c r="C16" s="16">
        <v>53</v>
      </c>
      <c r="D16" s="17">
        <v>128</v>
      </c>
    </row>
    <row r="17" spans="1:4" ht="18" customHeight="1" x14ac:dyDescent="0.2">
      <c r="A17" s="14">
        <v>10</v>
      </c>
      <c r="B17" s="15">
        <v>13</v>
      </c>
      <c r="C17" s="16">
        <v>16</v>
      </c>
      <c r="D17" s="17">
        <v>29</v>
      </c>
    </row>
    <row r="18" spans="1:4" ht="18" customHeight="1" x14ac:dyDescent="0.2">
      <c r="A18" s="14">
        <v>11</v>
      </c>
      <c r="B18" s="15">
        <v>13</v>
      </c>
      <c r="C18" s="16">
        <v>15</v>
      </c>
      <c r="D18" s="17">
        <v>28</v>
      </c>
    </row>
    <row r="19" spans="1:4" ht="18" customHeight="1" x14ac:dyDescent="0.2">
      <c r="A19" s="14">
        <v>12</v>
      </c>
      <c r="B19" s="15">
        <v>17</v>
      </c>
      <c r="C19" s="16">
        <v>12</v>
      </c>
      <c r="D19" s="17">
        <v>29</v>
      </c>
    </row>
    <row r="20" spans="1:4" ht="18" customHeight="1" x14ac:dyDescent="0.2">
      <c r="A20" s="14">
        <v>13</v>
      </c>
      <c r="B20" s="15">
        <v>21</v>
      </c>
      <c r="C20" s="16">
        <v>14</v>
      </c>
      <c r="D20" s="17">
        <v>35</v>
      </c>
    </row>
    <row r="21" spans="1:4" ht="18" customHeight="1" x14ac:dyDescent="0.2">
      <c r="A21" s="14">
        <v>14</v>
      </c>
      <c r="B21" s="15">
        <v>12</v>
      </c>
      <c r="C21" s="16">
        <v>9</v>
      </c>
      <c r="D21" s="17">
        <v>21</v>
      </c>
    </row>
    <row r="22" spans="1:4" ht="18" customHeight="1" x14ac:dyDescent="0.2">
      <c r="A22" s="18" t="s">
        <v>68</v>
      </c>
      <c r="B22" s="15">
        <v>76</v>
      </c>
      <c r="C22" s="16">
        <v>66</v>
      </c>
      <c r="D22" s="17">
        <v>142</v>
      </c>
    </row>
    <row r="23" spans="1:4" ht="18" customHeight="1" x14ac:dyDescent="0.2">
      <c r="A23" s="18" t="s">
        <v>69</v>
      </c>
      <c r="B23" s="15">
        <v>204</v>
      </c>
      <c r="C23" s="16">
        <v>172</v>
      </c>
      <c r="D23" s="17">
        <v>376</v>
      </c>
    </row>
    <row r="24" spans="1:4" ht="18" customHeight="1" x14ac:dyDescent="0.2">
      <c r="A24" s="14">
        <v>15</v>
      </c>
      <c r="B24" s="15">
        <v>17</v>
      </c>
      <c r="C24" s="16">
        <v>17</v>
      </c>
      <c r="D24" s="17">
        <v>34</v>
      </c>
    </row>
    <row r="25" spans="1:4" ht="18" customHeight="1" x14ac:dyDescent="0.2">
      <c r="A25" s="14">
        <v>16</v>
      </c>
      <c r="B25" s="15">
        <v>16</v>
      </c>
      <c r="C25" s="16">
        <v>12</v>
      </c>
      <c r="D25" s="17">
        <v>28</v>
      </c>
    </row>
    <row r="26" spans="1:4" ht="18" customHeight="1" x14ac:dyDescent="0.2">
      <c r="A26" s="14">
        <v>17</v>
      </c>
      <c r="B26" s="15">
        <v>20</v>
      </c>
      <c r="C26" s="16">
        <v>13</v>
      </c>
      <c r="D26" s="17">
        <v>33</v>
      </c>
    </row>
    <row r="27" spans="1:4" ht="18" customHeight="1" x14ac:dyDescent="0.2">
      <c r="A27" s="14">
        <v>18</v>
      </c>
      <c r="B27" s="15">
        <v>18</v>
      </c>
      <c r="C27" s="16">
        <v>9</v>
      </c>
      <c r="D27" s="17">
        <v>27</v>
      </c>
    </row>
    <row r="28" spans="1:4" ht="18" customHeight="1" x14ac:dyDescent="0.2">
      <c r="A28" s="14">
        <v>19</v>
      </c>
      <c r="B28" s="15">
        <v>10</v>
      </c>
      <c r="C28" s="16">
        <v>22</v>
      </c>
      <c r="D28" s="17">
        <v>32</v>
      </c>
    </row>
    <row r="29" spans="1:4" ht="18" customHeight="1" x14ac:dyDescent="0.2">
      <c r="A29" s="18" t="s">
        <v>70</v>
      </c>
      <c r="B29" s="15">
        <v>81</v>
      </c>
      <c r="C29" s="16">
        <v>73</v>
      </c>
      <c r="D29" s="17">
        <v>154</v>
      </c>
    </row>
    <row r="30" spans="1:4" ht="18" customHeight="1" x14ac:dyDescent="0.2">
      <c r="A30" s="14">
        <v>20</v>
      </c>
      <c r="B30" s="15">
        <v>19</v>
      </c>
      <c r="C30" s="16">
        <v>3</v>
      </c>
      <c r="D30" s="17">
        <v>22</v>
      </c>
    </row>
    <row r="31" spans="1:4" ht="18" customHeight="1" x14ac:dyDescent="0.2">
      <c r="A31" s="14">
        <v>21</v>
      </c>
      <c r="B31" s="15">
        <v>12</v>
      </c>
      <c r="C31" s="16">
        <v>21</v>
      </c>
      <c r="D31" s="17">
        <v>33</v>
      </c>
    </row>
    <row r="32" spans="1:4" ht="18" customHeight="1" x14ac:dyDescent="0.2">
      <c r="A32" s="14">
        <v>22</v>
      </c>
      <c r="B32" s="15">
        <v>11</v>
      </c>
      <c r="C32" s="16">
        <v>14</v>
      </c>
      <c r="D32" s="17">
        <v>25</v>
      </c>
    </row>
    <row r="33" spans="1:4" ht="18" customHeight="1" x14ac:dyDescent="0.2">
      <c r="A33" s="14">
        <v>23</v>
      </c>
      <c r="B33" s="15">
        <v>10</v>
      </c>
      <c r="C33" s="16">
        <v>22</v>
      </c>
      <c r="D33" s="17">
        <v>32</v>
      </c>
    </row>
    <row r="34" spans="1:4" ht="18" customHeight="1" x14ac:dyDescent="0.2">
      <c r="A34" s="14">
        <v>24</v>
      </c>
      <c r="B34" s="15">
        <v>12</v>
      </c>
      <c r="C34" s="16">
        <v>18</v>
      </c>
      <c r="D34" s="17">
        <v>30</v>
      </c>
    </row>
    <row r="35" spans="1:4" ht="18" customHeight="1" x14ac:dyDescent="0.2">
      <c r="A35" s="18" t="s">
        <v>71</v>
      </c>
      <c r="B35" s="15">
        <v>64</v>
      </c>
      <c r="C35" s="16">
        <v>78</v>
      </c>
      <c r="D35" s="17">
        <v>142</v>
      </c>
    </row>
    <row r="36" spans="1:4" ht="18" customHeight="1" x14ac:dyDescent="0.2">
      <c r="A36" s="14">
        <v>25</v>
      </c>
      <c r="B36" s="15">
        <v>20</v>
      </c>
      <c r="C36" s="16">
        <v>16</v>
      </c>
      <c r="D36" s="17">
        <v>36</v>
      </c>
    </row>
    <row r="37" spans="1:4" ht="18" customHeight="1" x14ac:dyDescent="0.2">
      <c r="A37" s="14">
        <v>26</v>
      </c>
      <c r="B37" s="15">
        <v>22</v>
      </c>
      <c r="C37" s="16">
        <v>7</v>
      </c>
      <c r="D37" s="17">
        <v>29</v>
      </c>
    </row>
    <row r="38" spans="1:4" ht="18" customHeight="1" x14ac:dyDescent="0.2">
      <c r="A38" s="14">
        <v>27</v>
      </c>
      <c r="B38" s="15">
        <v>18</v>
      </c>
      <c r="C38" s="16">
        <v>15</v>
      </c>
      <c r="D38" s="17">
        <v>33</v>
      </c>
    </row>
    <row r="39" spans="1:4" ht="18" customHeight="1" x14ac:dyDescent="0.2">
      <c r="A39" s="14">
        <v>28</v>
      </c>
      <c r="B39" s="15">
        <v>15</v>
      </c>
      <c r="C39" s="16">
        <v>14</v>
      </c>
      <c r="D39" s="17">
        <v>29</v>
      </c>
    </row>
    <row r="40" spans="1:4" ht="18" customHeight="1" x14ac:dyDescent="0.2">
      <c r="A40" s="14">
        <v>29</v>
      </c>
      <c r="B40" s="15">
        <v>20</v>
      </c>
      <c r="C40" s="16">
        <v>27</v>
      </c>
      <c r="D40" s="17">
        <v>47</v>
      </c>
    </row>
    <row r="41" spans="1:4" ht="18" customHeight="1" x14ac:dyDescent="0.2">
      <c r="A41" s="18" t="s">
        <v>72</v>
      </c>
      <c r="B41" s="15">
        <v>95</v>
      </c>
      <c r="C41" s="16">
        <v>79</v>
      </c>
      <c r="D41" s="17">
        <v>174</v>
      </c>
    </row>
    <row r="42" spans="1:4" ht="18" customHeight="1" x14ac:dyDescent="0.2">
      <c r="A42" s="14">
        <v>30</v>
      </c>
      <c r="B42" s="15">
        <v>29</v>
      </c>
      <c r="C42" s="16">
        <v>14</v>
      </c>
      <c r="D42" s="17">
        <v>43</v>
      </c>
    </row>
    <row r="43" spans="1:4" ht="18" customHeight="1" x14ac:dyDescent="0.2">
      <c r="A43" s="14">
        <v>31</v>
      </c>
      <c r="B43" s="15">
        <v>23</v>
      </c>
      <c r="C43" s="16">
        <v>17</v>
      </c>
      <c r="D43" s="17">
        <v>40</v>
      </c>
    </row>
    <row r="44" spans="1:4" ht="18" customHeight="1" x14ac:dyDescent="0.2">
      <c r="A44" s="14">
        <v>32</v>
      </c>
      <c r="B44" s="15">
        <v>25</v>
      </c>
      <c r="C44" s="16">
        <v>25</v>
      </c>
      <c r="D44" s="17">
        <v>50</v>
      </c>
    </row>
    <row r="45" spans="1:4" ht="18" customHeight="1" x14ac:dyDescent="0.2">
      <c r="A45" s="14">
        <v>33</v>
      </c>
      <c r="B45" s="15">
        <v>26</v>
      </c>
      <c r="C45" s="16">
        <v>21</v>
      </c>
      <c r="D45" s="17">
        <v>47</v>
      </c>
    </row>
    <row r="46" spans="1:4" ht="18" customHeight="1" x14ac:dyDescent="0.2">
      <c r="A46" s="14">
        <v>34</v>
      </c>
      <c r="B46" s="15">
        <v>34</v>
      </c>
      <c r="C46" s="16">
        <v>22</v>
      </c>
      <c r="D46" s="17">
        <v>56</v>
      </c>
    </row>
    <row r="47" spans="1:4" ht="18" customHeight="1" x14ac:dyDescent="0.2">
      <c r="A47" s="18" t="s">
        <v>73</v>
      </c>
      <c r="B47" s="15">
        <v>137</v>
      </c>
      <c r="C47" s="16">
        <v>99</v>
      </c>
      <c r="D47" s="17">
        <v>236</v>
      </c>
    </row>
    <row r="48" spans="1:4" ht="18" customHeight="1" x14ac:dyDescent="0.2">
      <c r="A48" s="14">
        <v>35</v>
      </c>
      <c r="B48" s="15">
        <v>27</v>
      </c>
      <c r="C48" s="16">
        <v>21</v>
      </c>
      <c r="D48" s="17">
        <v>48</v>
      </c>
    </row>
    <row r="49" spans="1:4" ht="18" customHeight="1" x14ac:dyDescent="0.2">
      <c r="A49" s="14">
        <v>36</v>
      </c>
      <c r="B49" s="15">
        <v>22</v>
      </c>
      <c r="C49" s="16">
        <v>18</v>
      </c>
      <c r="D49" s="17">
        <v>40</v>
      </c>
    </row>
    <row r="50" spans="1:4" ht="18" customHeight="1" x14ac:dyDescent="0.2">
      <c r="A50" s="14">
        <v>37</v>
      </c>
      <c r="B50" s="15">
        <v>21</v>
      </c>
      <c r="C50" s="16">
        <v>24</v>
      </c>
      <c r="D50" s="17">
        <v>45</v>
      </c>
    </row>
    <row r="51" spans="1:4" ht="18" customHeight="1" x14ac:dyDescent="0.2">
      <c r="A51" s="14">
        <v>38</v>
      </c>
      <c r="B51" s="15">
        <v>25</v>
      </c>
      <c r="C51" s="16">
        <v>18</v>
      </c>
      <c r="D51" s="17">
        <v>43</v>
      </c>
    </row>
    <row r="52" spans="1:4" ht="18" customHeight="1" x14ac:dyDescent="0.2">
      <c r="A52" s="14">
        <v>39</v>
      </c>
      <c r="B52" s="15">
        <v>32</v>
      </c>
      <c r="C52" s="16">
        <v>20</v>
      </c>
      <c r="D52" s="17">
        <v>52</v>
      </c>
    </row>
    <row r="53" spans="1:4" ht="18" customHeight="1" x14ac:dyDescent="0.2">
      <c r="A53" s="18" t="s">
        <v>74</v>
      </c>
      <c r="B53" s="15">
        <v>127</v>
      </c>
      <c r="C53" s="16">
        <v>101</v>
      </c>
      <c r="D53" s="17">
        <v>228</v>
      </c>
    </row>
    <row r="54" spans="1:4" ht="18" customHeight="1" x14ac:dyDescent="0.2">
      <c r="A54" s="14">
        <v>40</v>
      </c>
      <c r="B54" s="15">
        <v>23</v>
      </c>
      <c r="C54" s="16">
        <v>13</v>
      </c>
      <c r="D54" s="17">
        <v>36</v>
      </c>
    </row>
    <row r="55" spans="1:4" ht="18" customHeight="1" x14ac:dyDescent="0.2">
      <c r="A55" s="14">
        <v>41</v>
      </c>
      <c r="B55" s="15">
        <v>21</v>
      </c>
      <c r="C55" s="16">
        <v>16</v>
      </c>
      <c r="D55" s="17">
        <v>37</v>
      </c>
    </row>
    <row r="56" spans="1:4" ht="18" customHeight="1" x14ac:dyDescent="0.2">
      <c r="A56" s="14">
        <v>42</v>
      </c>
      <c r="B56" s="15">
        <v>12</v>
      </c>
      <c r="C56" s="16">
        <v>16</v>
      </c>
      <c r="D56" s="17">
        <v>28</v>
      </c>
    </row>
    <row r="57" spans="1:4" ht="18" customHeight="1" x14ac:dyDescent="0.2">
      <c r="A57" s="14">
        <v>43</v>
      </c>
      <c r="B57" s="15">
        <v>22</v>
      </c>
      <c r="C57" s="16">
        <v>21</v>
      </c>
      <c r="D57" s="17">
        <v>43</v>
      </c>
    </row>
    <row r="58" spans="1:4" ht="18" customHeight="1" x14ac:dyDescent="0.2">
      <c r="A58" s="14">
        <v>44</v>
      </c>
      <c r="B58" s="15">
        <v>39</v>
      </c>
      <c r="C58" s="16">
        <v>14</v>
      </c>
      <c r="D58" s="17">
        <v>53</v>
      </c>
    </row>
    <row r="59" spans="1:4" ht="18" customHeight="1" x14ac:dyDescent="0.2">
      <c r="A59" s="18" t="s">
        <v>75</v>
      </c>
      <c r="B59" s="15">
        <v>117</v>
      </c>
      <c r="C59" s="16">
        <v>80</v>
      </c>
      <c r="D59" s="17">
        <v>197</v>
      </c>
    </row>
    <row r="60" spans="1:4" ht="18" customHeight="1" x14ac:dyDescent="0.2">
      <c r="A60" s="14">
        <v>45</v>
      </c>
      <c r="B60" s="15">
        <v>25</v>
      </c>
      <c r="C60" s="16">
        <v>20</v>
      </c>
      <c r="D60" s="17">
        <v>45</v>
      </c>
    </row>
    <row r="61" spans="1:4" ht="18" customHeight="1" x14ac:dyDescent="0.2">
      <c r="A61" s="14">
        <v>46</v>
      </c>
      <c r="B61" s="15">
        <v>24</v>
      </c>
      <c r="C61" s="16">
        <v>21</v>
      </c>
      <c r="D61" s="17">
        <v>45</v>
      </c>
    </row>
    <row r="62" spans="1:4" ht="18" customHeight="1" x14ac:dyDescent="0.2">
      <c r="A62" s="14">
        <v>47</v>
      </c>
      <c r="B62" s="15">
        <v>21</v>
      </c>
      <c r="C62" s="16">
        <v>21</v>
      </c>
      <c r="D62" s="17">
        <v>42</v>
      </c>
    </row>
    <row r="63" spans="1:4" ht="18" customHeight="1" x14ac:dyDescent="0.2">
      <c r="A63" s="14">
        <v>48</v>
      </c>
      <c r="B63" s="15">
        <v>13</v>
      </c>
      <c r="C63" s="16">
        <v>19</v>
      </c>
      <c r="D63" s="17">
        <v>32</v>
      </c>
    </row>
    <row r="64" spans="1:4" ht="18" customHeight="1" x14ac:dyDescent="0.2">
      <c r="A64" s="14">
        <v>49</v>
      </c>
      <c r="B64" s="15">
        <v>19</v>
      </c>
      <c r="C64" s="16">
        <v>24</v>
      </c>
      <c r="D64" s="17">
        <v>43</v>
      </c>
    </row>
    <row r="65" spans="1:4" ht="18" customHeight="1" x14ac:dyDescent="0.2">
      <c r="A65" s="18" t="s">
        <v>76</v>
      </c>
      <c r="B65" s="15">
        <v>102</v>
      </c>
      <c r="C65" s="16">
        <v>105</v>
      </c>
      <c r="D65" s="17">
        <v>207</v>
      </c>
    </row>
    <row r="66" spans="1:4" ht="18" customHeight="1" x14ac:dyDescent="0.2">
      <c r="A66" s="14">
        <v>50</v>
      </c>
      <c r="B66" s="15">
        <v>19</v>
      </c>
      <c r="C66" s="16">
        <v>19</v>
      </c>
      <c r="D66" s="17">
        <v>38</v>
      </c>
    </row>
    <row r="67" spans="1:4" ht="18" customHeight="1" x14ac:dyDescent="0.2">
      <c r="A67" s="14">
        <v>51</v>
      </c>
      <c r="B67" s="15">
        <v>13</v>
      </c>
      <c r="C67" s="16">
        <v>18</v>
      </c>
      <c r="D67" s="17">
        <v>31</v>
      </c>
    </row>
    <row r="68" spans="1:4" ht="18" customHeight="1" x14ac:dyDescent="0.2">
      <c r="A68" s="14">
        <v>52</v>
      </c>
      <c r="B68" s="15">
        <v>18</v>
      </c>
      <c r="C68" s="16">
        <v>19</v>
      </c>
      <c r="D68" s="17">
        <v>37</v>
      </c>
    </row>
    <row r="69" spans="1:4" ht="18" customHeight="1" x14ac:dyDescent="0.2">
      <c r="A69" s="14">
        <v>53</v>
      </c>
      <c r="B69" s="15">
        <v>20</v>
      </c>
      <c r="C69" s="16">
        <v>12</v>
      </c>
      <c r="D69" s="17">
        <v>32</v>
      </c>
    </row>
    <row r="70" spans="1:4" ht="18" customHeight="1" x14ac:dyDescent="0.2">
      <c r="A70" s="14">
        <v>54</v>
      </c>
      <c r="B70" s="15">
        <v>21</v>
      </c>
      <c r="C70" s="16">
        <v>18</v>
      </c>
      <c r="D70" s="17">
        <v>39</v>
      </c>
    </row>
    <row r="71" spans="1:4" ht="18" customHeight="1" x14ac:dyDescent="0.2">
      <c r="A71" s="18" t="s">
        <v>77</v>
      </c>
      <c r="B71" s="15">
        <v>91</v>
      </c>
      <c r="C71" s="16">
        <v>86</v>
      </c>
      <c r="D71" s="17">
        <v>177</v>
      </c>
    </row>
    <row r="72" spans="1:4" ht="18" customHeight="1" x14ac:dyDescent="0.2">
      <c r="A72" s="14">
        <v>55</v>
      </c>
      <c r="B72" s="15">
        <v>16</v>
      </c>
      <c r="C72" s="16">
        <v>31</v>
      </c>
      <c r="D72" s="17">
        <v>47</v>
      </c>
    </row>
    <row r="73" spans="1:4" ht="18" customHeight="1" x14ac:dyDescent="0.2">
      <c r="A73" s="14">
        <v>56</v>
      </c>
      <c r="B73" s="15">
        <v>32</v>
      </c>
      <c r="C73" s="16">
        <v>40</v>
      </c>
      <c r="D73" s="17">
        <v>72</v>
      </c>
    </row>
    <row r="74" spans="1:4" ht="18" customHeight="1" x14ac:dyDescent="0.2">
      <c r="A74" s="14">
        <v>57</v>
      </c>
      <c r="B74" s="15">
        <v>22</v>
      </c>
      <c r="C74" s="16">
        <v>28</v>
      </c>
      <c r="D74" s="17">
        <v>50</v>
      </c>
    </row>
    <row r="75" spans="1:4" ht="18" customHeight="1" x14ac:dyDescent="0.2">
      <c r="A75" s="14">
        <v>58</v>
      </c>
      <c r="B75" s="15">
        <v>29</v>
      </c>
      <c r="C75" s="16">
        <v>41</v>
      </c>
      <c r="D75" s="17">
        <v>70</v>
      </c>
    </row>
    <row r="76" spans="1:4" ht="18" customHeight="1" x14ac:dyDescent="0.2">
      <c r="A76" s="14">
        <v>59</v>
      </c>
      <c r="B76" s="15">
        <v>37</v>
      </c>
      <c r="C76" s="16">
        <v>38</v>
      </c>
      <c r="D76" s="17">
        <v>75</v>
      </c>
    </row>
    <row r="77" spans="1:4" ht="18" customHeight="1" x14ac:dyDescent="0.2">
      <c r="A77" s="18" t="s">
        <v>78</v>
      </c>
      <c r="B77" s="15">
        <v>136</v>
      </c>
      <c r="C77" s="16">
        <v>178</v>
      </c>
      <c r="D77" s="17">
        <v>314</v>
      </c>
    </row>
    <row r="78" spans="1:4" ht="18" customHeight="1" x14ac:dyDescent="0.2">
      <c r="A78" s="14">
        <v>60</v>
      </c>
      <c r="B78" s="15">
        <v>55</v>
      </c>
      <c r="C78" s="16">
        <v>54</v>
      </c>
      <c r="D78" s="17">
        <v>109</v>
      </c>
    </row>
    <row r="79" spans="1:4" ht="18" customHeight="1" x14ac:dyDescent="0.2">
      <c r="A79" s="14">
        <v>61</v>
      </c>
      <c r="B79" s="15">
        <v>53</v>
      </c>
      <c r="C79" s="16">
        <v>38</v>
      </c>
      <c r="D79" s="17">
        <v>91</v>
      </c>
    </row>
    <row r="80" spans="1:4" ht="18" customHeight="1" x14ac:dyDescent="0.2">
      <c r="A80" s="14">
        <v>62</v>
      </c>
      <c r="B80" s="15">
        <v>49</v>
      </c>
      <c r="C80" s="16">
        <v>52</v>
      </c>
      <c r="D80" s="17">
        <v>101</v>
      </c>
    </row>
    <row r="81" spans="1:4" ht="18" customHeight="1" x14ac:dyDescent="0.2">
      <c r="A81" s="14">
        <v>63</v>
      </c>
      <c r="B81" s="15">
        <v>18</v>
      </c>
      <c r="C81" s="16">
        <v>27</v>
      </c>
      <c r="D81" s="17">
        <v>45</v>
      </c>
    </row>
    <row r="82" spans="1:4" ht="18" customHeight="1" x14ac:dyDescent="0.2">
      <c r="A82" s="14">
        <v>64</v>
      </c>
      <c r="B82" s="15">
        <v>31</v>
      </c>
      <c r="C82" s="16">
        <v>43</v>
      </c>
      <c r="D82" s="17">
        <v>74</v>
      </c>
    </row>
    <row r="83" spans="1:4" ht="18" customHeight="1" x14ac:dyDescent="0.2">
      <c r="A83" s="18" t="s">
        <v>79</v>
      </c>
      <c r="B83" s="15">
        <v>206</v>
      </c>
      <c r="C83" s="16">
        <v>214</v>
      </c>
      <c r="D83" s="17">
        <v>420</v>
      </c>
    </row>
    <row r="84" spans="1:4" ht="18" customHeight="1" x14ac:dyDescent="0.2">
      <c r="A84" s="18" t="s">
        <v>80</v>
      </c>
      <c r="B84" s="15">
        <v>1156</v>
      </c>
      <c r="C84" s="16">
        <v>1093</v>
      </c>
      <c r="D84" s="17">
        <v>2249</v>
      </c>
    </row>
    <row r="85" spans="1:4" ht="18" customHeight="1" x14ac:dyDescent="0.2">
      <c r="A85" s="14">
        <v>65</v>
      </c>
      <c r="B85" s="15">
        <v>32</v>
      </c>
      <c r="C85" s="16">
        <v>32</v>
      </c>
      <c r="D85" s="17">
        <v>64</v>
      </c>
    </row>
    <row r="86" spans="1:4" ht="18" customHeight="1" x14ac:dyDescent="0.2">
      <c r="A86" s="14">
        <v>66</v>
      </c>
      <c r="B86" s="15">
        <v>31</v>
      </c>
      <c r="C86" s="16">
        <v>34</v>
      </c>
      <c r="D86" s="17">
        <v>65</v>
      </c>
    </row>
    <row r="87" spans="1:4" ht="18" customHeight="1" x14ac:dyDescent="0.2">
      <c r="A87" s="14">
        <v>67</v>
      </c>
      <c r="B87" s="15">
        <v>30</v>
      </c>
      <c r="C87" s="16">
        <v>44</v>
      </c>
      <c r="D87" s="17">
        <v>74</v>
      </c>
    </row>
    <row r="88" spans="1:4" ht="18" customHeight="1" x14ac:dyDescent="0.2">
      <c r="A88" s="14">
        <v>68</v>
      </c>
      <c r="B88" s="15">
        <v>32</v>
      </c>
      <c r="C88" s="16">
        <v>41</v>
      </c>
      <c r="D88" s="17">
        <v>73</v>
      </c>
    </row>
    <row r="89" spans="1:4" ht="18" customHeight="1" x14ac:dyDescent="0.2">
      <c r="A89" s="14">
        <v>69</v>
      </c>
      <c r="B89" s="15">
        <v>21</v>
      </c>
      <c r="C89" s="16">
        <v>27</v>
      </c>
      <c r="D89" s="17">
        <v>48</v>
      </c>
    </row>
    <row r="90" spans="1:4" ht="18" customHeight="1" x14ac:dyDescent="0.2">
      <c r="A90" s="18" t="s">
        <v>81</v>
      </c>
      <c r="B90" s="15">
        <v>146</v>
      </c>
      <c r="C90" s="16">
        <v>178</v>
      </c>
      <c r="D90" s="17">
        <v>324</v>
      </c>
    </row>
    <row r="91" spans="1:4" ht="18" customHeight="1" x14ac:dyDescent="0.2">
      <c r="A91" s="14">
        <v>70</v>
      </c>
      <c r="B91" s="15">
        <v>23</v>
      </c>
      <c r="C91" s="16">
        <v>35</v>
      </c>
      <c r="D91" s="17">
        <v>58</v>
      </c>
    </row>
    <row r="92" spans="1:4" ht="18" customHeight="1" x14ac:dyDescent="0.2">
      <c r="A92" s="14">
        <v>71</v>
      </c>
      <c r="B92" s="15">
        <v>26</v>
      </c>
      <c r="C92" s="16">
        <v>35</v>
      </c>
      <c r="D92" s="17">
        <v>61</v>
      </c>
    </row>
    <row r="93" spans="1:4" ht="18" customHeight="1" x14ac:dyDescent="0.2">
      <c r="A93" s="14">
        <v>72</v>
      </c>
      <c r="B93" s="15">
        <v>36</v>
      </c>
      <c r="C93" s="16">
        <v>34</v>
      </c>
      <c r="D93" s="17">
        <v>70</v>
      </c>
    </row>
    <row r="94" spans="1:4" ht="18" customHeight="1" x14ac:dyDescent="0.2">
      <c r="A94" s="14">
        <v>73</v>
      </c>
      <c r="B94" s="15">
        <v>38</v>
      </c>
      <c r="C94" s="16">
        <v>42</v>
      </c>
      <c r="D94" s="17">
        <v>80</v>
      </c>
    </row>
    <row r="95" spans="1:4" ht="18" customHeight="1" x14ac:dyDescent="0.2">
      <c r="A95" s="14">
        <v>74</v>
      </c>
      <c r="B95" s="15">
        <v>21</v>
      </c>
      <c r="C95" s="16">
        <v>38</v>
      </c>
      <c r="D95" s="17">
        <v>59</v>
      </c>
    </row>
    <row r="96" spans="1:4" ht="18" customHeight="1" x14ac:dyDescent="0.2">
      <c r="A96" s="18" t="s">
        <v>82</v>
      </c>
      <c r="B96" s="15">
        <v>144</v>
      </c>
      <c r="C96" s="16">
        <v>184</v>
      </c>
      <c r="D96" s="17">
        <v>328</v>
      </c>
    </row>
    <row r="97" spans="1:4" ht="18" customHeight="1" x14ac:dyDescent="0.2">
      <c r="A97" s="14">
        <v>75</v>
      </c>
      <c r="B97" s="15">
        <v>23</v>
      </c>
      <c r="C97" s="16">
        <v>33</v>
      </c>
      <c r="D97" s="17">
        <v>56</v>
      </c>
    </row>
    <row r="98" spans="1:4" ht="18" customHeight="1" x14ac:dyDescent="0.2">
      <c r="A98" s="14">
        <v>76</v>
      </c>
      <c r="B98" s="15">
        <v>21</v>
      </c>
      <c r="C98" s="16">
        <v>32</v>
      </c>
      <c r="D98" s="17">
        <v>53</v>
      </c>
    </row>
    <row r="99" spans="1:4" ht="18" customHeight="1" x14ac:dyDescent="0.2">
      <c r="A99" s="14">
        <v>77</v>
      </c>
      <c r="B99" s="15">
        <v>24</v>
      </c>
      <c r="C99" s="16">
        <v>37</v>
      </c>
      <c r="D99" s="17">
        <v>61</v>
      </c>
    </row>
    <row r="100" spans="1:4" ht="18" customHeight="1" x14ac:dyDescent="0.2">
      <c r="A100" s="14">
        <v>78</v>
      </c>
      <c r="B100" s="15">
        <v>12</v>
      </c>
      <c r="C100" s="16">
        <v>32</v>
      </c>
      <c r="D100" s="17">
        <v>44</v>
      </c>
    </row>
    <row r="101" spans="1:4" ht="18" customHeight="1" x14ac:dyDescent="0.2">
      <c r="A101" s="14">
        <v>79</v>
      </c>
      <c r="B101" s="15">
        <v>16</v>
      </c>
      <c r="C101" s="16">
        <v>33</v>
      </c>
      <c r="D101" s="17">
        <v>49</v>
      </c>
    </row>
    <row r="102" spans="1:4" ht="18" customHeight="1" x14ac:dyDescent="0.2">
      <c r="A102" s="18" t="s">
        <v>83</v>
      </c>
      <c r="B102" s="15">
        <v>96</v>
      </c>
      <c r="C102" s="16">
        <v>167</v>
      </c>
      <c r="D102" s="17">
        <v>263</v>
      </c>
    </row>
    <row r="103" spans="1:4" ht="18" customHeight="1" x14ac:dyDescent="0.2">
      <c r="A103" s="14">
        <v>80</v>
      </c>
      <c r="B103" s="15">
        <v>16</v>
      </c>
      <c r="C103" s="16">
        <v>27</v>
      </c>
      <c r="D103" s="17">
        <v>43</v>
      </c>
    </row>
    <row r="104" spans="1:4" ht="18" customHeight="1" x14ac:dyDescent="0.2">
      <c r="A104" s="14">
        <v>81</v>
      </c>
      <c r="B104" s="15">
        <v>23</v>
      </c>
      <c r="C104" s="16">
        <v>34</v>
      </c>
      <c r="D104" s="17">
        <v>57</v>
      </c>
    </row>
    <row r="105" spans="1:4" ht="18" customHeight="1" x14ac:dyDescent="0.2">
      <c r="A105" s="14">
        <v>82</v>
      </c>
      <c r="B105" s="15">
        <v>11</v>
      </c>
      <c r="C105" s="16">
        <v>32</v>
      </c>
      <c r="D105" s="17">
        <v>43</v>
      </c>
    </row>
    <row r="106" spans="1:4" ht="18" customHeight="1" x14ac:dyDescent="0.2">
      <c r="A106" s="14">
        <v>83</v>
      </c>
      <c r="B106" s="15">
        <v>15</v>
      </c>
      <c r="C106" s="16">
        <v>26</v>
      </c>
      <c r="D106" s="17">
        <v>41</v>
      </c>
    </row>
    <row r="107" spans="1:4" ht="18" customHeight="1" x14ac:dyDescent="0.2">
      <c r="A107" s="14">
        <v>84</v>
      </c>
      <c r="B107" s="15">
        <v>13</v>
      </c>
      <c r="C107" s="16">
        <v>30</v>
      </c>
      <c r="D107" s="17">
        <v>43</v>
      </c>
    </row>
    <row r="108" spans="1:4" ht="18" customHeight="1" x14ac:dyDescent="0.2">
      <c r="A108" s="18" t="s">
        <v>84</v>
      </c>
      <c r="B108" s="15">
        <v>78</v>
      </c>
      <c r="C108" s="16">
        <v>149</v>
      </c>
      <c r="D108" s="17">
        <v>227</v>
      </c>
    </row>
    <row r="109" spans="1:4" ht="18" customHeight="1" x14ac:dyDescent="0.2">
      <c r="A109" s="14">
        <v>85</v>
      </c>
      <c r="B109" s="15">
        <v>14</v>
      </c>
      <c r="C109" s="16">
        <v>25</v>
      </c>
      <c r="D109" s="17">
        <v>39</v>
      </c>
    </row>
    <row r="110" spans="1:4" ht="18" customHeight="1" x14ac:dyDescent="0.2">
      <c r="A110" s="14">
        <v>86</v>
      </c>
      <c r="B110" s="15">
        <v>3</v>
      </c>
      <c r="C110" s="16">
        <v>27</v>
      </c>
      <c r="D110" s="17">
        <v>30</v>
      </c>
    </row>
    <row r="111" spans="1:4" ht="18" customHeight="1" x14ac:dyDescent="0.2">
      <c r="A111" s="14">
        <v>87</v>
      </c>
      <c r="B111" s="15">
        <v>9</v>
      </c>
      <c r="C111" s="16">
        <v>24</v>
      </c>
      <c r="D111" s="17">
        <v>33</v>
      </c>
    </row>
    <row r="112" spans="1:4" ht="18" customHeight="1" x14ac:dyDescent="0.2">
      <c r="A112" s="14">
        <v>88</v>
      </c>
      <c r="B112" s="15">
        <v>14</v>
      </c>
      <c r="C112" s="16">
        <v>23</v>
      </c>
      <c r="D112" s="17">
        <v>37</v>
      </c>
    </row>
    <row r="113" spans="1:4" ht="18" customHeight="1" x14ac:dyDescent="0.2">
      <c r="A113" s="14">
        <v>89</v>
      </c>
      <c r="B113" s="15">
        <v>11</v>
      </c>
      <c r="C113" s="16">
        <v>18</v>
      </c>
      <c r="D113" s="17">
        <v>29</v>
      </c>
    </row>
    <row r="114" spans="1:4" ht="18" customHeight="1" x14ac:dyDescent="0.2">
      <c r="A114" s="18" t="s">
        <v>85</v>
      </c>
      <c r="B114" s="15">
        <v>51</v>
      </c>
      <c r="C114" s="16">
        <v>117</v>
      </c>
      <c r="D114" s="17">
        <v>168</v>
      </c>
    </row>
    <row r="115" spans="1:4" ht="18" customHeight="1" x14ac:dyDescent="0.2">
      <c r="A115" s="14">
        <v>90</v>
      </c>
      <c r="B115" s="15">
        <v>3</v>
      </c>
      <c r="C115" s="16">
        <v>15</v>
      </c>
      <c r="D115" s="17">
        <v>18</v>
      </c>
    </row>
    <row r="116" spans="1:4" ht="18" customHeight="1" x14ac:dyDescent="0.2">
      <c r="A116" s="14">
        <v>91</v>
      </c>
      <c r="B116" s="15">
        <v>4</v>
      </c>
      <c r="C116" s="16">
        <v>11</v>
      </c>
      <c r="D116" s="17">
        <v>15</v>
      </c>
    </row>
    <row r="117" spans="1:4" ht="18" customHeight="1" x14ac:dyDescent="0.2">
      <c r="A117" s="14">
        <v>92</v>
      </c>
      <c r="B117" s="15">
        <v>4</v>
      </c>
      <c r="C117" s="16">
        <v>6</v>
      </c>
      <c r="D117" s="17">
        <v>10</v>
      </c>
    </row>
    <row r="118" spans="1:4" ht="18" customHeight="1" x14ac:dyDescent="0.2">
      <c r="A118" s="14">
        <v>93</v>
      </c>
      <c r="B118" s="15">
        <v>3</v>
      </c>
      <c r="C118" s="16">
        <v>10</v>
      </c>
      <c r="D118" s="17">
        <v>13</v>
      </c>
    </row>
    <row r="119" spans="1:4" ht="18" customHeight="1" x14ac:dyDescent="0.2">
      <c r="A119" s="14">
        <v>94</v>
      </c>
      <c r="B119" s="15">
        <v>5</v>
      </c>
      <c r="C119" s="16">
        <v>9</v>
      </c>
      <c r="D119" s="17">
        <v>14</v>
      </c>
    </row>
    <row r="120" spans="1:4" ht="18" customHeight="1" x14ac:dyDescent="0.2">
      <c r="A120" s="18" t="s">
        <v>86</v>
      </c>
      <c r="B120" s="15">
        <v>19</v>
      </c>
      <c r="C120" s="16">
        <v>51</v>
      </c>
      <c r="D120" s="17">
        <v>70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3</v>
      </c>
      <c r="C122" s="16">
        <v>5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3</v>
      </c>
      <c r="C126" s="16">
        <v>20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537</v>
      </c>
      <c r="C130" s="5">
        <v>868</v>
      </c>
      <c r="D130" s="6">
        <v>1405</v>
      </c>
    </row>
    <row r="131" spans="1:4" ht="18" customHeight="1" x14ac:dyDescent="0.2">
      <c r="A131" s="20" t="s">
        <v>65</v>
      </c>
      <c r="B131" s="7">
        <v>1897</v>
      </c>
      <c r="C131" s="8">
        <v>2133</v>
      </c>
      <c r="D131" s="9">
        <v>403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9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</v>
      </c>
      <c r="C5" s="12">
        <v>7</v>
      </c>
      <c r="D5" s="13">
        <v>12</v>
      </c>
    </row>
    <row r="6" spans="1:4" ht="18" customHeight="1" x14ac:dyDescent="0.2">
      <c r="A6" s="14">
        <v>1</v>
      </c>
      <c r="B6" s="15">
        <v>5</v>
      </c>
      <c r="C6" s="16">
        <v>10</v>
      </c>
      <c r="D6" s="17">
        <v>15</v>
      </c>
    </row>
    <row r="7" spans="1:4" ht="18" customHeight="1" x14ac:dyDescent="0.2">
      <c r="A7" s="14">
        <v>2</v>
      </c>
      <c r="B7" s="15">
        <v>5</v>
      </c>
      <c r="C7" s="16">
        <v>6</v>
      </c>
      <c r="D7" s="17">
        <v>11</v>
      </c>
    </row>
    <row r="8" spans="1:4" ht="18" customHeight="1" x14ac:dyDescent="0.2">
      <c r="A8" s="14">
        <v>3</v>
      </c>
      <c r="B8" s="15">
        <v>7</v>
      </c>
      <c r="C8" s="16">
        <v>5</v>
      </c>
      <c r="D8" s="17">
        <v>12</v>
      </c>
    </row>
    <row r="9" spans="1:4" ht="18" customHeight="1" x14ac:dyDescent="0.2">
      <c r="A9" s="14">
        <v>4</v>
      </c>
      <c r="B9" s="15">
        <v>2</v>
      </c>
      <c r="C9" s="16">
        <v>3</v>
      </c>
      <c r="D9" s="17">
        <v>5</v>
      </c>
    </row>
    <row r="10" spans="1:4" ht="18" customHeight="1" x14ac:dyDescent="0.2">
      <c r="A10" s="18" t="s">
        <v>66</v>
      </c>
      <c r="B10" s="15">
        <v>24</v>
      </c>
      <c r="C10" s="16">
        <v>31</v>
      </c>
      <c r="D10" s="17">
        <v>55</v>
      </c>
    </row>
    <row r="11" spans="1:4" ht="18" customHeight="1" x14ac:dyDescent="0.2">
      <c r="A11" s="14">
        <v>5</v>
      </c>
      <c r="B11" s="15">
        <v>6</v>
      </c>
      <c r="C11" s="16">
        <v>5</v>
      </c>
      <c r="D11" s="17">
        <v>11</v>
      </c>
    </row>
    <row r="12" spans="1:4" ht="18" customHeight="1" x14ac:dyDescent="0.2">
      <c r="A12" s="14">
        <v>6</v>
      </c>
      <c r="B12" s="15">
        <v>7</v>
      </c>
      <c r="C12" s="16">
        <v>7</v>
      </c>
      <c r="D12" s="17">
        <v>14</v>
      </c>
    </row>
    <row r="13" spans="1:4" ht="18" customHeight="1" x14ac:dyDescent="0.2">
      <c r="A13" s="14">
        <v>7</v>
      </c>
      <c r="B13" s="15">
        <v>6</v>
      </c>
      <c r="C13" s="16">
        <v>3</v>
      </c>
      <c r="D13" s="17">
        <v>9</v>
      </c>
    </row>
    <row r="14" spans="1:4" ht="18" customHeight="1" x14ac:dyDescent="0.2">
      <c r="A14" s="14">
        <v>8</v>
      </c>
      <c r="B14" s="15">
        <v>5</v>
      </c>
      <c r="C14" s="16">
        <v>5</v>
      </c>
      <c r="D14" s="17">
        <v>10</v>
      </c>
    </row>
    <row r="15" spans="1:4" ht="18" customHeight="1" x14ac:dyDescent="0.2">
      <c r="A15" s="14">
        <v>9</v>
      </c>
      <c r="B15" s="15">
        <v>4</v>
      </c>
      <c r="C15" s="16">
        <v>7</v>
      </c>
      <c r="D15" s="17">
        <v>11</v>
      </c>
    </row>
    <row r="16" spans="1:4" ht="18" customHeight="1" x14ac:dyDescent="0.2">
      <c r="A16" s="18" t="s">
        <v>67</v>
      </c>
      <c r="B16" s="15">
        <v>28</v>
      </c>
      <c r="C16" s="16">
        <v>27</v>
      </c>
      <c r="D16" s="17">
        <v>55</v>
      </c>
    </row>
    <row r="17" spans="1:4" ht="18" customHeight="1" x14ac:dyDescent="0.2">
      <c r="A17" s="14">
        <v>10</v>
      </c>
      <c r="B17" s="15">
        <v>4</v>
      </c>
      <c r="C17" s="16">
        <v>2</v>
      </c>
      <c r="D17" s="17">
        <v>6</v>
      </c>
    </row>
    <row r="18" spans="1:4" ht="18" customHeight="1" x14ac:dyDescent="0.2">
      <c r="A18" s="14">
        <v>11</v>
      </c>
      <c r="B18" s="15">
        <v>4</v>
      </c>
      <c r="C18" s="16">
        <v>1</v>
      </c>
      <c r="D18" s="17">
        <v>5</v>
      </c>
    </row>
    <row r="19" spans="1:4" ht="18" customHeight="1" x14ac:dyDescent="0.2">
      <c r="A19" s="14">
        <v>12</v>
      </c>
      <c r="B19" s="15">
        <v>4</v>
      </c>
      <c r="C19" s="16">
        <v>4</v>
      </c>
      <c r="D19" s="17">
        <v>8</v>
      </c>
    </row>
    <row r="20" spans="1:4" ht="18" customHeight="1" x14ac:dyDescent="0.2">
      <c r="A20" s="14">
        <v>13</v>
      </c>
      <c r="B20" s="15">
        <v>6</v>
      </c>
      <c r="C20" s="16">
        <v>6</v>
      </c>
      <c r="D20" s="17">
        <v>12</v>
      </c>
    </row>
    <row r="21" spans="1:4" ht="18" customHeight="1" x14ac:dyDescent="0.2">
      <c r="A21" s="14">
        <v>14</v>
      </c>
      <c r="B21" s="15">
        <v>8</v>
      </c>
      <c r="C21" s="16">
        <v>4</v>
      </c>
      <c r="D21" s="17">
        <v>12</v>
      </c>
    </row>
    <row r="22" spans="1:4" ht="18" customHeight="1" x14ac:dyDescent="0.2">
      <c r="A22" s="18" t="s">
        <v>68</v>
      </c>
      <c r="B22" s="15">
        <v>26</v>
      </c>
      <c r="C22" s="16">
        <v>17</v>
      </c>
      <c r="D22" s="17">
        <v>43</v>
      </c>
    </row>
    <row r="23" spans="1:4" ht="18" customHeight="1" x14ac:dyDescent="0.2">
      <c r="A23" s="18" t="s">
        <v>69</v>
      </c>
      <c r="B23" s="15">
        <v>78</v>
      </c>
      <c r="C23" s="16">
        <v>75</v>
      </c>
      <c r="D23" s="17">
        <v>153</v>
      </c>
    </row>
    <row r="24" spans="1:4" ht="18" customHeight="1" x14ac:dyDescent="0.2">
      <c r="A24" s="14">
        <v>15</v>
      </c>
      <c r="B24" s="15">
        <v>8</v>
      </c>
      <c r="C24" s="16">
        <v>6</v>
      </c>
      <c r="D24" s="17">
        <v>14</v>
      </c>
    </row>
    <row r="25" spans="1:4" ht="18" customHeight="1" x14ac:dyDescent="0.2">
      <c r="A25" s="14">
        <v>16</v>
      </c>
      <c r="B25" s="15">
        <v>8</v>
      </c>
      <c r="C25" s="16">
        <v>5</v>
      </c>
      <c r="D25" s="17">
        <v>13</v>
      </c>
    </row>
    <row r="26" spans="1:4" ht="18" customHeight="1" x14ac:dyDescent="0.2">
      <c r="A26" s="14">
        <v>17</v>
      </c>
      <c r="B26" s="15">
        <v>8</v>
      </c>
      <c r="C26" s="16">
        <v>4</v>
      </c>
      <c r="D26" s="17">
        <v>12</v>
      </c>
    </row>
    <row r="27" spans="1:4" ht="18" customHeight="1" x14ac:dyDescent="0.2">
      <c r="A27" s="14">
        <v>18</v>
      </c>
      <c r="B27" s="15">
        <v>4</v>
      </c>
      <c r="C27" s="16">
        <v>8</v>
      </c>
      <c r="D27" s="17">
        <v>12</v>
      </c>
    </row>
    <row r="28" spans="1:4" ht="18" customHeight="1" x14ac:dyDescent="0.2">
      <c r="A28" s="14">
        <v>19</v>
      </c>
      <c r="B28" s="15">
        <v>5</v>
      </c>
      <c r="C28" s="16">
        <v>7</v>
      </c>
      <c r="D28" s="17">
        <v>12</v>
      </c>
    </row>
    <row r="29" spans="1:4" ht="18" customHeight="1" x14ac:dyDescent="0.2">
      <c r="A29" s="18" t="s">
        <v>70</v>
      </c>
      <c r="B29" s="15">
        <v>33</v>
      </c>
      <c r="C29" s="16">
        <v>30</v>
      </c>
      <c r="D29" s="17">
        <v>63</v>
      </c>
    </row>
    <row r="30" spans="1:4" ht="18" customHeight="1" x14ac:dyDescent="0.2">
      <c r="A30" s="14">
        <v>20</v>
      </c>
      <c r="B30" s="15">
        <v>10</v>
      </c>
      <c r="C30" s="16">
        <v>7</v>
      </c>
      <c r="D30" s="17">
        <v>17</v>
      </c>
    </row>
    <row r="31" spans="1:4" ht="18" customHeight="1" x14ac:dyDescent="0.2">
      <c r="A31" s="14">
        <v>21</v>
      </c>
      <c r="B31" s="15">
        <v>10</v>
      </c>
      <c r="C31" s="16">
        <v>5</v>
      </c>
      <c r="D31" s="17">
        <v>15</v>
      </c>
    </row>
    <row r="32" spans="1:4" ht="18" customHeight="1" x14ac:dyDescent="0.2">
      <c r="A32" s="14">
        <v>22</v>
      </c>
      <c r="B32" s="15">
        <v>10</v>
      </c>
      <c r="C32" s="16">
        <v>8</v>
      </c>
      <c r="D32" s="17">
        <v>18</v>
      </c>
    </row>
    <row r="33" spans="1:4" ht="18" customHeight="1" x14ac:dyDescent="0.2">
      <c r="A33" s="14">
        <v>23</v>
      </c>
      <c r="B33" s="15">
        <v>8</v>
      </c>
      <c r="C33" s="16">
        <v>10</v>
      </c>
      <c r="D33" s="17">
        <v>18</v>
      </c>
    </row>
    <row r="34" spans="1:4" ht="18" customHeight="1" x14ac:dyDescent="0.2">
      <c r="A34" s="14">
        <v>24</v>
      </c>
      <c r="B34" s="15">
        <v>8</v>
      </c>
      <c r="C34" s="16">
        <v>4</v>
      </c>
      <c r="D34" s="17">
        <v>12</v>
      </c>
    </row>
    <row r="35" spans="1:4" ht="18" customHeight="1" x14ac:dyDescent="0.2">
      <c r="A35" s="18" t="s">
        <v>71</v>
      </c>
      <c r="B35" s="15">
        <v>46</v>
      </c>
      <c r="C35" s="16">
        <v>34</v>
      </c>
      <c r="D35" s="17">
        <v>80</v>
      </c>
    </row>
    <row r="36" spans="1:4" ht="18" customHeight="1" x14ac:dyDescent="0.2">
      <c r="A36" s="14">
        <v>25</v>
      </c>
      <c r="B36" s="15">
        <v>17</v>
      </c>
      <c r="C36" s="16">
        <v>10</v>
      </c>
      <c r="D36" s="17">
        <v>27</v>
      </c>
    </row>
    <row r="37" spans="1:4" ht="18" customHeight="1" x14ac:dyDescent="0.2">
      <c r="A37" s="14">
        <v>26</v>
      </c>
      <c r="B37" s="15">
        <v>5</v>
      </c>
      <c r="C37" s="16">
        <v>6</v>
      </c>
      <c r="D37" s="17">
        <v>11</v>
      </c>
    </row>
    <row r="38" spans="1:4" ht="18" customHeight="1" x14ac:dyDescent="0.2">
      <c r="A38" s="14">
        <v>27</v>
      </c>
      <c r="B38" s="15">
        <v>14</v>
      </c>
      <c r="C38" s="16">
        <v>8</v>
      </c>
      <c r="D38" s="17">
        <v>22</v>
      </c>
    </row>
    <row r="39" spans="1:4" ht="18" customHeight="1" x14ac:dyDescent="0.2">
      <c r="A39" s="14">
        <v>28</v>
      </c>
      <c r="B39" s="15">
        <v>5</v>
      </c>
      <c r="C39" s="16">
        <v>12</v>
      </c>
      <c r="D39" s="17">
        <v>17</v>
      </c>
    </row>
    <row r="40" spans="1:4" ht="18" customHeight="1" x14ac:dyDescent="0.2">
      <c r="A40" s="14">
        <v>29</v>
      </c>
      <c r="B40" s="15">
        <v>6</v>
      </c>
      <c r="C40" s="16">
        <v>9</v>
      </c>
      <c r="D40" s="17">
        <v>15</v>
      </c>
    </row>
    <row r="41" spans="1:4" ht="18" customHeight="1" x14ac:dyDescent="0.2">
      <c r="A41" s="18" t="s">
        <v>72</v>
      </c>
      <c r="B41" s="15">
        <v>47</v>
      </c>
      <c r="C41" s="16">
        <v>45</v>
      </c>
      <c r="D41" s="17">
        <v>92</v>
      </c>
    </row>
    <row r="42" spans="1:4" ht="18" customHeight="1" x14ac:dyDescent="0.2">
      <c r="A42" s="14">
        <v>30</v>
      </c>
      <c r="B42" s="15">
        <v>5</v>
      </c>
      <c r="C42" s="16">
        <v>7</v>
      </c>
      <c r="D42" s="17">
        <v>12</v>
      </c>
    </row>
    <row r="43" spans="1:4" ht="18" customHeight="1" x14ac:dyDescent="0.2">
      <c r="A43" s="14">
        <v>31</v>
      </c>
      <c r="B43" s="15">
        <v>11</v>
      </c>
      <c r="C43" s="16">
        <v>13</v>
      </c>
      <c r="D43" s="17">
        <v>24</v>
      </c>
    </row>
    <row r="44" spans="1:4" ht="18" customHeight="1" x14ac:dyDescent="0.2">
      <c r="A44" s="14">
        <v>32</v>
      </c>
      <c r="B44" s="15">
        <v>12</v>
      </c>
      <c r="C44" s="16">
        <v>7</v>
      </c>
      <c r="D44" s="17">
        <v>19</v>
      </c>
    </row>
    <row r="45" spans="1:4" ht="18" customHeight="1" x14ac:dyDescent="0.2">
      <c r="A45" s="14">
        <v>33</v>
      </c>
      <c r="B45" s="15">
        <v>12</v>
      </c>
      <c r="C45" s="16">
        <v>8</v>
      </c>
      <c r="D45" s="17">
        <v>20</v>
      </c>
    </row>
    <row r="46" spans="1:4" ht="18" customHeight="1" x14ac:dyDescent="0.2">
      <c r="A46" s="14">
        <v>34</v>
      </c>
      <c r="B46" s="15">
        <v>11</v>
      </c>
      <c r="C46" s="16">
        <v>16</v>
      </c>
      <c r="D46" s="17">
        <v>27</v>
      </c>
    </row>
    <row r="47" spans="1:4" ht="18" customHeight="1" x14ac:dyDescent="0.2">
      <c r="A47" s="18" t="s">
        <v>73</v>
      </c>
      <c r="B47" s="15">
        <v>51</v>
      </c>
      <c r="C47" s="16">
        <v>51</v>
      </c>
      <c r="D47" s="17">
        <v>102</v>
      </c>
    </row>
    <row r="48" spans="1:4" ht="18" customHeight="1" x14ac:dyDescent="0.2">
      <c r="A48" s="14">
        <v>35</v>
      </c>
      <c r="B48" s="15">
        <v>7</v>
      </c>
      <c r="C48" s="16">
        <v>12</v>
      </c>
      <c r="D48" s="17">
        <v>19</v>
      </c>
    </row>
    <row r="49" spans="1:4" ht="18" customHeight="1" x14ac:dyDescent="0.2">
      <c r="A49" s="14">
        <v>36</v>
      </c>
      <c r="B49" s="15">
        <v>13</v>
      </c>
      <c r="C49" s="16">
        <v>14</v>
      </c>
      <c r="D49" s="17">
        <v>27</v>
      </c>
    </row>
    <row r="50" spans="1:4" ht="18" customHeight="1" x14ac:dyDescent="0.2">
      <c r="A50" s="14">
        <v>37</v>
      </c>
      <c r="B50" s="15">
        <v>16</v>
      </c>
      <c r="C50" s="16">
        <v>9</v>
      </c>
      <c r="D50" s="17">
        <v>25</v>
      </c>
    </row>
    <row r="51" spans="1:4" ht="18" customHeight="1" x14ac:dyDescent="0.2">
      <c r="A51" s="14">
        <v>38</v>
      </c>
      <c r="B51" s="15">
        <v>12</v>
      </c>
      <c r="C51" s="16">
        <v>12</v>
      </c>
      <c r="D51" s="17">
        <v>24</v>
      </c>
    </row>
    <row r="52" spans="1:4" ht="18" customHeight="1" x14ac:dyDescent="0.2">
      <c r="A52" s="14">
        <v>39</v>
      </c>
      <c r="B52" s="15">
        <v>16</v>
      </c>
      <c r="C52" s="16">
        <v>11</v>
      </c>
      <c r="D52" s="17">
        <v>27</v>
      </c>
    </row>
    <row r="53" spans="1:4" ht="18" customHeight="1" x14ac:dyDescent="0.2">
      <c r="A53" s="18" t="s">
        <v>74</v>
      </c>
      <c r="B53" s="15">
        <v>64</v>
      </c>
      <c r="C53" s="16">
        <v>58</v>
      </c>
      <c r="D53" s="17">
        <v>122</v>
      </c>
    </row>
    <row r="54" spans="1:4" ht="18" customHeight="1" x14ac:dyDescent="0.2">
      <c r="A54" s="14">
        <v>40</v>
      </c>
      <c r="B54" s="15">
        <v>7</v>
      </c>
      <c r="C54" s="16">
        <v>16</v>
      </c>
      <c r="D54" s="17">
        <v>23</v>
      </c>
    </row>
    <row r="55" spans="1:4" ht="18" customHeight="1" x14ac:dyDescent="0.2">
      <c r="A55" s="14">
        <v>41</v>
      </c>
      <c r="B55" s="15">
        <v>14</v>
      </c>
      <c r="C55" s="16">
        <v>10</v>
      </c>
      <c r="D55" s="17">
        <v>24</v>
      </c>
    </row>
    <row r="56" spans="1:4" ht="18" customHeight="1" x14ac:dyDescent="0.2">
      <c r="A56" s="14">
        <v>42</v>
      </c>
      <c r="B56" s="15">
        <v>8</v>
      </c>
      <c r="C56" s="16">
        <v>10</v>
      </c>
      <c r="D56" s="17">
        <v>18</v>
      </c>
    </row>
    <row r="57" spans="1:4" ht="18" customHeight="1" x14ac:dyDescent="0.2">
      <c r="A57" s="14">
        <v>43</v>
      </c>
      <c r="B57" s="15">
        <v>14</v>
      </c>
      <c r="C57" s="16">
        <v>9</v>
      </c>
      <c r="D57" s="17">
        <v>23</v>
      </c>
    </row>
    <row r="58" spans="1:4" ht="18" customHeight="1" x14ac:dyDescent="0.2">
      <c r="A58" s="14">
        <v>44</v>
      </c>
      <c r="B58" s="15">
        <v>10</v>
      </c>
      <c r="C58" s="16">
        <v>8</v>
      </c>
      <c r="D58" s="17">
        <v>18</v>
      </c>
    </row>
    <row r="59" spans="1:4" ht="18" customHeight="1" x14ac:dyDescent="0.2">
      <c r="A59" s="18" t="s">
        <v>75</v>
      </c>
      <c r="B59" s="15">
        <v>53</v>
      </c>
      <c r="C59" s="16">
        <v>53</v>
      </c>
      <c r="D59" s="17">
        <v>106</v>
      </c>
    </row>
    <row r="60" spans="1:4" ht="18" customHeight="1" x14ac:dyDescent="0.2">
      <c r="A60" s="14">
        <v>45</v>
      </c>
      <c r="B60" s="15">
        <v>12</v>
      </c>
      <c r="C60" s="16">
        <v>16</v>
      </c>
      <c r="D60" s="17">
        <v>28</v>
      </c>
    </row>
    <row r="61" spans="1:4" ht="18" customHeight="1" x14ac:dyDescent="0.2">
      <c r="A61" s="14">
        <v>46</v>
      </c>
      <c r="B61" s="15">
        <v>11</v>
      </c>
      <c r="C61" s="16">
        <v>12</v>
      </c>
      <c r="D61" s="17">
        <v>23</v>
      </c>
    </row>
    <row r="62" spans="1:4" ht="18" customHeight="1" x14ac:dyDescent="0.2">
      <c r="A62" s="14">
        <v>47</v>
      </c>
      <c r="B62" s="15">
        <v>15</v>
      </c>
      <c r="C62" s="16">
        <v>8</v>
      </c>
      <c r="D62" s="17">
        <v>23</v>
      </c>
    </row>
    <row r="63" spans="1:4" ht="18" customHeight="1" x14ac:dyDescent="0.2">
      <c r="A63" s="14">
        <v>48</v>
      </c>
      <c r="B63" s="15">
        <v>14</v>
      </c>
      <c r="C63" s="16">
        <v>16</v>
      </c>
      <c r="D63" s="17">
        <v>30</v>
      </c>
    </row>
    <row r="64" spans="1:4" ht="18" customHeight="1" x14ac:dyDescent="0.2">
      <c r="A64" s="14">
        <v>49</v>
      </c>
      <c r="B64" s="15">
        <v>17</v>
      </c>
      <c r="C64" s="16">
        <v>13</v>
      </c>
      <c r="D64" s="17">
        <v>30</v>
      </c>
    </row>
    <row r="65" spans="1:4" ht="18" customHeight="1" x14ac:dyDescent="0.2">
      <c r="A65" s="18" t="s">
        <v>76</v>
      </c>
      <c r="B65" s="15">
        <v>69</v>
      </c>
      <c r="C65" s="16">
        <v>65</v>
      </c>
      <c r="D65" s="17">
        <v>134</v>
      </c>
    </row>
    <row r="66" spans="1:4" ht="18" customHeight="1" x14ac:dyDescent="0.2">
      <c r="A66" s="14">
        <v>50</v>
      </c>
      <c r="B66" s="15">
        <v>11</v>
      </c>
      <c r="C66" s="16">
        <v>10</v>
      </c>
      <c r="D66" s="17">
        <v>21</v>
      </c>
    </row>
    <row r="67" spans="1:4" ht="18" customHeight="1" x14ac:dyDescent="0.2">
      <c r="A67" s="14">
        <v>51</v>
      </c>
      <c r="B67" s="15">
        <v>8</v>
      </c>
      <c r="C67" s="16">
        <v>14</v>
      </c>
      <c r="D67" s="17">
        <v>22</v>
      </c>
    </row>
    <row r="68" spans="1:4" ht="18" customHeight="1" x14ac:dyDescent="0.2">
      <c r="A68" s="14">
        <v>52</v>
      </c>
      <c r="B68" s="15">
        <v>7</v>
      </c>
      <c r="C68" s="16">
        <v>12</v>
      </c>
      <c r="D68" s="17">
        <v>19</v>
      </c>
    </row>
    <row r="69" spans="1:4" ht="18" customHeight="1" x14ac:dyDescent="0.2">
      <c r="A69" s="14">
        <v>53</v>
      </c>
      <c r="B69" s="15">
        <v>16</v>
      </c>
      <c r="C69" s="16">
        <v>11</v>
      </c>
      <c r="D69" s="17">
        <v>27</v>
      </c>
    </row>
    <row r="70" spans="1:4" ht="18" customHeight="1" x14ac:dyDescent="0.2">
      <c r="A70" s="14">
        <v>54</v>
      </c>
      <c r="B70" s="15">
        <v>16</v>
      </c>
      <c r="C70" s="16">
        <v>11</v>
      </c>
      <c r="D70" s="17">
        <v>27</v>
      </c>
    </row>
    <row r="71" spans="1:4" ht="18" customHeight="1" x14ac:dyDescent="0.2">
      <c r="A71" s="18" t="s">
        <v>77</v>
      </c>
      <c r="B71" s="15">
        <v>58</v>
      </c>
      <c r="C71" s="16">
        <v>58</v>
      </c>
      <c r="D71" s="17">
        <v>116</v>
      </c>
    </row>
    <row r="72" spans="1:4" ht="18" customHeight="1" x14ac:dyDescent="0.2">
      <c r="A72" s="14">
        <v>55</v>
      </c>
      <c r="B72" s="15">
        <v>9</v>
      </c>
      <c r="C72" s="16">
        <v>16</v>
      </c>
      <c r="D72" s="17">
        <v>25</v>
      </c>
    </row>
    <row r="73" spans="1:4" ht="18" customHeight="1" x14ac:dyDescent="0.2">
      <c r="A73" s="14">
        <v>56</v>
      </c>
      <c r="B73" s="15">
        <v>14</v>
      </c>
      <c r="C73" s="16">
        <v>13</v>
      </c>
      <c r="D73" s="17">
        <v>27</v>
      </c>
    </row>
    <row r="74" spans="1:4" ht="18" customHeight="1" x14ac:dyDescent="0.2">
      <c r="A74" s="14">
        <v>57</v>
      </c>
      <c r="B74" s="15">
        <v>15</v>
      </c>
      <c r="C74" s="16">
        <v>17</v>
      </c>
      <c r="D74" s="17">
        <v>32</v>
      </c>
    </row>
    <row r="75" spans="1:4" ht="18" customHeight="1" x14ac:dyDescent="0.2">
      <c r="A75" s="14">
        <v>58</v>
      </c>
      <c r="B75" s="15">
        <v>16</v>
      </c>
      <c r="C75" s="16">
        <v>14</v>
      </c>
      <c r="D75" s="17">
        <v>30</v>
      </c>
    </row>
    <row r="76" spans="1:4" ht="18" customHeight="1" x14ac:dyDescent="0.2">
      <c r="A76" s="14">
        <v>59</v>
      </c>
      <c r="B76" s="15">
        <v>17</v>
      </c>
      <c r="C76" s="16">
        <v>17</v>
      </c>
      <c r="D76" s="17">
        <v>34</v>
      </c>
    </row>
    <row r="77" spans="1:4" ht="18" customHeight="1" x14ac:dyDescent="0.2">
      <c r="A77" s="18" t="s">
        <v>78</v>
      </c>
      <c r="B77" s="15">
        <v>71</v>
      </c>
      <c r="C77" s="16">
        <v>77</v>
      </c>
      <c r="D77" s="17">
        <v>148</v>
      </c>
    </row>
    <row r="78" spans="1:4" ht="18" customHeight="1" x14ac:dyDescent="0.2">
      <c r="A78" s="14">
        <v>60</v>
      </c>
      <c r="B78" s="15">
        <v>21</v>
      </c>
      <c r="C78" s="16">
        <v>20</v>
      </c>
      <c r="D78" s="17">
        <v>41</v>
      </c>
    </row>
    <row r="79" spans="1:4" ht="18" customHeight="1" x14ac:dyDescent="0.2">
      <c r="A79" s="14">
        <v>61</v>
      </c>
      <c r="B79" s="15">
        <v>11</v>
      </c>
      <c r="C79" s="16">
        <v>20</v>
      </c>
      <c r="D79" s="17">
        <v>31</v>
      </c>
    </row>
    <row r="80" spans="1:4" ht="18" customHeight="1" x14ac:dyDescent="0.2">
      <c r="A80" s="14">
        <v>62</v>
      </c>
      <c r="B80" s="15">
        <v>18</v>
      </c>
      <c r="C80" s="16">
        <v>27</v>
      </c>
      <c r="D80" s="17">
        <v>45</v>
      </c>
    </row>
    <row r="81" spans="1:4" ht="18" customHeight="1" x14ac:dyDescent="0.2">
      <c r="A81" s="14">
        <v>63</v>
      </c>
      <c r="B81" s="15">
        <v>11</v>
      </c>
      <c r="C81" s="16">
        <v>9</v>
      </c>
      <c r="D81" s="17">
        <v>20</v>
      </c>
    </row>
    <row r="82" spans="1:4" ht="18" customHeight="1" x14ac:dyDescent="0.2">
      <c r="A82" s="14">
        <v>64</v>
      </c>
      <c r="B82" s="15">
        <v>18</v>
      </c>
      <c r="C82" s="16">
        <v>8</v>
      </c>
      <c r="D82" s="17">
        <v>26</v>
      </c>
    </row>
    <row r="83" spans="1:4" ht="18" customHeight="1" x14ac:dyDescent="0.2">
      <c r="A83" s="18" t="s">
        <v>79</v>
      </c>
      <c r="B83" s="15">
        <v>79</v>
      </c>
      <c r="C83" s="16">
        <v>84</v>
      </c>
      <c r="D83" s="17">
        <v>163</v>
      </c>
    </row>
    <row r="84" spans="1:4" ht="18" customHeight="1" x14ac:dyDescent="0.2">
      <c r="A84" s="18" t="s">
        <v>80</v>
      </c>
      <c r="B84" s="15">
        <v>571</v>
      </c>
      <c r="C84" s="16">
        <v>555</v>
      </c>
      <c r="D84" s="17">
        <v>1126</v>
      </c>
    </row>
    <row r="85" spans="1:4" ht="18" customHeight="1" x14ac:dyDescent="0.2">
      <c r="A85" s="14">
        <v>65</v>
      </c>
      <c r="B85" s="15">
        <v>15</v>
      </c>
      <c r="C85" s="16">
        <v>17</v>
      </c>
      <c r="D85" s="17">
        <v>32</v>
      </c>
    </row>
    <row r="86" spans="1:4" ht="18" customHeight="1" x14ac:dyDescent="0.2">
      <c r="A86" s="14">
        <v>66</v>
      </c>
      <c r="B86" s="15">
        <v>15</v>
      </c>
      <c r="C86" s="16">
        <v>12</v>
      </c>
      <c r="D86" s="17">
        <v>27</v>
      </c>
    </row>
    <row r="87" spans="1:4" ht="18" customHeight="1" x14ac:dyDescent="0.2">
      <c r="A87" s="14">
        <v>67</v>
      </c>
      <c r="B87" s="15">
        <v>17</v>
      </c>
      <c r="C87" s="16">
        <v>25</v>
      </c>
      <c r="D87" s="17">
        <v>42</v>
      </c>
    </row>
    <row r="88" spans="1:4" ht="18" customHeight="1" x14ac:dyDescent="0.2">
      <c r="A88" s="14">
        <v>68</v>
      </c>
      <c r="B88" s="15">
        <v>13</v>
      </c>
      <c r="C88" s="16">
        <v>9</v>
      </c>
      <c r="D88" s="17">
        <v>22</v>
      </c>
    </row>
    <row r="89" spans="1:4" ht="18" customHeight="1" x14ac:dyDescent="0.2">
      <c r="A89" s="14">
        <v>69</v>
      </c>
      <c r="B89" s="15">
        <v>12</v>
      </c>
      <c r="C89" s="16">
        <v>20</v>
      </c>
      <c r="D89" s="17">
        <v>32</v>
      </c>
    </row>
    <row r="90" spans="1:4" ht="18" customHeight="1" x14ac:dyDescent="0.2">
      <c r="A90" s="18" t="s">
        <v>81</v>
      </c>
      <c r="B90" s="15">
        <v>72</v>
      </c>
      <c r="C90" s="16">
        <v>83</v>
      </c>
      <c r="D90" s="17">
        <v>155</v>
      </c>
    </row>
    <row r="91" spans="1:4" ht="18" customHeight="1" x14ac:dyDescent="0.2">
      <c r="A91" s="14">
        <v>70</v>
      </c>
      <c r="B91" s="15">
        <v>5</v>
      </c>
      <c r="C91" s="16">
        <v>5</v>
      </c>
      <c r="D91" s="17">
        <v>10</v>
      </c>
    </row>
    <row r="92" spans="1:4" ht="18" customHeight="1" x14ac:dyDescent="0.2">
      <c r="A92" s="14">
        <v>71</v>
      </c>
      <c r="B92" s="15">
        <v>10</v>
      </c>
      <c r="C92" s="16">
        <v>16</v>
      </c>
      <c r="D92" s="17">
        <v>26</v>
      </c>
    </row>
    <row r="93" spans="1:4" ht="18" customHeight="1" x14ac:dyDescent="0.2">
      <c r="A93" s="14">
        <v>72</v>
      </c>
      <c r="B93" s="15">
        <v>6</v>
      </c>
      <c r="C93" s="16">
        <v>13</v>
      </c>
      <c r="D93" s="17">
        <v>19</v>
      </c>
    </row>
    <row r="94" spans="1:4" ht="18" customHeight="1" x14ac:dyDescent="0.2">
      <c r="A94" s="14">
        <v>73</v>
      </c>
      <c r="B94" s="15">
        <v>11</v>
      </c>
      <c r="C94" s="16">
        <v>22</v>
      </c>
      <c r="D94" s="17">
        <v>33</v>
      </c>
    </row>
    <row r="95" spans="1:4" ht="18" customHeight="1" x14ac:dyDescent="0.2">
      <c r="A95" s="14">
        <v>74</v>
      </c>
      <c r="B95" s="15">
        <v>11</v>
      </c>
      <c r="C95" s="16">
        <v>10</v>
      </c>
      <c r="D95" s="17">
        <v>21</v>
      </c>
    </row>
    <row r="96" spans="1:4" ht="18" customHeight="1" x14ac:dyDescent="0.2">
      <c r="A96" s="18" t="s">
        <v>82</v>
      </c>
      <c r="B96" s="15">
        <v>43</v>
      </c>
      <c r="C96" s="16">
        <v>66</v>
      </c>
      <c r="D96" s="17">
        <v>109</v>
      </c>
    </row>
    <row r="97" spans="1:4" ht="18" customHeight="1" x14ac:dyDescent="0.2">
      <c r="A97" s="14">
        <v>75</v>
      </c>
      <c r="B97" s="15">
        <v>10</v>
      </c>
      <c r="C97" s="16">
        <v>13</v>
      </c>
      <c r="D97" s="17">
        <v>23</v>
      </c>
    </row>
    <row r="98" spans="1:4" ht="18" customHeight="1" x14ac:dyDescent="0.2">
      <c r="A98" s="14">
        <v>76</v>
      </c>
      <c r="B98" s="15">
        <v>14</v>
      </c>
      <c r="C98" s="16">
        <v>15</v>
      </c>
      <c r="D98" s="17">
        <v>29</v>
      </c>
    </row>
    <row r="99" spans="1:4" ht="18" customHeight="1" x14ac:dyDescent="0.2">
      <c r="A99" s="14">
        <v>77</v>
      </c>
      <c r="B99" s="15">
        <v>4</v>
      </c>
      <c r="C99" s="16">
        <v>15</v>
      </c>
      <c r="D99" s="17">
        <v>19</v>
      </c>
    </row>
    <row r="100" spans="1:4" ht="18" customHeight="1" x14ac:dyDescent="0.2">
      <c r="A100" s="14">
        <v>78</v>
      </c>
      <c r="B100" s="15">
        <v>9</v>
      </c>
      <c r="C100" s="16">
        <v>12</v>
      </c>
      <c r="D100" s="17">
        <v>21</v>
      </c>
    </row>
    <row r="101" spans="1:4" ht="18" customHeight="1" x14ac:dyDescent="0.2">
      <c r="A101" s="14">
        <v>79</v>
      </c>
      <c r="B101" s="15">
        <v>5</v>
      </c>
      <c r="C101" s="16">
        <v>13</v>
      </c>
      <c r="D101" s="17">
        <v>18</v>
      </c>
    </row>
    <row r="102" spans="1:4" ht="18" customHeight="1" x14ac:dyDescent="0.2">
      <c r="A102" s="18" t="s">
        <v>83</v>
      </c>
      <c r="B102" s="15">
        <v>42</v>
      </c>
      <c r="C102" s="16">
        <v>68</v>
      </c>
      <c r="D102" s="17">
        <v>110</v>
      </c>
    </row>
    <row r="103" spans="1:4" ht="18" customHeight="1" x14ac:dyDescent="0.2">
      <c r="A103" s="14">
        <v>80</v>
      </c>
      <c r="B103" s="15">
        <v>8</v>
      </c>
      <c r="C103" s="16">
        <v>13</v>
      </c>
      <c r="D103" s="17">
        <v>21</v>
      </c>
    </row>
    <row r="104" spans="1:4" ht="18" customHeight="1" x14ac:dyDescent="0.2">
      <c r="A104" s="14">
        <v>81</v>
      </c>
      <c r="B104" s="15">
        <v>7</v>
      </c>
      <c r="C104" s="16">
        <v>17</v>
      </c>
      <c r="D104" s="17">
        <v>24</v>
      </c>
    </row>
    <row r="105" spans="1:4" ht="18" customHeight="1" x14ac:dyDescent="0.2">
      <c r="A105" s="14">
        <v>82</v>
      </c>
      <c r="B105" s="15">
        <v>8</v>
      </c>
      <c r="C105" s="16">
        <v>9</v>
      </c>
      <c r="D105" s="17">
        <v>17</v>
      </c>
    </row>
    <row r="106" spans="1:4" ht="18" customHeight="1" x14ac:dyDescent="0.2">
      <c r="A106" s="14">
        <v>83</v>
      </c>
      <c r="B106" s="15">
        <v>5</v>
      </c>
      <c r="C106" s="16">
        <v>6</v>
      </c>
      <c r="D106" s="17">
        <v>11</v>
      </c>
    </row>
    <row r="107" spans="1:4" ht="18" customHeight="1" x14ac:dyDescent="0.2">
      <c r="A107" s="14">
        <v>84</v>
      </c>
      <c r="B107" s="15">
        <v>5</v>
      </c>
      <c r="C107" s="16">
        <v>19</v>
      </c>
      <c r="D107" s="17">
        <v>24</v>
      </c>
    </row>
    <row r="108" spans="1:4" ht="18" customHeight="1" x14ac:dyDescent="0.2">
      <c r="A108" s="18" t="s">
        <v>84</v>
      </c>
      <c r="B108" s="15">
        <v>33</v>
      </c>
      <c r="C108" s="16">
        <v>64</v>
      </c>
      <c r="D108" s="17">
        <v>97</v>
      </c>
    </row>
    <row r="109" spans="1:4" ht="18" customHeight="1" x14ac:dyDescent="0.2">
      <c r="A109" s="14">
        <v>85</v>
      </c>
      <c r="B109" s="15">
        <v>8</v>
      </c>
      <c r="C109" s="16">
        <v>15</v>
      </c>
      <c r="D109" s="17">
        <v>23</v>
      </c>
    </row>
    <row r="110" spans="1:4" ht="18" customHeight="1" x14ac:dyDescent="0.2">
      <c r="A110" s="14">
        <v>86</v>
      </c>
      <c r="B110" s="15">
        <v>4</v>
      </c>
      <c r="C110" s="16">
        <v>8</v>
      </c>
      <c r="D110" s="17">
        <v>12</v>
      </c>
    </row>
    <row r="111" spans="1:4" ht="18" customHeight="1" x14ac:dyDescent="0.2">
      <c r="A111" s="14">
        <v>87</v>
      </c>
      <c r="B111" s="15">
        <v>2</v>
      </c>
      <c r="C111" s="16">
        <v>14</v>
      </c>
      <c r="D111" s="17">
        <v>16</v>
      </c>
    </row>
    <row r="112" spans="1:4" ht="18" customHeight="1" x14ac:dyDescent="0.2">
      <c r="A112" s="14">
        <v>88</v>
      </c>
      <c r="B112" s="15">
        <v>2</v>
      </c>
      <c r="C112" s="16">
        <v>7</v>
      </c>
      <c r="D112" s="17">
        <v>9</v>
      </c>
    </row>
    <row r="113" spans="1:4" ht="18" customHeight="1" x14ac:dyDescent="0.2">
      <c r="A113" s="14">
        <v>89</v>
      </c>
      <c r="B113" s="15">
        <v>4</v>
      </c>
      <c r="C113" s="16">
        <v>9</v>
      </c>
      <c r="D113" s="17">
        <v>13</v>
      </c>
    </row>
    <row r="114" spans="1:4" ht="18" customHeight="1" x14ac:dyDescent="0.2">
      <c r="A114" s="18" t="s">
        <v>85</v>
      </c>
      <c r="B114" s="15">
        <v>20</v>
      </c>
      <c r="C114" s="16">
        <v>53</v>
      </c>
      <c r="D114" s="17">
        <v>73</v>
      </c>
    </row>
    <row r="115" spans="1:4" ht="18" customHeight="1" x14ac:dyDescent="0.2">
      <c r="A115" s="14">
        <v>90</v>
      </c>
      <c r="B115" s="15">
        <v>3</v>
      </c>
      <c r="C115" s="16">
        <v>3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4</v>
      </c>
      <c r="D116" s="17">
        <v>4</v>
      </c>
    </row>
    <row r="117" spans="1:4" ht="18" customHeight="1" x14ac:dyDescent="0.2">
      <c r="A117" s="14">
        <v>92</v>
      </c>
      <c r="B117" s="15">
        <v>1</v>
      </c>
      <c r="C117" s="16">
        <v>9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7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86</v>
      </c>
      <c r="B120" s="15">
        <v>4</v>
      </c>
      <c r="C120" s="16">
        <v>25</v>
      </c>
      <c r="D120" s="17">
        <v>29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7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216</v>
      </c>
      <c r="C130" s="5">
        <v>369</v>
      </c>
      <c r="D130" s="6">
        <v>585</v>
      </c>
    </row>
    <row r="131" spans="1:4" ht="18" customHeight="1" x14ac:dyDescent="0.2">
      <c r="A131" s="20" t="s">
        <v>65</v>
      </c>
      <c r="B131" s="7">
        <v>865</v>
      </c>
      <c r="C131" s="8">
        <v>999</v>
      </c>
      <c r="D131" s="9">
        <v>186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3</v>
      </c>
      <c r="C5" s="12">
        <v>25</v>
      </c>
      <c r="D5" s="13">
        <v>58</v>
      </c>
    </row>
    <row r="6" spans="1:4" ht="18" customHeight="1" x14ac:dyDescent="0.2">
      <c r="A6" s="14">
        <v>1</v>
      </c>
      <c r="B6" s="15">
        <v>25</v>
      </c>
      <c r="C6" s="16">
        <v>31</v>
      </c>
      <c r="D6" s="17">
        <v>56</v>
      </c>
    </row>
    <row r="7" spans="1:4" ht="18" customHeight="1" x14ac:dyDescent="0.2">
      <c r="A7" s="14">
        <v>2</v>
      </c>
      <c r="B7" s="15">
        <v>30</v>
      </c>
      <c r="C7" s="16">
        <v>21</v>
      </c>
      <c r="D7" s="17">
        <v>51</v>
      </c>
    </row>
    <row r="8" spans="1:4" ht="18" customHeight="1" x14ac:dyDescent="0.2">
      <c r="A8" s="14">
        <v>3</v>
      </c>
      <c r="B8" s="15">
        <v>28</v>
      </c>
      <c r="C8" s="16">
        <v>21</v>
      </c>
      <c r="D8" s="17">
        <v>49</v>
      </c>
    </row>
    <row r="9" spans="1:4" ht="18" customHeight="1" x14ac:dyDescent="0.2">
      <c r="A9" s="14">
        <v>4</v>
      </c>
      <c r="B9" s="15">
        <v>26</v>
      </c>
      <c r="C9" s="16">
        <v>34</v>
      </c>
      <c r="D9" s="17">
        <v>60</v>
      </c>
    </row>
    <row r="10" spans="1:4" ht="18" customHeight="1" x14ac:dyDescent="0.2">
      <c r="A10" s="18" t="s">
        <v>66</v>
      </c>
      <c r="B10" s="15">
        <v>142</v>
      </c>
      <c r="C10" s="16">
        <v>132</v>
      </c>
      <c r="D10" s="17">
        <v>274</v>
      </c>
    </row>
    <row r="11" spans="1:4" ht="18" customHeight="1" x14ac:dyDescent="0.2">
      <c r="A11" s="14">
        <v>5</v>
      </c>
      <c r="B11" s="15">
        <v>31</v>
      </c>
      <c r="C11" s="16">
        <v>31</v>
      </c>
      <c r="D11" s="17">
        <v>62</v>
      </c>
    </row>
    <row r="12" spans="1:4" ht="18" customHeight="1" x14ac:dyDescent="0.2">
      <c r="A12" s="14">
        <v>6</v>
      </c>
      <c r="B12" s="15">
        <v>23</v>
      </c>
      <c r="C12" s="16">
        <v>24</v>
      </c>
      <c r="D12" s="17">
        <v>47</v>
      </c>
    </row>
    <row r="13" spans="1:4" ht="18" customHeight="1" x14ac:dyDescent="0.2">
      <c r="A13" s="14">
        <v>7</v>
      </c>
      <c r="B13" s="15">
        <v>38</v>
      </c>
      <c r="C13" s="16">
        <v>18</v>
      </c>
      <c r="D13" s="17">
        <v>56</v>
      </c>
    </row>
    <row r="14" spans="1:4" ht="18" customHeight="1" x14ac:dyDescent="0.2">
      <c r="A14" s="14">
        <v>8</v>
      </c>
      <c r="B14" s="15">
        <v>31</v>
      </c>
      <c r="C14" s="16">
        <v>28</v>
      </c>
      <c r="D14" s="17">
        <v>59</v>
      </c>
    </row>
    <row r="15" spans="1:4" ht="18" customHeight="1" x14ac:dyDescent="0.2">
      <c r="A15" s="14">
        <v>9</v>
      </c>
      <c r="B15" s="15">
        <v>31</v>
      </c>
      <c r="C15" s="16">
        <v>33</v>
      </c>
      <c r="D15" s="17">
        <v>64</v>
      </c>
    </row>
    <row r="16" spans="1:4" ht="18" customHeight="1" x14ac:dyDescent="0.2">
      <c r="A16" s="18" t="s">
        <v>67</v>
      </c>
      <c r="B16" s="15">
        <v>154</v>
      </c>
      <c r="C16" s="16">
        <v>134</v>
      </c>
      <c r="D16" s="17">
        <v>288</v>
      </c>
    </row>
    <row r="17" spans="1:4" ht="18" customHeight="1" x14ac:dyDescent="0.2">
      <c r="A17" s="14">
        <v>10</v>
      </c>
      <c r="B17" s="15">
        <v>28</v>
      </c>
      <c r="C17" s="16">
        <v>27</v>
      </c>
      <c r="D17" s="17">
        <v>55</v>
      </c>
    </row>
    <row r="18" spans="1:4" ht="18" customHeight="1" x14ac:dyDescent="0.2">
      <c r="A18" s="14">
        <v>11</v>
      </c>
      <c r="B18" s="15">
        <v>30</v>
      </c>
      <c r="C18" s="16">
        <v>28</v>
      </c>
      <c r="D18" s="17">
        <v>58</v>
      </c>
    </row>
    <row r="19" spans="1:4" ht="18" customHeight="1" x14ac:dyDescent="0.2">
      <c r="A19" s="14">
        <v>12</v>
      </c>
      <c r="B19" s="15">
        <v>37</v>
      </c>
      <c r="C19" s="16">
        <v>28</v>
      </c>
      <c r="D19" s="17">
        <v>65</v>
      </c>
    </row>
    <row r="20" spans="1:4" ht="18" customHeight="1" x14ac:dyDescent="0.2">
      <c r="A20" s="14">
        <v>13</v>
      </c>
      <c r="B20" s="15">
        <v>31</v>
      </c>
      <c r="C20" s="16">
        <v>31</v>
      </c>
      <c r="D20" s="17">
        <v>62</v>
      </c>
    </row>
    <row r="21" spans="1:4" ht="18" customHeight="1" x14ac:dyDescent="0.2">
      <c r="A21" s="14">
        <v>14</v>
      </c>
      <c r="B21" s="15">
        <v>32</v>
      </c>
      <c r="C21" s="16">
        <v>31</v>
      </c>
      <c r="D21" s="17">
        <v>63</v>
      </c>
    </row>
    <row r="22" spans="1:4" ht="18" customHeight="1" x14ac:dyDescent="0.2">
      <c r="A22" s="18" t="s">
        <v>68</v>
      </c>
      <c r="B22" s="15">
        <v>158</v>
      </c>
      <c r="C22" s="16">
        <v>145</v>
      </c>
      <c r="D22" s="17">
        <v>303</v>
      </c>
    </row>
    <row r="23" spans="1:4" ht="18" customHeight="1" x14ac:dyDescent="0.2">
      <c r="A23" s="18" t="s">
        <v>69</v>
      </c>
      <c r="B23" s="15">
        <v>454</v>
      </c>
      <c r="C23" s="16">
        <v>411</v>
      </c>
      <c r="D23" s="17">
        <v>865</v>
      </c>
    </row>
    <row r="24" spans="1:4" ht="18" customHeight="1" x14ac:dyDescent="0.2">
      <c r="A24" s="14">
        <v>15</v>
      </c>
      <c r="B24" s="15">
        <v>21</v>
      </c>
      <c r="C24" s="16">
        <v>37</v>
      </c>
      <c r="D24" s="17">
        <v>58</v>
      </c>
    </row>
    <row r="25" spans="1:4" ht="18" customHeight="1" x14ac:dyDescent="0.2">
      <c r="A25" s="14">
        <v>16</v>
      </c>
      <c r="B25" s="15">
        <v>27</v>
      </c>
      <c r="C25" s="16">
        <v>26</v>
      </c>
      <c r="D25" s="17">
        <v>53</v>
      </c>
    </row>
    <row r="26" spans="1:4" ht="18" customHeight="1" x14ac:dyDescent="0.2">
      <c r="A26" s="14">
        <v>17</v>
      </c>
      <c r="B26" s="15">
        <v>24</v>
      </c>
      <c r="C26" s="16">
        <v>36</v>
      </c>
      <c r="D26" s="17">
        <v>60</v>
      </c>
    </row>
    <row r="27" spans="1:4" ht="18" customHeight="1" x14ac:dyDescent="0.2">
      <c r="A27" s="14">
        <v>18</v>
      </c>
      <c r="B27" s="15">
        <v>31</v>
      </c>
      <c r="C27" s="16">
        <v>27</v>
      </c>
      <c r="D27" s="17">
        <v>58</v>
      </c>
    </row>
    <row r="28" spans="1:4" ht="18" customHeight="1" x14ac:dyDescent="0.2">
      <c r="A28" s="14">
        <v>19</v>
      </c>
      <c r="B28" s="15">
        <v>20</v>
      </c>
      <c r="C28" s="16">
        <v>24</v>
      </c>
      <c r="D28" s="17">
        <v>44</v>
      </c>
    </row>
    <row r="29" spans="1:4" ht="18" customHeight="1" x14ac:dyDescent="0.2">
      <c r="A29" s="18" t="s">
        <v>70</v>
      </c>
      <c r="B29" s="15">
        <v>123</v>
      </c>
      <c r="C29" s="16">
        <v>150</v>
      </c>
      <c r="D29" s="17">
        <v>273</v>
      </c>
    </row>
    <row r="30" spans="1:4" ht="18" customHeight="1" x14ac:dyDescent="0.2">
      <c r="A30" s="14">
        <v>20</v>
      </c>
      <c r="B30" s="15">
        <v>29</v>
      </c>
      <c r="C30" s="16">
        <v>25</v>
      </c>
      <c r="D30" s="17">
        <v>54</v>
      </c>
    </row>
    <row r="31" spans="1:4" ht="18" customHeight="1" x14ac:dyDescent="0.2">
      <c r="A31" s="14">
        <v>21</v>
      </c>
      <c r="B31" s="15">
        <v>30</v>
      </c>
      <c r="C31" s="16">
        <v>30</v>
      </c>
      <c r="D31" s="17">
        <v>60</v>
      </c>
    </row>
    <row r="32" spans="1:4" ht="18" customHeight="1" x14ac:dyDescent="0.2">
      <c r="A32" s="14">
        <v>22</v>
      </c>
      <c r="B32" s="15">
        <v>34</v>
      </c>
      <c r="C32" s="16">
        <v>26</v>
      </c>
      <c r="D32" s="17">
        <v>60</v>
      </c>
    </row>
    <row r="33" spans="1:4" ht="18" customHeight="1" x14ac:dyDescent="0.2">
      <c r="A33" s="14">
        <v>23</v>
      </c>
      <c r="B33" s="15">
        <v>40</v>
      </c>
      <c r="C33" s="16">
        <v>26</v>
      </c>
      <c r="D33" s="17">
        <v>66</v>
      </c>
    </row>
    <row r="34" spans="1:4" ht="18" customHeight="1" x14ac:dyDescent="0.2">
      <c r="A34" s="14">
        <v>24</v>
      </c>
      <c r="B34" s="15">
        <v>25</v>
      </c>
      <c r="C34" s="16">
        <v>31</v>
      </c>
      <c r="D34" s="17">
        <v>56</v>
      </c>
    </row>
    <row r="35" spans="1:4" ht="18" customHeight="1" x14ac:dyDescent="0.2">
      <c r="A35" s="18" t="s">
        <v>71</v>
      </c>
      <c r="B35" s="15">
        <v>158</v>
      </c>
      <c r="C35" s="16">
        <v>138</v>
      </c>
      <c r="D35" s="17">
        <v>296</v>
      </c>
    </row>
    <row r="36" spans="1:4" ht="18" customHeight="1" x14ac:dyDescent="0.2">
      <c r="A36" s="14">
        <v>25</v>
      </c>
      <c r="B36" s="15">
        <v>40</v>
      </c>
      <c r="C36" s="16">
        <v>34</v>
      </c>
      <c r="D36" s="17">
        <v>74</v>
      </c>
    </row>
    <row r="37" spans="1:4" ht="18" customHeight="1" x14ac:dyDescent="0.2">
      <c r="A37" s="14">
        <v>26</v>
      </c>
      <c r="B37" s="15">
        <v>29</v>
      </c>
      <c r="C37" s="16">
        <v>25</v>
      </c>
      <c r="D37" s="17">
        <v>54</v>
      </c>
    </row>
    <row r="38" spans="1:4" ht="18" customHeight="1" x14ac:dyDescent="0.2">
      <c r="A38" s="14">
        <v>27</v>
      </c>
      <c r="B38" s="15">
        <v>37</v>
      </c>
      <c r="C38" s="16">
        <v>31</v>
      </c>
      <c r="D38" s="17">
        <v>68</v>
      </c>
    </row>
    <row r="39" spans="1:4" ht="18" customHeight="1" x14ac:dyDescent="0.2">
      <c r="A39" s="14">
        <v>28</v>
      </c>
      <c r="B39" s="15">
        <v>33</v>
      </c>
      <c r="C39" s="16">
        <v>41</v>
      </c>
      <c r="D39" s="17">
        <v>74</v>
      </c>
    </row>
    <row r="40" spans="1:4" ht="18" customHeight="1" x14ac:dyDescent="0.2">
      <c r="A40" s="14">
        <v>29</v>
      </c>
      <c r="B40" s="15">
        <v>40</v>
      </c>
      <c r="C40" s="16">
        <v>29</v>
      </c>
      <c r="D40" s="17">
        <v>69</v>
      </c>
    </row>
    <row r="41" spans="1:4" ht="18" customHeight="1" x14ac:dyDescent="0.2">
      <c r="A41" s="18" t="s">
        <v>72</v>
      </c>
      <c r="B41" s="15">
        <v>179</v>
      </c>
      <c r="C41" s="16">
        <v>160</v>
      </c>
      <c r="D41" s="17">
        <v>339</v>
      </c>
    </row>
    <row r="42" spans="1:4" ht="18" customHeight="1" x14ac:dyDescent="0.2">
      <c r="A42" s="14">
        <v>30</v>
      </c>
      <c r="B42" s="15">
        <v>30</v>
      </c>
      <c r="C42" s="16">
        <v>31</v>
      </c>
      <c r="D42" s="17">
        <v>61</v>
      </c>
    </row>
    <row r="43" spans="1:4" ht="18" customHeight="1" x14ac:dyDescent="0.2">
      <c r="A43" s="14">
        <v>31</v>
      </c>
      <c r="B43" s="15">
        <v>48</v>
      </c>
      <c r="C43" s="16">
        <v>42</v>
      </c>
      <c r="D43" s="17">
        <v>90</v>
      </c>
    </row>
    <row r="44" spans="1:4" ht="18" customHeight="1" x14ac:dyDescent="0.2">
      <c r="A44" s="14">
        <v>32</v>
      </c>
      <c r="B44" s="15">
        <v>41</v>
      </c>
      <c r="C44" s="16">
        <v>45</v>
      </c>
      <c r="D44" s="17">
        <v>86</v>
      </c>
    </row>
    <row r="45" spans="1:4" ht="18" customHeight="1" x14ac:dyDescent="0.2">
      <c r="A45" s="14">
        <v>33</v>
      </c>
      <c r="B45" s="15">
        <v>46</v>
      </c>
      <c r="C45" s="16">
        <v>52</v>
      </c>
      <c r="D45" s="17">
        <v>98</v>
      </c>
    </row>
    <row r="46" spans="1:4" ht="18" customHeight="1" x14ac:dyDescent="0.2">
      <c r="A46" s="14">
        <v>34</v>
      </c>
      <c r="B46" s="15">
        <v>56</v>
      </c>
      <c r="C46" s="16">
        <v>51</v>
      </c>
      <c r="D46" s="17">
        <v>107</v>
      </c>
    </row>
    <row r="47" spans="1:4" ht="18" customHeight="1" x14ac:dyDescent="0.2">
      <c r="A47" s="18" t="s">
        <v>73</v>
      </c>
      <c r="B47" s="15">
        <v>221</v>
      </c>
      <c r="C47" s="16">
        <v>221</v>
      </c>
      <c r="D47" s="17">
        <v>442</v>
      </c>
    </row>
    <row r="48" spans="1:4" ht="18" customHeight="1" x14ac:dyDescent="0.2">
      <c r="A48" s="14">
        <v>35</v>
      </c>
      <c r="B48" s="15">
        <v>48</v>
      </c>
      <c r="C48" s="16">
        <v>43</v>
      </c>
      <c r="D48" s="17">
        <v>91</v>
      </c>
    </row>
    <row r="49" spans="1:4" ht="18" customHeight="1" x14ac:dyDescent="0.2">
      <c r="A49" s="14">
        <v>36</v>
      </c>
      <c r="B49" s="15">
        <v>55</v>
      </c>
      <c r="C49" s="16">
        <v>59</v>
      </c>
      <c r="D49" s="17">
        <v>114</v>
      </c>
    </row>
    <row r="50" spans="1:4" ht="18" customHeight="1" x14ac:dyDescent="0.2">
      <c r="A50" s="14">
        <v>37</v>
      </c>
      <c r="B50" s="15">
        <v>47</v>
      </c>
      <c r="C50" s="16">
        <v>46</v>
      </c>
      <c r="D50" s="17">
        <v>93</v>
      </c>
    </row>
    <row r="51" spans="1:4" ht="18" customHeight="1" x14ac:dyDescent="0.2">
      <c r="A51" s="14">
        <v>38</v>
      </c>
      <c r="B51" s="15">
        <v>46</v>
      </c>
      <c r="C51" s="16">
        <v>44</v>
      </c>
      <c r="D51" s="17">
        <v>90</v>
      </c>
    </row>
    <row r="52" spans="1:4" ht="18" customHeight="1" x14ac:dyDescent="0.2">
      <c r="A52" s="14">
        <v>39</v>
      </c>
      <c r="B52" s="15">
        <v>52</v>
      </c>
      <c r="C52" s="16">
        <v>37</v>
      </c>
      <c r="D52" s="17">
        <v>89</v>
      </c>
    </row>
    <row r="53" spans="1:4" ht="18" customHeight="1" x14ac:dyDescent="0.2">
      <c r="A53" s="18" t="s">
        <v>74</v>
      </c>
      <c r="B53" s="15">
        <v>248</v>
      </c>
      <c r="C53" s="16">
        <v>229</v>
      </c>
      <c r="D53" s="17">
        <v>477</v>
      </c>
    </row>
    <row r="54" spans="1:4" ht="18" customHeight="1" x14ac:dyDescent="0.2">
      <c r="A54" s="14">
        <v>40</v>
      </c>
      <c r="B54" s="15">
        <v>48</v>
      </c>
      <c r="C54" s="16">
        <v>51</v>
      </c>
      <c r="D54" s="17">
        <v>99</v>
      </c>
    </row>
    <row r="55" spans="1:4" ht="18" customHeight="1" x14ac:dyDescent="0.2">
      <c r="A55" s="14">
        <v>41</v>
      </c>
      <c r="B55" s="15">
        <v>38</v>
      </c>
      <c r="C55" s="16">
        <v>42</v>
      </c>
      <c r="D55" s="17">
        <v>80</v>
      </c>
    </row>
    <row r="56" spans="1:4" ht="18" customHeight="1" x14ac:dyDescent="0.2">
      <c r="A56" s="14">
        <v>42</v>
      </c>
      <c r="B56" s="15">
        <v>43</v>
      </c>
      <c r="C56" s="16">
        <v>46</v>
      </c>
      <c r="D56" s="17">
        <v>89</v>
      </c>
    </row>
    <row r="57" spans="1:4" ht="18" customHeight="1" x14ac:dyDescent="0.2">
      <c r="A57" s="14">
        <v>43</v>
      </c>
      <c r="B57" s="15">
        <v>39</v>
      </c>
      <c r="C57" s="16">
        <v>28</v>
      </c>
      <c r="D57" s="17">
        <v>67</v>
      </c>
    </row>
    <row r="58" spans="1:4" ht="18" customHeight="1" x14ac:dyDescent="0.2">
      <c r="A58" s="14">
        <v>44</v>
      </c>
      <c r="B58" s="15">
        <v>41</v>
      </c>
      <c r="C58" s="16">
        <v>39</v>
      </c>
      <c r="D58" s="17">
        <v>80</v>
      </c>
    </row>
    <row r="59" spans="1:4" ht="18" customHeight="1" x14ac:dyDescent="0.2">
      <c r="A59" s="18" t="s">
        <v>75</v>
      </c>
      <c r="B59" s="15">
        <v>209</v>
      </c>
      <c r="C59" s="16">
        <v>206</v>
      </c>
      <c r="D59" s="17">
        <v>415</v>
      </c>
    </row>
    <row r="60" spans="1:4" ht="18" customHeight="1" x14ac:dyDescent="0.2">
      <c r="A60" s="14">
        <v>45</v>
      </c>
      <c r="B60" s="15">
        <v>44</v>
      </c>
      <c r="C60" s="16">
        <v>47</v>
      </c>
      <c r="D60" s="17">
        <v>91</v>
      </c>
    </row>
    <row r="61" spans="1:4" ht="18" customHeight="1" x14ac:dyDescent="0.2">
      <c r="A61" s="14">
        <v>46</v>
      </c>
      <c r="B61" s="15">
        <v>35</v>
      </c>
      <c r="C61" s="16">
        <v>36</v>
      </c>
      <c r="D61" s="17">
        <v>71</v>
      </c>
    </row>
    <row r="62" spans="1:4" ht="18" customHeight="1" x14ac:dyDescent="0.2">
      <c r="A62" s="14">
        <v>47</v>
      </c>
      <c r="B62" s="15">
        <v>35</v>
      </c>
      <c r="C62" s="16">
        <v>36</v>
      </c>
      <c r="D62" s="17">
        <v>71</v>
      </c>
    </row>
    <row r="63" spans="1:4" ht="18" customHeight="1" x14ac:dyDescent="0.2">
      <c r="A63" s="14">
        <v>48</v>
      </c>
      <c r="B63" s="15">
        <v>34</v>
      </c>
      <c r="C63" s="16">
        <v>33</v>
      </c>
      <c r="D63" s="17">
        <v>67</v>
      </c>
    </row>
    <row r="64" spans="1:4" ht="18" customHeight="1" x14ac:dyDescent="0.2">
      <c r="A64" s="14">
        <v>49</v>
      </c>
      <c r="B64" s="15">
        <v>30</v>
      </c>
      <c r="C64" s="16">
        <v>48</v>
      </c>
      <c r="D64" s="17">
        <v>78</v>
      </c>
    </row>
    <row r="65" spans="1:4" ht="18" customHeight="1" x14ac:dyDescent="0.2">
      <c r="A65" s="18" t="s">
        <v>76</v>
      </c>
      <c r="B65" s="15">
        <v>178</v>
      </c>
      <c r="C65" s="16">
        <v>200</v>
      </c>
      <c r="D65" s="17">
        <v>378</v>
      </c>
    </row>
    <row r="66" spans="1:4" ht="18" customHeight="1" x14ac:dyDescent="0.2">
      <c r="A66" s="14">
        <v>50</v>
      </c>
      <c r="B66" s="15">
        <v>45</v>
      </c>
      <c r="C66" s="16">
        <v>34</v>
      </c>
      <c r="D66" s="17">
        <v>79</v>
      </c>
    </row>
    <row r="67" spans="1:4" ht="18" customHeight="1" x14ac:dyDescent="0.2">
      <c r="A67" s="14">
        <v>51</v>
      </c>
      <c r="B67" s="15">
        <v>33</v>
      </c>
      <c r="C67" s="16">
        <v>35</v>
      </c>
      <c r="D67" s="17">
        <v>68</v>
      </c>
    </row>
    <row r="68" spans="1:4" ht="18" customHeight="1" x14ac:dyDescent="0.2">
      <c r="A68" s="14">
        <v>52</v>
      </c>
      <c r="B68" s="15">
        <v>30</v>
      </c>
      <c r="C68" s="16">
        <v>33</v>
      </c>
      <c r="D68" s="17">
        <v>63</v>
      </c>
    </row>
    <row r="69" spans="1:4" ht="18" customHeight="1" x14ac:dyDescent="0.2">
      <c r="A69" s="14">
        <v>53</v>
      </c>
      <c r="B69" s="15">
        <v>46</v>
      </c>
      <c r="C69" s="16">
        <v>44</v>
      </c>
      <c r="D69" s="17">
        <v>90</v>
      </c>
    </row>
    <row r="70" spans="1:4" ht="18" customHeight="1" x14ac:dyDescent="0.2">
      <c r="A70" s="14">
        <v>54</v>
      </c>
      <c r="B70" s="15">
        <v>44</v>
      </c>
      <c r="C70" s="16">
        <v>34</v>
      </c>
      <c r="D70" s="17">
        <v>78</v>
      </c>
    </row>
    <row r="71" spans="1:4" ht="18" customHeight="1" x14ac:dyDescent="0.2">
      <c r="A71" s="18" t="s">
        <v>77</v>
      </c>
      <c r="B71" s="15">
        <v>198</v>
      </c>
      <c r="C71" s="16">
        <v>180</v>
      </c>
      <c r="D71" s="17">
        <v>378</v>
      </c>
    </row>
    <row r="72" spans="1:4" ht="18" customHeight="1" x14ac:dyDescent="0.2">
      <c r="A72" s="14">
        <v>55</v>
      </c>
      <c r="B72" s="15">
        <v>44</v>
      </c>
      <c r="C72" s="16">
        <v>39</v>
      </c>
      <c r="D72" s="17">
        <v>83</v>
      </c>
    </row>
    <row r="73" spans="1:4" ht="18" customHeight="1" x14ac:dyDescent="0.2">
      <c r="A73" s="14">
        <v>56</v>
      </c>
      <c r="B73" s="15">
        <v>51</v>
      </c>
      <c r="C73" s="16">
        <v>50</v>
      </c>
      <c r="D73" s="17">
        <v>101</v>
      </c>
    </row>
    <row r="74" spans="1:4" ht="18" customHeight="1" x14ac:dyDescent="0.2">
      <c r="A74" s="14">
        <v>57</v>
      </c>
      <c r="B74" s="15">
        <v>44</v>
      </c>
      <c r="C74" s="16">
        <v>46</v>
      </c>
      <c r="D74" s="17">
        <v>90</v>
      </c>
    </row>
    <row r="75" spans="1:4" ht="18" customHeight="1" x14ac:dyDescent="0.2">
      <c r="A75" s="14">
        <v>58</v>
      </c>
      <c r="B75" s="15">
        <v>53</v>
      </c>
      <c r="C75" s="16">
        <v>51</v>
      </c>
      <c r="D75" s="17">
        <v>104</v>
      </c>
    </row>
    <row r="76" spans="1:4" ht="18" customHeight="1" x14ac:dyDescent="0.2">
      <c r="A76" s="14">
        <v>59</v>
      </c>
      <c r="B76" s="15">
        <v>54</v>
      </c>
      <c r="C76" s="16">
        <v>57</v>
      </c>
      <c r="D76" s="17">
        <v>111</v>
      </c>
    </row>
    <row r="77" spans="1:4" ht="18" customHeight="1" x14ac:dyDescent="0.2">
      <c r="A77" s="18" t="s">
        <v>78</v>
      </c>
      <c r="B77" s="15">
        <v>246</v>
      </c>
      <c r="C77" s="16">
        <v>243</v>
      </c>
      <c r="D77" s="17">
        <v>489</v>
      </c>
    </row>
    <row r="78" spans="1:4" ht="18" customHeight="1" x14ac:dyDescent="0.2">
      <c r="A78" s="14">
        <v>60</v>
      </c>
      <c r="B78" s="15">
        <v>63</v>
      </c>
      <c r="C78" s="16">
        <v>62</v>
      </c>
      <c r="D78" s="17">
        <v>125</v>
      </c>
    </row>
    <row r="79" spans="1:4" ht="18" customHeight="1" x14ac:dyDescent="0.2">
      <c r="A79" s="14">
        <v>61</v>
      </c>
      <c r="B79" s="15">
        <v>56</v>
      </c>
      <c r="C79" s="16">
        <v>70</v>
      </c>
      <c r="D79" s="17">
        <v>126</v>
      </c>
    </row>
    <row r="80" spans="1:4" ht="18" customHeight="1" x14ac:dyDescent="0.2">
      <c r="A80" s="14">
        <v>62</v>
      </c>
      <c r="B80" s="15">
        <v>43</v>
      </c>
      <c r="C80" s="16">
        <v>56</v>
      </c>
      <c r="D80" s="17">
        <v>99</v>
      </c>
    </row>
    <row r="81" spans="1:4" ht="18" customHeight="1" x14ac:dyDescent="0.2">
      <c r="A81" s="14">
        <v>63</v>
      </c>
      <c r="B81" s="15">
        <v>24</v>
      </c>
      <c r="C81" s="16">
        <v>35</v>
      </c>
      <c r="D81" s="17">
        <v>59</v>
      </c>
    </row>
    <row r="82" spans="1:4" ht="18" customHeight="1" x14ac:dyDescent="0.2">
      <c r="A82" s="14">
        <v>64</v>
      </c>
      <c r="B82" s="15">
        <v>44</v>
      </c>
      <c r="C82" s="16">
        <v>42</v>
      </c>
      <c r="D82" s="17">
        <v>86</v>
      </c>
    </row>
    <row r="83" spans="1:4" ht="18" customHeight="1" x14ac:dyDescent="0.2">
      <c r="A83" s="18" t="s">
        <v>79</v>
      </c>
      <c r="B83" s="15">
        <v>230</v>
      </c>
      <c r="C83" s="16">
        <v>265</v>
      </c>
      <c r="D83" s="17">
        <v>495</v>
      </c>
    </row>
    <row r="84" spans="1:4" ht="18" customHeight="1" x14ac:dyDescent="0.2">
      <c r="A84" s="18" t="s">
        <v>80</v>
      </c>
      <c r="B84" s="15">
        <v>1990</v>
      </c>
      <c r="C84" s="16">
        <v>1992</v>
      </c>
      <c r="D84" s="17">
        <v>3982</v>
      </c>
    </row>
    <row r="85" spans="1:4" ht="18" customHeight="1" x14ac:dyDescent="0.2">
      <c r="A85" s="14">
        <v>65</v>
      </c>
      <c r="B85" s="15">
        <v>51</v>
      </c>
      <c r="C85" s="16">
        <v>46</v>
      </c>
      <c r="D85" s="17">
        <v>97</v>
      </c>
    </row>
    <row r="86" spans="1:4" ht="18" customHeight="1" x14ac:dyDescent="0.2">
      <c r="A86" s="14">
        <v>66</v>
      </c>
      <c r="B86" s="15">
        <v>53</v>
      </c>
      <c r="C86" s="16">
        <v>38</v>
      </c>
      <c r="D86" s="17">
        <v>91</v>
      </c>
    </row>
    <row r="87" spans="1:4" ht="18" customHeight="1" x14ac:dyDescent="0.2">
      <c r="A87" s="14">
        <v>67</v>
      </c>
      <c r="B87" s="15">
        <v>37</v>
      </c>
      <c r="C87" s="16">
        <v>58</v>
      </c>
      <c r="D87" s="17">
        <v>95</v>
      </c>
    </row>
    <row r="88" spans="1:4" ht="18" customHeight="1" x14ac:dyDescent="0.2">
      <c r="A88" s="14">
        <v>68</v>
      </c>
      <c r="B88" s="15">
        <v>33</v>
      </c>
      <c r="C88" s="16">
        <v>45</v>
      </c>
      <c r="D88" s="17">
        <v>78</v>
      </c>
    </row>
    <row r="89" spans="1:4" ht="18" customHeight="1" x14ac:dyDescent="0.2">
      <c r="A89" s="14">
        <v>69</v>
      </c>
      <c r="B89" s="15">
        <v>29</v>
      </c>
      <c r="C89" s="16">
        <v>32</v>
      </c>
      <c r="D89" s="17">
        <v>61</v>
      </c>
    </row>
    <row r="90" spans="1:4" ht="18" customHeight="1" x14ac:dyDescent="0.2">
      <c r="A90" s="18" t="s">
        <v>81</v>
      </c>
      <c r="B90" s="15">
        <v>203</v>
      </c>
      <c r="C90" s="16">
        <v>219</v>
      </c>
      <c r="D90" s="17">
        <v>422</v>
      </c>
    </row>
    <row r="91" spans="1:4" ht="18" customHeight="1" x14ac:dyDescent="0.2">
      <c r="A91" s="14">
        <v>70</v>
      </c>
      <c r="B91" s="15">
        <v>26</v>
      </c>
      <c r="C91" s="16">
        <v>30</v>
      </c>
      <c r="D91" s="17">
        <v>56</v>
      </c>
    </row>
    <row r="92" spans="1:4" ht="18" customHeight="1" x14ac:dyDescent="0.2">
      <c r="A92" s="14">
        <v>71</v>
      </c>
      <c r="B92" s="15">
        <v>27</v>
      </c>
      <c r="C92" s="16">
        <v>31</v>
      </c>
      <c r="D92" s="17">
        <v>58</v>
      </c>
    </row>
    <row r="93" spans="1:4" ht="18" customHeight="1" x14ac:dyDescent="0.2">
      <c r="A93" s="14">
        <v>72</v>
      </c>
      <c r="B93" s="15">
        <v>30</v>
      </c>
      <c r="C93" s="16">
        <v>27</v>
      </c>
      <c r="D93" s="17">
        <v>57</v>
      </c>
    </row>
    <row r="94" spans="1:4" ht="18" customHeight="1" x14ac:dyDescent="0.2">
      <c r="A94" s="14">
        <v>73</v>
      </c>
      <c r="B94" s="15">
        <v>27</v>
      </c>
      <c r="C94" s="16">
        <v>48</v>
      </c>
      <c r="D94" s="17">
        <v>75</v>
      </c>
    </row>
    <row r="95" spans="1:4" ht="18" customHeight="1" x14ac:dyDescent="0.2">
      <c r="A95" s="14">
        <v>74</v>
      </c>
      <c r="B95" s="15">
        <v>25</v>
      </c>
      <c r="C95" s="16">
        <v>40</v>
      </c>
      <c r="D95" s="17">
        <v>65</v>
      </c>
    </row>
    <row r="96" spans="1:4" ht="18" customHeight="1" x14ac:dyDescent="0.2">
      <c r="A96" s="18" t="s">
        <v>82</v>
      </c>
      <c r="B96" s="15">
        <v>135</v>
      </c>
      <c r="C96" s="16">
        <v>176</v>
      </c>
      <c r="D96" s="17">
        <v>311</v>
      </c>
    </row>
    <row r="97" spans="1:4" ht="18" customHeight="1" x14ac:dyDescent="0.2">
      <c r="A97" s="14">
        <v>75</v>
      </c>
      <c r="B97" s="15">
        <v>23</v>
      </c>
      <c r="C97" s="16">
        <v>45</v>
      </c>
      <c r="D97" s="17">
        <v>68</v>
      </c>
    </row>
    <row r="98" spans="1:4" ht="18" customHeight="1" x14ac:dyDescent="0.2">
      <c r="A98" s="14">
        <v>76</v>
      </c>
      <c r="B98" s="15">
        <v>27</v>
      </c>
      <c r="C98" s="16">
        <v>43</v>
      </c>
      <c r="D98" s="17">
        <v>70</v>
      </c>
    </row>
    <row r="99" spans="1:4" ht="18" customHeight="1" x14ac:dyDescent="0.2">
      <c r="A99" s="14">
        <v>77</v>
      </c>
      <c r="B99" s="15">
        <v>36</v>
      </c>
      <c r="C99" s="16">
        <v>34</v>
      </c>
      <c r="D99" s="17">
        <v>70</v>
      </c>
    </row>
    <row r="100" spans="1:4" ht="18" customHeight="1" x14ac:dyDescent="0.2">
      <c r="A100" s="14">
        <v>78</v>
      </c>
      <c r="B100" s="15">
        <v>20</v>
      </c>
      <c r="C100" s="16">
        <v>38</v>
      </c>
      <c r="D100" s="17">
        <v>58</v>
      </c>
    </row>
    <row r="101" spans="1:4" ht="18" customHeight="1" x14ac:dyDescent="0.2">
      <c r="A101" s="14">
        <v>79</v>
      </c>
      <c r="B101" s="15">
        <v>19</v>
      </c>
      <c r="C101" s="16">
        <v>26</v>
      </c>
      <c r="D101" s="17">
        <v>45</v>
      </c>
    </row>
    <row r="102" spans="1:4" ht="18" customHeight="1" x14ac:dyDescent="0.2">
      <c r="A102" s="18" t="s">
        <v>83</v>
      </c>
      <c r="B102" s="15">
        <v>125</v>
      </c>
      <c r="C102" s="16">
        <v>186</v>
      </c>
      <c r="D102" s="17">
        <v>311</v>
      </c>
    </row>
    <row r="103" spans="1:4" ht="18" customHeight="1" x14ac:dyDescent="0.2">
      <c r="A103" s="14">
        <v>80</v>
      </c>
      <c r="B103" s="15">
        <v>25</v>
      </c>
      <c r="C103" s="16">
        <v>37</v>
      </c>
      <c r="D103" s="17">
        <v>62</v>
      </c>
    </row>
    <row r="104" spans="1:4" ht="18" customHeight="1" x14ac:dyDescent="0.2">
      <c r="A104" s="14">
        <v>81</v>
      </c>
      <c r="B104" s="15">
        <v>25</v>
      </c>
      <c r="C104" s="16">
        <v>30</v>
      </c>
      <c r="D104" s="17">
        <v>55</v>
      </c>
    </row>
    <row r="105" spans="1:4" ht="18" customHeight="1" x14ac:dyDescent="0.2">
      <c r="A105" s="14">
        <v>82</v>
      </c>
      <c r="B105" s="15">
        <v>17</v>
      </c>
      <c r="C105" s="16">
        <v>18</v>
      </c>
      <c r="D105" s="17">
        <v>35</v>
      </c>
    </row>
    <row r="106" spans="1:4" ht="18" customHeight="1" x14ac:dyDescent="0.2">
      <c r="A106" s="14">
        <v>83</v>
      </c>
      <c r="B106" s="15">
        <v>19</v>
      </c>
      <c r="C106" s="16">
        <v>31</v>
      </c>
      <c r="D106" s="17">
        <v>50</v>
      </c>
    </row>
    <row r="107" spans="1:4" ht="18" customHeight="1" x14ac:dyDescent="0.2">
      <c r="A107" s="14">
        <v>84</v>
      </c>
      <c r="B107" s="15">
        <v>11</v>
      </c>
      <c r="C107" s="16">
        <v>22</v>
      </c>
      <c r="D107" s="17">
        <v>33</v>
      </c>
    </row>
    <row r="108" spans="1:4" ht="18" customHeight="1" x14ac:dyDescent="0.2">
      <c r="A108" s="18" t="s">
        <v>84</v>
      </c>
      <c r="B108" s="15">
        <v>97</v>
      </c>
      <c r="C108" s="16">
        <v>138</v>
      </c>
      <c r="D108" s="17">
        <v>235</v>
      </c>
    </row>
    <row r="109" spans="1:4" ht="18" customHeight="1" x14ac:dyDescent="0.2">
      <c r="A109" s="14">
        <v>85</v>
      </c>
      <c r="B109" s="15">
        <v>7</v>
      </c>
      <c r="C109" s="16">
        <v>11</v>
      </c>
      <c r="D109" s="17">
        <v>18</v>
      </c>
    </row>
    <row r="110" spans="1:4" ht="18" customHeight="1" x14ac:dyDescent="0.2">
      <c r="A110" s="14">
        <v>86</v>
      </c>
      <c r="B110" s="15">
        <v>12</v>
      </c>
      <c r="C110" s="16">
        <v>22</v>
      </c>
      <c r="D110" s="17">
        <v>34</v>
      </c>
    </row>
    <row r="111" spans="1:4" ht="18" customHeight="1" x14ac:dyDescent="0.2">
      <c r="A111" s="14">
        <v>87</v>
      </c>
      <c r="B111" s="15">
        <v>8</v>
      </c>
      <c r="C111" s="16">
        <v>18</v>
      </c>
      <c r="D111" s="17">
        <v>26</v>
      </c>
    </row>
    <row r="112" spans="1:4" ht="18" customHeight="1" x14ac:dyDescent="0.2">
      <c r="A112" s="14">
        <v>88</v>
      </c>
      <c r="B112" s="15">
        <v>8</v>
      </c>
      <c r="C112" s="16">
        <v>22</v>
      </c>
      <c r="D112" s="17">
        <v>30</v>
      </c>
    </row>
    <row r="113" spans="1:4" ht="18" customHeight="1" x14ac:dyDescent="0.2">
      <c r="A113" s="14">
        <v>89</v>
      </c>
      <c r="B113" s="15">
        <v>4</v>
      </c>
      <c r="C113" s="16">
        <v>20</v>
      </c>
      <c r="D113" s="17">
        <v>24</v>
      </c>
    </row>
    <row r="114" spans="1:4" ht="18" customHeight="1" x14ac:dyDescent="0.2">
      <c r="A114" s="18" t="s">
        <v>85</v>
      </c>
      <c r="B114" s="15">
        <v>39</v>
      </c>
      <c r="C114" s="16">
        <v>93</v>
      </c>
      <c r="D114" s="17">
        <v>132</v>
      </c>
    </row>
    <row r="115" spans="1:4" ht="18" customHeight="1" x14ac:dyDescent="0.2">
      <c r="A115" s="14">
        <v>90</v>
      </c>
      <c r="B115" s="15">
        <v>2</v>
      </c>
      <c r="C115" s="16">
        <v>15</v>
      </c>
      <c r="D115" s="17">
        <v>17</v>
      </c>
    </row>
    <row r="116" spans="1:4" ht="18" customHeight="1" x14ac:dyDescent="0.2">
      <c r="A116" s="14">
        <v>91</v>
      </c>
      <c r="B116" s="15">
        <v>1</v>
      </c>
      <c r="C116" s="16">
        <v>11</v>
      </c>
      <c r="D116" s="17">
        <v>12</v>
      </c>
    </row>
    <row r="117" spans="1:4" ht="18" customHeight="1" x14ac:dyDescent="0.2">
      <c r="A117" s="14">
        <v>92</v>
      </c>
      <c r="B117" s="15">
        <v>3</v>
      </c>
      <c r="C117" s="16">
        <v>6</v>
      </c>
      <c r="D117" s="17">
        <v>9</v>
      </c>
    </row>
    <row r="118" spans="1:4" ht="18" customHeight="1" x14ac:dyDescent="0.2">
      <c r="A118" s="14">
        <v>93</v>
      </c>
      <c r="B118" s="15">
        <v>4</v>
      </c>
      <c r="C118" s="16">
        <v>7</v>
      </c>
      <c r="D118" s="17">
        <v>11</v>
      </c>
    </row>
    <row r="119" spans="1:4" ht="18" customHeight="1" x14ac:dyDescent="0.2">
      <c r="A119" s="14">
        <v>94</v>
      </c>
      <c r="B119" s="15">
        <v>1</v>
      </c>
      <c r="C119" s="16">
        <v>5</v>
      </c>
      <c r="D119" s="17">
        <v>6</v>
      </c>
    </row>
    <row r="120" spans="1:4" ht="18" customHeight="1" x14ac:dyDescent="0.2">
      <c r="A120" s="18" t="s">
        <v>86</v>
      </c>
      <c r="B120" s="15">
        <v>11</v>
      </c>
      <c r="C120" s="16">
        <v>44</v>
      </c>
      <c r="D120" s="17">
        <v>55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3</v>
      </c>
      <c r="C126" s="16">
        <v>11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90</v>
      </c>
      <c r="B130" s="4">
        <v>613</v>
      </c>
      <c r="C130" s="5">
        <v>867</v>
      </c>
      <c r="D130" s="6">
        <v>1480</v>
      </c>
    </row>
    <row r="131" spans="1:4" ht="18" customHeight="1" x14ac:dyDescent="0.2">
      <c r="A131" s="20" t="s">
        <v>65</v>
      </c>
      <c r="B131" s="7">
        <v>3057</v>
      </c>
      <c r="C131" s="8">
        <v>3270</v>
      </c>
      <c r="D131" s="9">
        <v>632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32</v>
      </c>
      <c r="C5" s="12">
        <v>23</v>
      </c>
      <c r="D5" s="13">
        <v>55</v>
      </c>
    </row>
    <row r="6" spans="1:4" ht="18" customHeight="1" x14ac:dyDescent="0.2">
      <c r="A6" s="14">
        <v>1</v>
      </c>
      <c r="B6" s="15">
        <v>33</v>
      </c>
      <c r="C6" s="16">
        <v>34</v>
      </c>
      <c r="D6" s="17">
        <v>67</v>
      </c>
    </row>
    <row r="7" spans="1:4" ht="18" customHeight="1" x14ac:dyDescent="0.2">
      <c r="A7" s="14">
        <v>2</v>
      </c>
      <c r="B7" s="15">
        <v>37</v>
      </c>
      <c r="C7" s="16">
        <v>39</v>
      </c>
      <c r="D7" s="17">
        <v>76</v>
      </c>
    </row>
    <row r="8" spans="1:4" ht="18" customHeight="1" x14ac:dyDescent="0.2">
      <c r="A8" s="14">
        <v>3</v>
      </c>
      <c r="B8" s="15">
        <v>32</v>
      </c>
      <c r="C8" s="16">
        <v>29</v>
      </c>
      <c r="D8" s="17">
        <v>61</v>
      </c>
    </row>
    <row r="9" spans="1:4" ht="18" customHeight="1" x14ac:dyDescent="0.2">
      <c r="A9" s="14">
        <v>4</v>
      </c>
      <c r="B9" s="15">
        <v>34</v>
      </c>
      <c r="C9" s="16">
        <v>36</v>
      </c>
      <c r="D9" s="17">
        <v>70</v>
      </c>
    </row>
    <row r="10" spans="1:4" ht="18" customHeight="1" x14ac:dyDescent="0.2">
      <c r="A10" s="18" t="s">
        <v>66</v>
      </c>
      <c r="B10" s="15">
        <v>168</v>
      </c>
      <c r="C10" s="16">
        <v>161</v>
      </c>
      <c r="D10" s="17">
        <v>329</v>
      </c>
    </row>
    <row r="11" spans="1:4" ht="18" customHeight="1" x14ac:dyDescent="0.2">
      <c r="A11" s="14">
        <v>5</v>
      </c>
      <c r="B11" s="15">
        <v>46</v>
      </c>
      <c r="C11" s="16">
        <v>49</v>
      </c>
      <c r="D11" s="17">
        <v>95</v>
      </c>
    </row>
    <row r="12" spans="1:4" ht="18" customHeight="1" x14ac:dyDescent="0.2">
      <c r="A12" s="14">
        <v>6</v>
      </c>
      <c r="B12" s="15">
        <v>46</v>
      </c>
      <c r="C12" s="16">
        <v>50</v>
      </c>
      <c r="D12" s="17">
        <v>96</v>
      </c>
    </row>
    <row r="13" spans="1:4" ht="18" customHeight="1" x14ac:dyDescent="0.2">
      <c r="A13" s="14">
        <v>7</v>
      </c>
      <c r="B13" s="15">
        <v>48</v>
      </c>
      <c r="C13" s="16">
        <v>48</v>
      </c>
      <c r="D13" s="17">
        <v>96</v>
      </c>
    </row>
    <row r="14" spans="1:4" ht="18" customHeight="1" x14ac:dyDescent="0.2">
      <c r="A14" s="14">
        <v>8</v>
      </c>
      <c r="B14" s="15">
        <v>31</v>
      </c>
      <c r="C14" s="16">
        <v>44</v>
      </c>
      <c r="D14" s="17">
        <v>75</v>
      </c>
    </row>
    <row r="15" spans="1:4" ht="18" customHeight="1" x14ac:dyDescent="0.2">
      <c r="A15" s="14">
        <v>9</v>
      </c>
      <c r="B15" s="15">
        <v>40</v>
      </c>
      <c r="C15" s="16">
        <v>54</v>
      </c>
      <c r="D15" s="17">
        <v>94</v>
      </c>
    </row>
    <row r="16" spans="1:4" ht="18" customHeight="1" x14ac:dyDescent="0.2">
      <c r="A16" s="18" t="s">
        <v>67</v>
      </c>
      <c r="B16" s="15">
        <v>211</v>
      </c>
      <c r="C16" s="16">
        <v>245</v>
      </c>
      <c r="D16" s="17">
        <v>456</v>
      </c>
    </row>
    <row r="17" spans="1:4" ht="18" customHeight="1" x14ac:dyDescent="0.2">
      <c r="A17" s="14">
        <v>10</v>
      </c>
      <c r="B17" s="15">
        <v>48</v>
      </c>
      <c r="C17" s="16">
        <v>48</v>
      </c>
      <c r="D17" s="17">
        <v>96</v>
      </c>
    </row>
    <row r="18" spans="1:4" ht="18" customHeight="1" x14ac:dyDescent="0.2">
      <c r="A18" s="14">
        <v>11</v>
      </c>
      <c r="B18" s="15">
        <v>29</v>
      </c>
      <c r="C18" s="16">
        <v>39</v>
      </c>
      <c r="D18" s="17">
        <v>68</v>
      </c>
    </row>
    <row r="19" spans="1:4" ht="18" customHeight="1" x14ac:dyDescent="0.2">
      <c r="A19" s="14">
        <v>12</v>
      </c>
      <c r="B19" s="15">
        <v>41</v>
      </c>
      <c r="C19" s="16">
        <v>43</v>
      </c>
      <c r="D19" s="17">
        <v>84</v>
      </c>
    </row>
    <row r="20" spans="1:4" ht="18" customHeight="1" x14ac:dyDescent="0.2">
      <c r="A20" s="14">
        <v>13</v>
      </c>
      <c r="B20" s="15">
        <v>50</v>
      </c>
      <c r="C20" s="16">
        <v>42</v>
      </c>
      <c r="D20" s="17">
        <v>92</v>
      </c>
    </row>
    <row r="21" spans="1:4" ht="18" customHeight="1" x14ac:dyDescent="0.2">
      <c r="A21" s="14">
        <v>14</v>
      </c>
      <c r="B21" s="15">
        <v>54</v>
      </c>
      <c r="C21" s="16">
        <v>50</v>
      </c>
      <c r="D21" s="17">
        <v>104</v>
      </c>
    </row>
    <row r="22" spans="1:4" ht="18" customHeight="1" x14ac:dyDescent="0.2">
      <c r="A22" s="18" t="s">
        <v>68</v>
      </c>
      <c r="B22" s="15">
        <v>222</v>
      </c>
      <c r="C22" s="16">
        <v>222</v>
      </c>
      <c r="D22" s="17">
        <v>444</v>
      </c>
    </row>
    <row r="23" spans="1:4" ht="18" customHeight="1" x14ac:dyDescent="0.2">
      <c r="A23" s="18" t="s">
        <v>69</v>
      </c>
      <c r="B23" s="15">
        <v>601</v>
      </c>
      <c r="C23" s="16">
        <v>628</v>
      </c>
      <c r="D23" s="17">
        <v>1229</v>
      </c>
    </row>
    <row r="24" spans="1:4" ht="18" customHeight="1" x14ac:dyDescent="0.2">
      <c r="A24" s="14">
        <v>15</v>
      </c>
      <c r="B24" s="15">
        <v>29</v>
      </c>
      <c r="C24" s="16">
        <v>34</v>
      </c>
      <c r="D24" s="17">
        <v>63</v>
      </c>
    </row>
    <row r="25" spans="1:4" ht="18" customHeight="1" x14ac:dyDescent="0.2">
      <c r="A25" s="14">
        <v>16</v>
      </c>
      <c r="B25" s="15">
        <v>56</v>
      </c>
      <c r="C25" s="16">
        <v>33</v>
      </c>
      <c r="D25" s="17">
        <v>89</v>
      </c>
    </row>
    <row r="26" spans="1:4" ht="18" customHeight="1" x14ac:dyDescent="0.2">
      <c r="A26" s="14">
        <v>17</v>
      </c>
      <c r="B26" s="15">
        <v>58</v>
      </c>
      <c r="C26" s="16">
        <v>34</v>
      </c>
      <c r="D26" s="17">
        <v>92</v>
      </c>
    </row>
    <row r="27" spans="1:4" ht="18" customHeight="1" x14ac:dyDescent="0.2">
      <c r="A27" s="14">
        <v>18</v>
      </c>
      <c r="B27" s="15">
        <v>36</v>
      </c>
      <c r="C27" s="16">
        <v>31</v>
      </c>
      <c r="D27" s="17">
        <v>67</v>
      </c>
    </row>
    <row r="28" spans="1:4" ht="18" customHeight="1" x14ac:dyDescent="0.2">
      <c r="A28" s="14">
        <v>19</v>
      </c>
      <c r="B28" s="15">
        <v>41</v>
      </c>
      <c r="C28" s="16">
        <v>33</v>
      </c>
      <c r="D28" s="17">
        <v>74</v>
      </c>
    </row>
    <row r="29" spans="1:4" ht="18" customHeight="1" x14ac:dyDescent="0.2">
      <c r="A29" s="18" t="s">
        <v>70</v>
      </c>
      <c r="B29" s="15">
        <v>220</v>
      </c>
      <c r="C29" s="16">
        <v>165</v>
      </c>
      <c r="D29" s="17">
        <v>385</v>
      </c>
    </row>
    <row r="30" spans="1:4" ht="18" customHeight="1" x14ac:dyDescent="0.2">
      <c r="A30" s="14">
        <v>20</v>
      </c>
      <c r="B30" s="15">
        <v>37</v>
      </c>
      <c r="C30" s="16">
        <v>31</v>
      </c>
      <c r="D30" s="17">
        <v>68</v>
      </c>
    </row>
    <row r="31" spans="1:4" ht="18" customHeight="1" x14ac:dyDescent="0.2">
      <c r="A31" s="14">
        <v>21</v>
      </c>
      <c r="B31" s="15">
        <v>38</v>
      </c>
      <c r="C31" s="16">
        <v>36</v>
      </c>
      <c r="D31" s="17">
        <v>74</v>
      </c>
    </row>
    <row r="32" spans="1:4" ht="18" customHeight="1" x14ac:dyDescent="0.2">
      <c r="A32" s="14">
        <v>22</v>
      </c>
      <c r="B32" s="15">
        <v>35</v>
      </c>
      <c r="C32" s="16">
        <v>42</v>
      </c>
      <c r="D32" s="17">
        <v>77</v>
      </c>
    </row>
    <row r="33" spans="1:4" ht="18" customHeight="1" x14ac:dyDescent="0.2">
      <c r="A33" s="14">
        <v>23</v>
      </c>
      <c r="B33" s="15">
        <v>45</v>
      </c>
      <c r="C33" s="16">
        <v>27</v>
      </c>
      <c r="D33" s="17">
        <v>72</v>
      </c>
    </row>
    <row r="34" spans="1:4" ht="18" customHeight="1" x14ac:dyDescent="0.2">
      <c r="A34" s="14">
        <v>24</v>
      </c>
      <c r="B34" s="15">
        <v>37</v>
      </c>
      <c r="C34" s="16">
        <v>41</v>
      </c>
      <c r="D34" s="17">
        <v>78</v>
      </c>
    </row>
    <row r="35" spans="1:4" ht="18" customHeight="1" x14ac:dyDescent="0.2">
      <c r="A35" s="18" t="s">
        <v>71</v>
      </c>
      <c r="B35" s="15">
        <v>192</v>
      </c>
      <c r="C35" s="16">
        <v>177</v>
      </c>
      <c r="D35" s="17">
        <v>369</v>
      </c>
    </row>
    <row r="36" spans="1:4" ht="18" customHeight="1" x14ac:dyDescent="0.2">
      <c r="A36" s="14">
        <v>25</v>
      </c>
      <c r="B36" s="15">
        <v>47</v>
      </c>
      <c r="C36" s="16">
        <v>39</v>
      </c>
      <c r="D36" s="17">
        <v>86</v>
      </c>
    </row>
    <row r="37" spans="1:4" ht="18" customHeight="1" x14ac:dyDescent="0.2">
      <c r="A37" s="14">
        <v>26</v>
      </c>
      <c r="B37" s="15">
        <v>52</v>
      </c>
      <c r="C37" s="16">
        <v>43</v>
      </c>
      <c r="D37" s="17">
        <v>95</v>
      </c>
    </row>
    <row r="38" spans="1:4" ht="18" customHeight="1" x14ac:dyDescent="0.2">
      <c r="A38" s="14">
        <v>27</v>
      </c>
      <c r="B38" s="15">
        <v>47</v>
      </c>
      <c r="C38" s="16">
        <v>44</v>
      </c>
      <c r="D38" s="17">
        <v>91</v>
      </c>
    </row>
    <row r="39" spans="1:4" ht="18" customHeight="1" x14ac:dyDescent="0.2">
      <c r="A39" s="14">
        <v>28</v>
      </c>
      <c r="B39" s="15">
        <v>45</v>
      </c>
      <c r="C39" s="16">
        <v>31</v>
      </c>
      <c r="D39" s="17">
        <v>76</v>
      </c>
    </row>
    <row r="40" spans="1:4" ht="18" customHeight="1" x14ac:dyDescent="0.2">
      <c r="A40" s="14">
        <v>29</v>
      </c>
      <c r="B40" s="15">
        <v>40</v>
      </c>
      <c r="C40" s="16">
        <v>32</v>
      </c>
      <c r="D40" s="17">
        <v>72</v>
      </c>
    </row>
    <row r="41" spans="1:4" ht="18" customHeight="1" x14ac:dyDescent="0.2">
      <c r="A41" s="18" t="s">
        <v>72</v>
      </c>
      <c r="B41" s="15">
        <v>231</v>
      </c>
      <c r="C41" s="16">
        <v>189</v>
      </c>
      <c r="D41" s="17">
        <v>420</v>
      </c>
    </row>
    <row r="42" spans="1:4" ht="18" customHeight="1" x14ac:dyDescent="0.2">
      <c r="A42" s="14">
        <v>30</v>
      </c>
      <c r="B42" s="15">
        <v>48</v>
      </c>
      <c r="C42" s="16">
        <v>42</v>
      </c>
      <c r="D42" s="17">
        <v>90</v>
      </c>
    </row>
    <row r="43" spans="1:4" ht="18" customHeight="1" x14ac:dyDescent="0.2">
      <c r="A43" s="14">
        <v>31</v>
      </c>
      <c r="B43" s="15">
        <v>57</v>
      </c>
      <c r="C43" s="16">
        <v>42</v>
      </c>
      <c r="D43" s="17">
        <v>99</v>
      </c>
    </row>
    <row r="44" spans="1:4" ht="18" customHeight="1" x14ac:dyDescent="0.2">
      <c r="A44" s="14">
        <v>32</v>
      </c>
      <c r="B44" s="15">
        <v>62</v>
      </c>
      <c r="C44" s="16">
        <v>56</v>
      </c>
      <c r="D44" s="17">
        <v>118</v>
      </c>
    </row>
    <row r="45" spans="1:4" ht="18" customHeight="1" x14ac:dyDescent="0.2">
      <c r="A45" s="14">
        <v>33</v>
      </c>
      <c r="B45" s="15">
        <v>55</v>
      </c>
      <c r="C45" s="16">
        <v>60</v>
      </c>
      <c r="D45" s="17">
        <v>115</v>
      </c>
    </row>
    <row r="46" spans="1:4" ht="18" customHeight="1" x14ac:dyDescent="0.2">
      <c r="A46" s="14">
        <v>34</v>
      </c>
      <c r="B46" s="15">
        <v>66</v>
      </c>
      <c r="C46" s="16">
        <v>51</v>
      </c>
      <c r="D46" s="17">
        <v>117</v>
      </c>
    </row>
    <row r="47" spans="1:4" ht="18" customHeight="1" x14ac:dyDescent="0.2">
      <c r="A47" s="18" t="s">
        <v>73</v>
      </c>
      <c r="B47" s="15">
        <v>288</v>
      </c>
      <c r="C47" s="16">
        <v>251</v>
      </c>
      <c r="D47" s="17">
        <v>539</v>
      </c>
    </row>
    <row r="48" spans="1:4" ht="18" customHeight="1" x14ac:dyDescent="0.2">
      <c r="A48" s="14">
        <v>35</v>
      </c>
      <c r="B48" s="15">
        <v>64</v>
      </c>
      <c r="C48" s="16">
        <v>58</v>
      </c>
      <c r="D48" s="17">
        <v>122</v>
      </c>
    </row>
    <row r="49" spans="1:4" ht="18" customHeight="1" x14ac:dyDescent="0.2">
      <c r="A49" s="14">
        <v>36</v>
      </c>
      <c r="B49" s="15">
        <v>66</v>
      </c>
      <c r="C49" s="16">
        <v>68</v>
      </c>
      <c r="D49" s="17">
        <v>134</v>
      </c>
    </row>
    <row r="50" spans="1:4" ht="18" customHeight="1" x14ac:dyDescent="0.2">
      <c r="A50" s="14">
        <v>37</v>
      </c>
      <c r="B50" s="15">
        <v>65</v>
      </c>
      <c r="C50" s="16">
        <v>61</v>
      </c>
      <c r="D50" s="17">
        <v>126</v>
      </c>
    </row>
    <row r="51" spans="1:4" ht="18" customHeight="1" x14ac:dyDescent="0.2">
      <c r="A51" s="14">
        <v>38</v>
      </c>
      <c r="B51" s="15">
        <v>78</v>
      </c>
      <c r="C51" s="16">
        <v>68</v>
      </c>
      <c r="D51" s="17">
        <v>146</v>
      </c>
    </row>
    <row r="52" spans="1:4" ht="18" customHeight="1" x14ac:dyDescent="0.2">
      <c r="A52" s="14">
        <v>39</v>
      </c>
      <c r="B52" s="15">
        <v>60</v>
      </c>
      <c r="C52" s="16">
        <v>60</v>
      </c>
      <c r="D52" s="17">
        <v>120</v>
      </c>
    </row>
    <row r="53" spans="1:4" ht="18" customHeight="1" x14ac:dyDescent="0.2">
      <c r="A53" s="18" t="s">
        <v>74</v>
      </c>
      <c r="B53" s="15">
        <v>333</v>
      </c>
      <c r="C53" s="16">
        <v>315</v>
      </c>
      <c r="D53" s="17">
        <v>648</v>
      </c>
    </row>
    <row r="54" spans="1:4" ht="18" customHeight="1" x14ac:dyDescent="0.2">
      <c r="A54" s="14">
        <v>40</v>
      </c>
      <c r="B54" s="15">
        <v>65</v>
      </c>
      <c r="C54" s="16">
        <v>76</v>
      </c>
      <c r="D54" s="17">
        <v>141</v>
      </c>
    </row>
    <row r="55" spans="1:4" ht="18" customHeight="1" x14ac:dyDescent="0.2">
      <c r="A55" s="14">
        <v>41</v>
      </c>
      <c r="B55" s="15">
        <v>71</v>
      </c>
      <c r="C55" s="16">
        <v>66</v>
      </c>
      <c r="D55" s="17">
        <v>137</v>
      </c>
    </row>
    <row r="56" spans="1:4" ht="18" customHeight="1" x14ac:dyDescent="0.2">
      <c r="A56" s="14">
        <v>42</v>
      </c>
      <c r="B56" s="15">
        <v>65</v>
      </c>
      <c r="C56" s="16">
        <v>51</v>
      </c>
      <c r="D56" s="17">
        <v>116</v>
      </c>
    </row>
    <row r="57" spans="1:4" ht="18" customHeight="1" x14ac:dyDescent="0.2">
      <c r="A57" s="14">
        <v>43</v>
      </c>
      <c r="B57" s="15">
        <v>45</v>
      </c>
      <c r="C57" s="16">
        <v>54</v>
      </c>
      <c r="D57" s="17">
        <v>99</v>
      </c>
    </row>
    <row r="58" spans="1:4" ht="18" customHeight="1" x14ac:dyDescent="0.2">
      <c r="A58" s="14">
        <v>44</v>
      </c>
      <c r="B58" s="15">
        <v>48</v>
      </c>
      <c r="C58" s="16">
        <v>53</v>
      </c>
      <c r="D58" s="17">
        <v>101</v>
      </c>
    </row>
    <row r="59" spans="1:4" ht="18" customHeight="1" x14ac:dyDescent="0.2">
      <c r="A59" s="18" t="s">
        <v>75</v>
      </c>
      <c r="B59" s="15">
        <v>294</v>
      </c>
      <c r="C59" s="16">
        <v>300</v>
      </c>
      <c r="D59" s="17">
        <v>594</v>
      </c>
    </row>
    <row r="60" spans="1:4" ht="18" customHeight="1" x14ac:dyDescent="0.2">
      <c r="A60" s="14">
        <v>45</v>
      </c>
      <c r="B60" s="15">
        <v>46</v>
      </c>
      <c r="C60" s="16">
        <v>45</v>
      </c>
      <c r="D60" s="17">
        <v>91</v>
      </c>
    </row>
    <row r="61" spans="1:4" ht="18" customHeight="1" x14ac:dyDescent="0.2">
      <c r="A61" s="14">
        <v>46</v>
      </c>
      <c r="B61" s="15">
        <v>52</v>
      </c>
      <c r="C61" s="16">
        <v>41</v>
      </c>
      <c r="D61" s="17">
        <v>93</v>
      </c>
    </row>
    <row r="62" spans="1:4" ht="18" customHeight="1" x14ac:dyDescent="0.2">
      <c r="A62" s="14">
        <v>47</v>
      </c>
      <c r="B62" s="15">
        <v>47</v>
      </c>
      <c r="C62" s="16">
        <v>40</v>
      </c>
      <c r="D62" s="17">
        <v>87</v>
      </c>
    </row>
    <row r="63" spans="1:4" ht="18" customHeight="1" x14ac:dyDescent="0.2">
      <c r="A63" s="14">
        <v>48</v>
      </c>
      <c r="B63" s="15">
        <v>54</v>
      </c>
      <c r="C63" s="16">
        <v>49</v>
      </c>
      <c r="D63" s="17">
        <v>103</v>
      </c>
    </row>
    <row r="64" spans="1:4" ht="18" customHeight="1" x14ac:dyDescent="0.2">
      <c r="A64" s="14">
        <v>49</v>
      </c>
      <c r="B64" s="15">
        <v>49</v>
      </c>
      <c r="C64" s="16">
        <v>43</v>
      </c>
      <c r="D64" s="17">
        <v>92</v>
      </c>
    </row>
    <row r="65" spans="1:4" ht="18" customHeight="1" x14ac:dyDescent="0.2">
      <c r="A65" s="18" t="s">
        <v>76</v>
      </c>
      <c r="B65" s="15">
        <v>248</v>
      </c>
      <c r="C65" s="16">
        <v>218</v>
      </c>
      <c r="D65" s="17">
        <v>466</v>
      </c>
    </row>
    <row r="66" spans="1:4" ht="18" customHeight="1" x14ac:dyDescent="0.2">
      <c r="A66" s="14">
        <v>50</v>
      </c>
      <c r="B66" s="15">
        <v>62</v>
      </c>
      <c r="C66" s="16">
        <v>52</v>
      </c>
      <c r="D66" s="17">
        <v>114</v>
      </c>
    </row>
    <row r="67" spans="1:4" ht="18" customHeight="1" x14ac:dyDescent="0.2">
      <c r="A67" s="14">
        <v>51</v>
      </c>
      <c r="B67" s="15">
        <v>45</v>
      </c>
      <c r="C67" s="16">
        <v>47</v>
      </c>
      <c r="D67" s="17">
        <v>92</v>
      </c>
    </row>
    <row r="68" spans="1:4" ht="18" customHeight="1" x14ac:dyDescent="0.2">
      <c r="A68" s="14">
        <v>52</v>
      </c>
      <c r="B68" s="15">
        <v>53</v>
      </c>
      <c r="C68" s="16">
        <v>51</v>
      </c>
      <c r="D68" s="17">
        <v>104</v>
      </c>
    </row>
    <row r="69" spans="1:4" ht="18" customHeight="1" x14ac:dyDescent="0.2">
      <c r="A69" s="14">
        <v>53</v>
      </c>
      <c r="B69" s="15">
        <v>42</v>
      </c>
      <c r="C69" s="16">
        <v>48</v>
      </c>
      <c r="D69" s="17">
        <v>90</v>
      </c>
    </row>
    <row r="70" spans="1:4" ht="18" customHeight="1" x14ac:dyDescent="0.2">
      <c r="A70" s="14">
        <v>54</v>
      </c>
      <c r="B70" s="15">
        <v>43</v>
      </c>
      <c r="C70" s="16">
        <v>57</v>
      </c>
      <c r="D70" s="17">
        <v>100</v>
      </c>
    </row>
    <row r="71" spans="1:4" ht="18" customHeight="1" x14ac:dyDescent="0.2">
      <c r="A71" s="18" t="s">
        <v>77</v>
      </c>
      <c r="B71" s="15">
        <v>245</v>
      </c>
      <c r="C71" s="16">
        <v>255</v>
      </c>
      <c r="D71" s="17">
        <v>500</v>
      </c>
    </row>
    <row r="72" spans="1:4" ht="18" customHeight="1" x14ac:dyDescent="0.2">
      <c r="A72" s="14">
        <v>55</v>
      </c>
      <c r="B72" s="15">
        <v>54</v>
      </c>
      <c r="C72" s="16">
        <v>61</v>
      </c>
      <c r="D72" s="17">
        <v>115</v>
      </c>
    </row>
    <row r="73" spans="1:4" ht="18" customHeight="1" x14ac:dyDescent="0.2">
      <c r="A73" s="14">
        <v>56</v>
      </c>
      <c r="B73" s="15">
        <v>59</v>
      </c>
      <c r="C73" s="16">
        <v>57</v>
      </c>
      <c r="D73" s="17">
        <v>116</v>
      </c>
    </row>
    <row r="74" spans="1:4" ht="18" customHeight="1" x14ac:dyDescent="0.2">
      <c r="A74" s="14">
        <v>57</v>
      </c>
      <c r="B74" s="15">
        <v>63</v>
      </c>
      <c r="C74" s="16">
        <v>59</v>
      </c>
      <c r="D74" s="17">
        <v>122</v>
      </c>
    </row>
    <row r="75" spans="1:4" ht="18" customHeight="1" x14ac:dyDescent="0.2">
      <c r="A75" s="14">
        <v>58</v>
      </c>
      <c r="B75" s="15">
        <v>67</v>
      </c>
      <c r="C75" s="16">
        <v>70</v>
      </c>
      <c r="D75" s="17">
        <v>137</v>
      </c>
    </row>
    <row r="76" spans="1:4" ht="18" customHeight="1" x14ac:dyDescent="0.2">
      <c r="A76" s="14">
        <v>59</v>
      </c>
      <c r="B76" s="15">
        <v>75</v>
      </c>
      <c r="C76" s="16">
        <v>88</v>
      </c>
      <c r="D76" s="17">
        <v>163</v>
      </c>
    </row>
    <row r="77" spans="1:4" ht="18" customHeight="1" x14ac:dyDescent="0.2">
      <c r="A77" s="18" t="s">
        <v>78</v>
      </c>
      <c r="B77" s="15">
        <v>318</v>
      </c>
      <c r="C77" s="16">
        <v>335</v>
      </c>
      <c r="D77" s="17">
        <v>653</v>
      </c>
    </row>
    <row r="78" spans="1:4" ht="18" customHeight="1" x14ac:dyDescent="0.2">
      <c r="A78" s="14">
        <v>60</v>
      </c>
      <c r="B78" s="15">
        <v>98</v>
      </c>
      <c r="C78" s="16">
        <v>88</v>
      </c>
      <c r="D78" s="17">
        <v>186</v>
      </c>
    </row>
    <row r="79" spans="1:4" ht="18" customHeight="1" x14ac:dyDescent="0.2">
      <c r="A79" s="14">
        <v>61</v>
      </c>
      <c r="B79" s="15">
        <v>72</v>
      </c>
      <c r="C79" s="16">
        <v>104</v>
      </c>
      <c r="D79" s="17">
        <v>176</v>
      </c>
    </row>
    <row r="80" spans="1:4" ht="18" customHeight="1" x14ac:dyDescent="0.2">
      <c r="A80" s="14">
        <v>62</v>
      </c>
      <c r="B80" s="15">
        <v>92</v>
      </c>
      <c r="C80" s="16">
        <v>52</v>
      </c>
      <c r="D80" s="17">
        <v>144</v>
      </c>
    </row>
    <row r="81" spans="1:4" ht="18" customHeight="1" x14ac:dyDescent="0.2">
      <c r="A81" s="14">
        <v>63</v>
      </c>
      <c r="B81" s="15">
        <v>43</v>
      </c>
      <c r="C81" s="16">
        <v>43</v>
      </c>
      <c r="D81" s="17">
        <v>86</v>
      </c>
    </row>
    <row r="82" spans="1:4" ht="18" customHeight="1" x14ac:dyDescent="0.2">
      <c r="A82" s="14">
        <v>64</v>
      </c>
      <c r="B82" s="15">
        <v>64</v>
      </c>
      <c r="C82" s="16">
        <v>56</v>
      </c>
      <c r="D82" s="17">
        <v>120</v>
      </c>
    </row>
    <row r="83" spans="1:4" ht="18" customHeight="1" x14ac:dyDescent="0.2">
      <c r="A83" s="18" t="s">
        <v>79</v>
      </c>
      <c r="B83" s="15">
        <v>369</v>
      </c>
      <c r="C83" s="16">
        <v>343</v>
      </c>
      <c r="D83" s="17">
        <v>712</v>
      </c>
    </row>
    <row r="84" spans="1:4" ht="18" customHeight="1" x14ac:dyDescent="0.2">
      <c r="A84" s="18" t="s">
        <v>80</v>
      </c>
      <c r="B84" s="15">
        <v>2738</v>
      </c>
      <c r="C84" s="16">
        <v>2548</v>
      </c>
      <c r="D84" s="17">
        <v>5286</v>
      </c>
    </row>
    <row r="85" spans="1:4" ht="18" customHeight="1" x14ac:dyDescent="0.2">
      <c r="A85" s="14">
        <v>65</v>
      </c>
      <c r="B85" s="15">
        <v>53</v>
      </c>
      <c r="C85" s="16">
        <v>57</v>
      </c>
      <c r="D85" s="17">
        <v>110</v>
      </c>
    </row>
    <row r="86" spans="1:4" ht="18" customHeight="1" x14ac:dyDescent="0.2">
      <c r="A86" s="14">
        <v>66</v>
      </c>
      <c r="B86" s="15">
        <v>50</v>
      </c>
      <c r="C86" s="16">
        <v>59</v>
      </c>
      <c r="D86" s="17">
        <v>109</v>
      </c>
    </row>
    <row r="87" spans="1:4" ht="18" customHeight="1" x14ac:dyDescent="0.2">
      <c r="A87" s="14">
        <v>67</v>
      </c>
      <c r="B87" s="15">
        <v>79</v>
      </c>
      <c r="C87" s="16">
        <v>66</v>
      </c>
      <c r="D87" s="17">
        <v>145</v>
      </c>
    </row>
    <row r="88" spans="1:4" ht="18" customHeight="1" x14ac:dyDescent="0.2">
      <c r="A88" s="14">
        <v>68</v>
      </c>
      <c r="B88" s="15">
        <v>52</v>
      </c>
      <c r="C88" s="16">
        <v>57</v>
      </c>
      <c r="D88" s="17">
        <v>109</v>
      </c>
    </row>
    <row r="89" spans="1:4" ht="18" customHeight="1" x14ac:dyDescent="0.2">
      <c r="A89" s="14">
        <v>69</v>
      </c>
      <c r="B89" s="15">
        <v>33</v>
      </c>
      <c r="C89" s="16">
        <v>47</v>
      </c>
      <c r="D89" s="17">
        <v>80</v>
      </c>
    </row>
    <row r="90" spans="1:4" ht="18" customHeight="1" x14ac:dyDescent="0.2">
      <c r="A90" s="18" t="s">
        <v>81</v>
      </c>
      <c r="B90" s="15">
        <v>267</v>
      </c>
      <c r="C90" s="16">
        <v>286</v>
      </c>
      <c r="D90" s="17">
        <v>553</v>
      </c>
    </row>
    <row r="91" spans="1:4" ht="18" customHeight="1" x14ac:dyDescent="0.2">
      <c r="A91" s="14">
        <v>70</v>
      </c>
      <c r="B91" s="15">
        <v>37</v>
      </c>
      <c r="C91" s="16">
        <v>31</v>
      </c>
      <c r="D91" s="17">
        <v>68</v>
      </c>
    </row>
    <row r="92" spans="1:4" ht="18" customHeight="1" x14ac:dyDescent="0.2">
      <c r="A92" s="14">
        <v>71</v>
      </c>
      <c r="B92" s="15">
        <v>37</v>
      </c>
      <c r="C92" s="16">
        <v>46</v>
      </c>
      <c r="D92" s="17">
        <v>83</v>
      </c>
    </row>
    <row r="93" spans="1:4" ht="18" customHeight="1" x14ac:dyDescent="0.2">
      <c r="A93" s="14">
        <v>72</v>
      </c>
      <c r="B93" s="15">
        <v>41</v>
      </c>
      <c r="C93" s="16">
        <v>46</v>
      </c>
      <c r="D93" s="17">
        <v>87</v>
      </c>
    </row>
    <row r="94" spans="1:4" ht="18" customHeight="1" x14ac:dyDescent="0.2">
      <c r="A94" s="14">
        <v>73</v>
      </c>
      <c r="B94" s="15">
        <v>44</v>
      </c>
      <c r="C94" s="16">
        <v>47</v>
      </c>
      <c r="D94" s="17">
        <v>91</v>
      </c>
    </row>
    <row r="95" spans="1:4" ht="18" customHeight="1" x14ac:dyDescent="0.2">
      <c r="A95" s="14">
        <v>74</v>
      </c>
      <c r="B95" s="15">
        <v>31</v>
      </c>
      <c r="C95" s="16">
        <v>25</v>
      </c>
      <c r="D95" s="17">
        <v>56</v>
      </c>
    </row>
    <row r="96" spans="1:4" ht="18" customHeight="1" x14ac:dyDescent="0.2">
      <c r="A96" s="18" t="s">
        <v>82</v>
      </c>
      <c r="B96" s="15">
        <v>190</v>
      </c>
      <c r="C96" s="16">
        <v>195</v>
      </c>
      <c r="D96" s="17">
        <v>385</v>
      </c>
    </row>
    <row r="97" spans="1:4" ht="18" customHeight="1" x14ac:dyDescent="0.2">
      <c r="A97" s="14">
        <v>75</v>
      </c>
      <c r="B97" s="15">
        <v>28</v>
      </c>
      <c r="C97" s="16">
        <v>35</v>
      </c>
      <c r="D97" s="17">
        <v>63</v>
      </c>
    </row>
    <row r="98" spans="1:4" ht="18" customHeight="1" x14ac:dyDescent="0.2">
      <c r="A98" s="14">
        <v>76</v>
      </c>
      <c r="B98" s="15">
        <v>27</v>
      </c>
      <c r="C98" s="16">
        <v>36</v>
      </c>
      <c r="D98" s="17">
        <v>63</v>
      </c>
    </row>
    <row r="99" spans="1:4" ht="18" customHeight="1" x14ac:dyDescent="0.2">
      <c r="A99" s="14">
        <v>77</v>
      </c>
      <c r="B99" s="15">
        <v>27</v>
      </c>
      <c r="C99" s="16">
        <v>41</v>
      </c>
      <c r="D99" s="17">
        <v>68</v>
      </c>
    </row>
    <row r="100" spans="1:4" ht="18" customHeight="1" x14ac:dyDescent="0.2">
      <c r="A100" s="14">
        <v>78</v>
      </c>
      <c r="B100" s="15">
        <v>27</v>
      </c>
      <c r="C100" s="16">
        <v>28</v>
      </c>
      <c r="D100" s="17">
        <v>55</v>
      </c>
    </row>
    <row r="101" spans="1:4" ht="18" customHeight="1" x14ac:dyDescent="0.2">
      <c r="A101" s="14">
        <v>79</v>
      </c>
      <c r="B101" s="15">
        <v>22</v>
      </c>
      <c r="C101" s="16">
        <v>33</v>
      </c>
      <c r="D101" s="17">
        <v>55</v>
      </c>
    </row>
    <row r="102" spans="1:4" ht="18" customHeight="1" x14ac:dyDescent="0.2">
      <c r="A102" s="18" t="s">
        <v>83</v>
      </c>
      <c r="B102" s="15">
        <v>131</v>
      </c>
      <c r="C102" s="16">
        <v>173</v>
      </c>
      <c r="D102" s="17">
        <v>304</v>
      </c>
    </row>
    <row r="103" spans="1:4" ht="18" customHeight="1" x14ac:dyDescent="0.2">
      <c r="A103" s="14">
        <v>80</v>
      </c>
      <c r="B103" s="15">
        <v>16</v>
      </c>
      <c r="C103" s="16">
        <v>33</v>
      </c>
      <c r="D103" s="17">
        <v>49</v>
      </c>
    </row>
    <row r="104" spans="1:4" ht="18" customHeight="1" x14ac:dyDescent="0.2">
      <c r="A104" s="14">
        <v>81</v>
      </c>
      <c r="B104" s="15">
        <v>18</v>
      </c>
      <c r="C104" s="16">
        <v>28</v>
      </c>
      <c r="D104" s="17">
        <v>46</v>
      </c>
    </row>
    <row r="105" spans="1:4" ht="18" customHeight="1" x14ac:dyDescent="0.2">
      <c r="A105" s="14">
        <v>82</v>
      </c>
      <c r="B105" s="15">
        <v>15</v>
      </c>
      <c r="C105" s="16">
        <v>36</v>
      </c>
      <c r="D105" s="17">
        <v>51</v>
      </c>
    </row>
    <row r="106" spans="1:4" ht="18" customHeight="1" x14ac:dyDescent="0.2">
      <c r="A106" s="14">
        <v>83</v>
      </c>
      <c r="B106" s="15">
        <v>13</v>
      </c>
      <c r="C106" s="16">
        <v>39</v>
      </c>
      <c r="D106" s="17">
        <v>52</v>
      </c>
    </row>
    <row r="107" spans="1:4" ht="18" customHeight="1" x14ac:dyDescent="0.2">
      <c r="A107" s="14">
        <v>84</v>
      </c>
      <c r="B107" s="15">
        <v>16</v>
      </c>
      <c r="C107" s="16">
        <v>26</v>
      </c>
      <c r="D107" s="17">
        <v>42</v>
      </c>
    </row>
    <row r="108" spans="1:4" ht="18" customHeight="1" x14ac:dyDescent="0.2">
      <c r="A108" s="18" t="s">
        <v>84</v>
      </c>
      <c r="B108" s="15">
        <v>78</v>
      </c>
      <c r="C108" s="16">
        <v>162</v>
      </c>
      <c r="D108" s="17">
        <v>240</v>
      </c>
    </row>
    <row r="109" spans="1:4" ht="18" customHeight="1" x14ac:dyDescent="0.2">
      <c r="A109" s="14">
        <v>85</v>
      </c>
      <c r="B109" s="15">
        <v>10</v>
      </c>
      <c r="C109" s="16">
        <v>24</v>
      </c>
      <c r="D109" s="17">
        <v>34</v>
      </c>
    </row>
    <row r="110" spans="1:4" ht="18" customHeight="1" x14ac:dyDescent="0.2">
      <c r="A110" s="14">
        <v>86</v>
      </c>
      <c r="B110" s="15">
        <v>8</v>
      </c>
      <c r="C110" s="16">
        <v>18</v>
      </c>
      <c r="D110" s="17">
        <v>26</v>
      </c>
    </row>
    <row r="111" spans="1:4" ht="18" customHeight="1" x14ac:dyDescent="0.2">
      <c r="A111" s="14">
        <v>87</v>
      </c>
      <c r="B111" s="15">
        <v>11</v>
      </c>
      <c r="C111" s="16">
        <v>26</v>
      </c>
      <c r="D111" s="17">
        <v>37</v>
      </c>
    </row>
    <row r="112" spans="1:4" ht="18" customHeight="1" x14ac:dyDescent="0.2">
      <c r="A112" s="14">
        <v>88</v>
      </c>
      <c r="B112" s="15">
        <v>7</v>
      </c>
      <c r="C112" s="16">
        <v>28</v>
      </c>
      <c r="D112" s="17">
        <v>35</v>
      </c>
    </row>
    <row r="113" spans="1:4" ht="18" customHeight="1" x14ac:dyDescent="0.2">
      <c r="A113" s="14">
        <v>89</v>
      </c>
      <c r="B113" s="15">
        <v>10</v>
      </c>
      <c r="C113" s="16">
        <v>17</v>
      </c>
      <c r="D113" s="17">
        <v>27</v>
      </c>
    </row>
    <row r="114" spans="1:4" ht="18" customHeight="1" x14ac:dyDescent="0.2">
      <c r="A114" s="18" t="s">
        <v>85</v>
      </c>
      <c r="B114" s="15">
        <v>46</v>
      </c>
      <c r="C114" s="16">
        <v>113</v>
      </c>
      <c r="D114" s="17">
        <v>159</v>
      </c>
    </row>
    <row r="115" spans="1:4" ht="18" customHeight="1" x14ac:dyDescent="0.2">
      <c r="A115" s="14">
        <v>90</v>
      </c>
      <c r="B115" s="15">
        <v>6</v>
      </c>
      <c r="C115" s="16">
        <v>11</v>
      </c>
      <c r="D115" s="17">
        <v>17</v>
      </c>
    </row>
    <row r="116" spans="1:4" ht="18" customHeight="1" x14ac:dyDescent="0.2">
      <c r="A116" s="14">
        <v>91</v>
      </c>
      <c r="B116" s="15">
        <v>3</v>
      </c>
      <c r="C116" s="16">
        <v>9</v>
      </c>
      <c r="D116" s="17">
        <v>12</v>
      </c>
    </row>
    <row r="117" spans="1:4" ht="18" customHeight="1" x14ac:dyDescent="0.2">
      <c r="A117" s="14">
        <v>92</v>
      </c>
      <c r="B117" s="15">
        <v>7</v>
      </c>
      <c r="C117" s="16">
        <v>7</v>
      </c>
      <c r="D117" s="17">
        <v>14</v>
      </c>
    </row>
    <row r="118" spans="1:4" ht="18" customHeight="1" x14ac:dyDescent="0.2">
      <c r="A118" s="14">
        <v>93</v>
      </c>
      <c r="B118" s="15">
        <v>1</v>
      </c>
      <c r="C118" s="16">
        <v>3</v>
      </c>
      <c r="D118" s="17">
        <v>4</v>
      </c>
    </row>
    <row r="119" spans="1:4" ht="18" customHeight="1" x14ac:dyDescent="0.2">
      <c r="A119" s="14">
        <v>94</v>
      </c>
      <c r="B119" s="15">
        <v>3</v>
      </c>
      <c r="C119" s="16">
        <v>9</v>
      </c>
      <c r="D119" s="17">
        <v>12</v>
      </c>
    </row>
    <row r="120" spans="1:4" ht="18" customHeight="1" x14ac:dyDescent="0.2">
      <c r="A120" s="18" t="s">
        <v>86</v>
      </c>
      <c r="B120" s="15">
        <v>20</v>
      </c>
      <c r="C120" s="16">
        <v>39</v>
      </c>
      <c r="D120" s="17">
        <v>59</v>
      </c>
    </row>
    <row r="121" spans="1:4" ht="18" customHeight="1" x14ac:dyDescent="0.2">
      <c r="A121" s="14">
        <v>95</v>
      </c>
      <c r="B121" s="15">
        <v>1</v>
      </c>
      <c r="C121" s="16">
        <v>4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2</v>
      </c>
      <c r="C126" s="16">
        <v>13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734</v>
      </c>
      <c r="C130" s="5">
        <v>982</v>
      </c>
      <c r="D130" s="6">
        <v>1716</v>
      </c>
    </row>
    <row r="131" spans="1:4" ht="18" customHeight="1" x14ac:dyDescent="0.2">
      <c r="A131" s="20" t="s">
        <v>65</v>
      </c>
      <c r="B131" s="7">
        <v>4073</v>
      </c>
      <c r="C131" s="8">
        <v>4158</v>
      </c>
      <c r="D131" s="9">
        <v>823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9</v>
      </c>
      <c r="C5" s="12">
        <v>9</v>
      </c>
      <c r="D5" s="13">
        <v>18</v>
      </c>
    </row>
    <row r="6" spans="1:4" ht="18" customHeight="1" x14ac:dyDescent="0.2">
      <c r="A6" s="14">
        <v>1</v>
      </c>
      <c r="B6" s="15">
        <v>6</v>
      </c>
      <c r="C6" s="16">
        <v>5</v>
      </c>
      <c r="D6" s="17">
        <v>11</v>
      </c>
    </row>
    <row r="7" spans="1:4" ht="18" customHeight="1" x14ac:dyDescent="0.2">
      <c r="A7" s="14">
        <v>2</v>
      </c>
      <c r="B7" s="15">
        <v>9</v>
      </c>
      <c r="C7" s="16">
        <v>13</v>
      </c>
      <c r="D7" s="17">
        <v>22</v>
      </c>
    </row>
    <row r="8" spans="1:4" ht="18" customHeight="1" x14ac:dyDescent="0.2">
      <c r="A8" s="14">
        <v>3</v>
      </c>
      <c r="B8" s="15">
        <v>13</v>
      </c>
      <c r="C8" s="16">
        <v>19</v>
      </c>
      <c r="D8" s="17">
        <v>32</v>
      </c>
    </row>
    <row r="9" spans="1:4" ht="18" customHeight="1" x14ac:dyDescent="0.2">
      <c r="A9" s="14">
        <v>4</v>
      </c>
      <c r="B9" s="15">
        <v>12</v>
      </c>
      <c r="C9" s="16">
        <v>4</v>
      </c>
      <c r="D9" s="17">
        <v>16</v>
      </c>
    </row>
    <row r="10" spans="1:4" ht="18" customHeight="1" x14ac:dyDescent="0.2">
      <c r="A10" s="18" t="s">
        <v>66</v>
      </c>
      <c r="B10" s="15">
        <v>49</v>
      </c>
      <c r="C10" s="16">
        <v>50</v>
      </c>
      <c r="D10" s="17">
        <v>99</v>
      </c>
    </row>
    <row r="11" spans="1:4" ht="18" customHeight="1" x14ac:dyDescent="0.2">
      <c r="A11" s="14">
        <v>5</v>
      </c>
      <c r="B11" s="15">
        <v>17</v>
      </c>
      <c r="C11" s="16">
        <v>10</v>
      </c>
      <c r="D11" s="17">
        <v>27</v>
      </c>
    </row>
    <row r="12" spans="1:4" ht="18" customHeight="1" x14ac:dyDescent="0.2">
      <c r="A12" s="14">
        <v>6</v>
      </c>
      <c r="B12" s="15">
        <v>12</v>
      </c>
      <c r="C12" s="16">
        <v>15</v>
      </c>
      <c r="D12" s="17">
        <v>27</v>
      </c>
    </row>
    <row r="13" spans="1:4" ht="18" customHeight="1" x14ac:dyDescent="0.2">
      <c r="A13" s="14">
        <v>7</v>
      </c>
      <c r="B13" s="15">
        <v>13</v>
      </c>
      <c r="C13" s="16">
        <v>10</v>
      </c>
      <c r="D13" s="17">
        <v>23</v>
      </c>
    </row>
    <row r="14" spans="1:4" ht="18" customHeight="1" x14ac:dyDescent="0.2">
      <c r="A14" s="14">
        <v>8</v>
      </c>
      <c r="B14" s="15">
        <v>7</v>
      </c>
      <c r="C14" s="16">
        <v>15</v>
      </c>
      <c r="D14" s="17">
        <v>22</v>
      </c>
    </row>
    <row r="15" spans="1:4" ht="18" customHeight="1" x14ac:dyDescent="0.2">
      <c r="A15" s="14">
        <v>9</v>
      </c>
      <c r="B15" s="15">
        <v>17</v>
      </c>
      <c r="C15" s="16">
        <v>12</v>
      </c>
      <c r="D15" s="17">
        <v>29</v>
      </c>
    </row>
    <row r="16" spans="1:4" ht="18" customHeight="1" x14ac:dyDescent="0.2">
      <c r="A16" s="18" t="s">
        <v>67</v>
      </c>
      <c r="B16" s="15">
        <v>66</v>
      </c>
      <c r="C16" s="16">
        <v>62</v>
      </c>
      <c r="D16" s="17">
        <v>128</v>
      </c>
    </row>
    <row r="17" spans="1:4" ht="18" customHeight="1" x14ac:dyDescent="0.2">
      <c r="A17" s="14">
        <v>10</v>
      </c>
      <c r="B17" s="15">
        <v>12</v>
      </c>
      <c r="C17" s="16">
        <v>7</v>
      </c>
      <c r="D17" s="17">
        <v>19</v>
      </c>
    </row>
    <row r="18" spans="1:4" ht="18" customHeight="1" x14ac:dyDescent="0.2">
      <c r="A18" s="14">
        <v>11</v>
      </c>
      <c r="B18" s="15">
        <v>13</v>
      </c>
      <c r="C18" s="16">
        <v>15</v>
      </c>
      <c r="D18" s="17">
        <v>28</v>
      </c>
    </row>
    <row r="19" spans="1:4" ht="18" customHeight="1" x14ac:dyDescent="0.2">
      <c r="A19" s="14">
        <v>12</v>
      </c>
      <c r="B19" s="15">
        <v>11</v>
      </c>
      <c r="C19" s="16">
        <v>3</v>
      </c>
      <c r="D19" s="17">
        <v>14</v>
      </c>
    </row>
    <row r="20" spans="1:4" ht="18" customHeight="1" x14ac:dyDescent="0.2">
      <c r="A20" s="14">
        <v>13</v>
      </c>
      <c r="B20" s="15">
        <v>12</v>
      </c>
      <c r="C20" s="16">
        <v>13</v>
      </c>
      <c r="D20" s="17">
        <v>25</v>
      </c>
    </row>
    <row r="21" spans="1:4" ht="18" customHeight="1" x14ac:dyDescent="0.2">
      <c r="A21" s="14">
        <v>14</v>
      </c>
      <c r="B21" s="15">
        <v>13</v>
      </c>
      <c r="C21" s="16">
        <v>8</v>
      </c>
      <c r="D21" s="17">
        <v>21</v>
      </c>
    </row>
    <row r="22" spans="1:4" ht="18" customHeight="1" x14ac:dyDescent="0.2">
      <c r="A22" s="18" t="s">
        <v>68</v>
      </c>
      <c r="B22" s="15">
        <v>61</v>
      </c>
      <c r="C22" s="16">
        <v>46</v>
      </c>
      <c r="D22" s="17">
        <v>107</v>
      </c>
    </row>
    <row r="23" spans="1:4" ht="18" customHeight="1" x14ac:dyDescent="0.2">
      <c r="A23" s="18" t="s">
        <v>69</v>
      </c>
      <c r="B23" s="15">
        <v>176</v>
      </c>
      <c r="C23" s="16">
        <v>158</v>
      </c>
      <c r="D23" s="17">
        <v>334</v>
      </c>
    </row>
    <row r="24" spans="1:4" ht="18" customHeight="1" x14ac:dyDescent="0.2">
      <c r="A24" s="14">
        <v>15</v>
      </c>
      <c r="B24" s="15">
        <v>6</v>
      </c>
      <c r="C24" s="16">
        <v>12</v>
      </c>
      <c r="D24" s="17">
        <v>18</v>
      </c>
    </row>
    <row r="25" spans="1:4" ht="18" customHeight="1" x14ac:dyDescent="0.2">
      <c r="A25" s="14">
        <v>16</v>
      </c>
      <c r="B25" s="15">
        <v>7</v>
      </c>
      <c r="C25" s="16">
        <v>11</v>
      </c>
      <c r="D25" s="17">
        <v>18</v>
      </c>
    </row>
    <row r="26" spans="1:4" ht="18" customHeight="1" x14ac:dyDescent="0.2">
      <c r="A26" s="14">
        <v>17</v>
      </c>
      <c r="B26" s="15">
        <v>13</v>
      </c>
      <c r="C26" s="16">
        <v>14</v>
      </c>
      <c r="D26" s="17">
        <v>27</v>
      </c>
    </row>
    <row r="27" spans="1:4" ht="18" customHeight="1" x14ac:dyDescent="0.2">
      <c r="A27" s="14">
        <v>18</v>
      </c>
      <c r="B27" s="15">
        <v>15</v>
      </c>
      <c r="C27" s="16">
        <v>7</v>
      </c>
      <c r="D27" s="17">
        <v>22</v>
      </c>
    </row>
    <row r="28" spans="1:4" ht="18" customHeight="1" x14ac:dyDescent="0.2">
      <c r="A28" s="14">
        <v>19</v>
      </c>
      <c r="B28" s="15">
        <v>13</v>
      </c>
      <c r="C28" s="16">
        <v>14</v>
      </c>
      <c r="D28" s="17">
        <v>27</v>
      </c>
    </row>
    <row r="29" spans="1:4" ht="18" customHeight="1" x14ac:dyDescent="0.2">
      <c r="A29" s="18" t="s">
        <v>70</v>
      </c>
      <c r="B29" s="15">
        <v>54</v>
      </c>
      <c r="C29" s="16">
        <v>58</v>
      </c>
      <c r="D29" s="17">
        <v>112</v>
      </c>
    </row>
    <row r="30" spans="1:4" ht="18" customHeight="1" x14ac:dyDescent="0.2">
      <c r="A30" s="14">
        <v>20</v>
      </c>
      <c r="B30" s="15">
        <v>11</v>
      </c>
      <c r="C30" s="16">
        <v>11</v>
      </c>
      <c r="D30" s="17">
        <v>22</v>
      </c>
    </row>
    <row r="31" spans="1:4" ht="18" customHeight="1" x14ac:dyDescent="0.2">
      <c r="A31" s="14">
        <v>21</v>
      </c>
      <c r="B31" s="15">
        <v>3</v>
      </c>
      <c r="C31" s="16">
        <v>9</v>
      </c>
      <c r="D31" s="17">
        <v>12</v>
      </c>
    </row>
    <row r="32" spans="1:4" ht="18" customHeight="1" x14ac:dyDescent="0.2">
      <c r="A32" s="14">
        <v>22</v>
      </c>
      <c r="B32" s="15">
        <v>14</v>
      </c>
      <c r="C32" s="16">
        <v>11</v>
      </c>
      <c r="D32" s="17">
        <v>25</v>
      </c>
    </row>
    <row r="33" spans="1:4" ht="18" customHeight="1" x14ac:dyDescent="0.2">
      <c r="A33" s="14">
        <v>23</v>
      </c>
      <c r="B33" s="15">
        <v>13</v>
      </c>
      <c r="C33" s="16">
        <v>13</v>
      </c>
      <c r="D33" s="17">
        <v>26</v>
      </c>
    </row>
    <row r="34" spans="1:4" ht="18" customHeight="1" x14ac:dyDescent="0.2">
      <c r="A34" s="14">
        <v>24</v>
      </c>
      <c r="B34" s="15">
        <v>15</v>
      </c>
      <c r="C34" s="16">
        <v>9</v>
      </c>
      <c r="D34" s="17">
        <v>24</v>
      </c>
    </row>
    <row r="35" spans="1:4" ht="18" customHeight="1" x14ac:dyDescent="0.2">
      <c r="A35" s="18" t="s">
        <v>71</v>
      </c>
      <c r="B35" s="15">
        <v>56</v>
      </c>
      <c r="C35" s="16">
        <v>53</v>
      </c>
      <c r="D35" s="17">
        <v>109</v>
      </c>
    </row>
    <row r="36" spans="1:4" ht="18" customHeight="1" x14ac:dyDescent="0.2">
      <c r="A36" s="14">
        <v>25</v>
      </c>
      <c r="B36" s="15">
        <v>12</v>
      </c>
      <c r="C36" s="16">
        <v>14</v>
      </c>
      <c r="D36" s="17">
        <v>26</v>
      </c>
    </row>
    <row r="37" spans="1:4" ht="18" customHeight="1" x14ac:dyDescent="0.2">
      <c r="A37" s="14">
        <v>26</v>
      </c>
      <c r="B37" s="15">
        <v>19</v>
      </c>
      <c r="C37" s="16">
        <v>15</v>
      </c>
      <c r="D37" s="17">
        <v>34</v>
      </c>
    </row>
    <row r="38" spans="1:4" ht="18" customHeight="1" x14ac:dyDescent="0.2">
      <c r="A38" s="14">
        <v>27</v>
      </c>
      <c r="B38" s="15">
        <v>5</v>
      </c>
      <c r="C38" s="16">
        <v>16</v>
      </c>
      <c r="D38" s="17">
        <v>21</v>
      </c>
    </row>
    <row r="39" spans="1:4" ht="18" customHeight="1" x14ac:dyDescent="0.2">
      <c r="A39" s="14">
        <v>28</v>
      </c>
      <c r="B39" s="15">
        <v>18</v>
      </c>
      <c r="C39" s="16">
        <v>19</v>
      </c>
      <c r="D39" s="17">
        <v>37</v>
      </c>
    </row>
    <row r="40" spans="1:4" ht="18" customHeight="1" x14ac:dyDescent="0.2">
      <c r="A40" s="14">
        <v>29</v>
      </c>
      <c r="B40" s="15">
        <v>17</v>
      </c>
      <c r="C40" s="16">
        <v>21</v>
      </c>
      <c r="D40" s="17">
        <v>38</v>
      </c>
    </row>
    <row r="41" spans="1:4" ht="18" customHeight="1" x14ac:dyDescent="0.2">
      <c r="A41" s="18" t="s">
        <v>72</v>
      </c>
      <c r="B41" s="15">
        <v>71</v>
      </c>
      <c r="C41" s="16">
        <v>85</v>
      </c>
      <c r="D41" s="17">
        <v>156</v>
      </c>
    </row>
    <row r="42" spans="1:4" ht="18" customHeight="1" x14ac:dyDescent="0.2">
      <c r="A42" s="14">
        <v>30</v>
      </c>
      <c r="B42" s="15">
        <v>18</v>
      </c>
      <c r="C42" s="16">
        <v>17</v>
      </c>
      <c r="D42" s="17">
        <v>35</v>
      </c>
    </row>
    <row r="43" spans="1:4" ht="18" customHeight="1" x14ac:dyDescent="0.2">
      <c r="A43" s="14">
        <v>31</v>
      </c>
      <c r="B43" s="15">
        <v>15</v>
      </c>
      <c r="C43" s="16">
        <v>15</v>
      </c>
      <c r="D43" s="17">
        <v>30</v>
      </c>
    </row>
    <row r="44" spans="1:4" ht="18" customHeight="1" x14ac:dyDescent="0.2">
      <c r="A44" s="14">
        <v>32</v>
      </c>
      <c r="B44" s="15">
        <v>22</v>
      </c>
      <c r="C44" s="16">
        <v>27</v>
      </c>
      <c r="D44" s="17">
        <v>49</v>
      </c>
    </row>
    <row r="45" spans="1:4" ht="18" customHeight="1" x14ac:dyDescent="0.2">
      <c r="A45" s="14">
        <v>33</v>
      </c>
      <c r="B45" s="15">
        <v>24</v>
      </c>
      <c r="C45" s="16">
        <v>16</v>
      </c>
      <c r="D45" s="17">
        <v>40</v>
      </c>
    </row>
    <row r="46" spans="1:4" ht="18" customHeight="1" x14ac:dyDescent="0.2">
      <c r="A46" s="14">
        <v>34</v>
      </c>
      <c r="B46" s="15">
        <v>17</v>
      </c>
      <c r="C46" s="16">
        <v>19</v>
      </c>
      <c r="D46" s="17">
        <v>36</v>
      </c>
    </row>
    <row r="47" spans="1:4" ht="18" customHeight="1" x14ac:dyDescent="0.2">
      <c r="A47" s="18" t="s">
        <v>73</v>
      </c>
      <c r="B47" s="15">
        <v>96</v>
      </c>
      <c r="C47" s="16">
        <v>94</v>
      </c>
      <c r="D47" s="17">
        <v>190</v>
      </c>
    </row>
    <row r="48" spans="1:4" ht="18" customHeight="1" x14ac:dyDescent="0.2">
      <c r="A48" s="14">
        <v>35</v>
      </c>
      <c r="B48" s="15">
        <v>24</v>
      </c>
      <c r="C48" s="16">
        <v>21</v>
      </c>
      <c r="D48" s="17">
        <v>45</v>
      </c>
    </row>
    <row r="49" spans="1:4" ht="18" customHeight="1" x14ac:dyDescent="0.2">
      <c r="A49" s="14">
        <v>36</v>
      </c>
      <c r="B49" s="15">
        <v>17</v>
      </c>
      <c r="C49" s="16">
        <v>20</v>
      </c>
      <c r="D49" s="17">
        <v>37</v>
      </c>
    </row>
    <row r="50" spans="1:4" ht="18" customHeight="1" x14ac:dyDescent="0.2">
      <c r="A50" s="14">
        <v>37</v>
      </c>
      <c r="B50" s="15">
        <v>23</v>
      </c>
      <c r="C50" s="16">
        <v>26</v>
      </c>
      <c r="D50" s="17">
        <v>49</v>
      </c>
    </row>
    <row r="51" spans="1:4" ht="18" customHeight="1" x14ac:dyDescent="0.2">
      <c r="A51" s="14">
        <v>38</v>
      </c>
      <c r="B51" s="15">
        <v>26</v>
      </c>
      <c r="C51" s="16">
        <v>22</v>
      </c>
      <c r="D51" s="17">
        <v>48</v>
      </c>
    </row>
    <row r="52" spans="1:4" ht="18" customHeight="1" x14ac:dyDescent="0.2">
      <c r="A52" s="14">
        <v>39</v>
      </c>
      <c r="B52" s="15">
        <v>16</v>
      </c>
      <c r="C52" s="16">
        <v>12</v>
      </c>
      <c r="D52" s="17">
        <v>28</v>
      </c>
    </row>
    <row r="53" spans="1:4" ht="18" customHeight="1" x14ac:dyDescent="0.2">
      <c r="A53" s="18" t="s">
        <v>74</v>
      </c>
      <c r="B53" s="15">
        <v>106</v>
      </c>
      <c r="C53" s="16">
        <v>101</v>
      </c>
      <c r="D53" s="17">
        <v>207</v>
      </c>
    </row>
    <row r="54" spans="1:4" ht="18" customHeight="1" x14ac:dyDescent="0.2">
      <c r="A54" s="14">
        <v>40</v>
      </c>
      <c r="B54" s="15">
        <v>16</v>
      </c>
      <c r="C54" s="16">
        <v>13</v>
      </c>
      <c r="D54" s="17">
        <v>29</v>
      </c>
    </row>
    <row r="55" spans="1:4" ht="18" customHeight="1" x14ac:dyDescent="0.2">
      <c r="A55" s="14">
        <v>41</v>
      </c>
      <c r="B55" s="15">
        <v>15</v>
      </c>
      <c r="C55" s="16">
        <v>17</v>
      </c>
      <c r="D55" s="17">
        <v>32</v>
      </c>
    </row>
    <row r="56" spans="1:4" ht="18" customHeight="1" x14ac:dyDescent="0.2">
      <c r="A56" s="14">
        <v>42</v>
      </c>
      <c r="B56" s="15">
        <v>9</v>
      </c>
      <c r="C56" s="16">
        <v>11</v>
      </c>
      <c r="D56" s="17">
        <v>20</v>
      </c>
    </row>
    <row r="57" spans="1:4" ht="18" customHeight="1" x14ac:dyDescent="0.2">
      <c r="A57" s="14">
        <v>43</v>
      </c>
      <c r="B57" s="15">
        <v>15</v>
      </c>
      <c r="C57" s="16">
        <v>15</v>
      </c>
      <c r="D57" s="17">
        <v>30</v>
      </c>
    </row>
    <row r="58" spans="1:4" ht="18" customHeight="1" x14ac:dyDescent="0.2">
      <c r="A58" s="14">
        <v>44</v>
      </c>
      <c r="B58" s="15">
        <v>18</v>
      </c>
      <c r="C58" s="16">
        <v>15</v>
      </c>
      <c r="D58" s="17">
        <v>33</v>
      </c>
    </row>
    <row r="59" spans="1:4" ht="18" customHeight="1" x14ac:dyDescent="0.2">
      <c r="A59" s="18" t="s">
        <v>75</v>
      </c>
      <c r="B59" s="15">
        <v>73</v>
      </c>
      <c r="C59" s="16">
        <v>71</v>
      </c>
      <c r="D59" s="17">
        <v>144</v>
      </c>
    </row>
    <row r="60" spans="1:4" ht="18" customHeight="1" x14ac:dyDescent="0.2">
      <c r="A60" s="14">
        <v>45</v>
      </c>
      <c r="B60" s="15">
        <v>19</v>
      </c>
      <c r="C60" s="16">
        <v>4</v>
      </c>
      <c r="D60" s="17">
        <v>23</v>
      </c>
    </row>
    <row r="61" spans="1:4" ht="18" customHeight="1" x14ac:dyDescent="0.2">
      <c r="A61" s="14">
        <v>46</v>
      </c>
      <c r="B61" s="15">
        <v>12</v>
      </c>
      <c r="C61" s="16">
        <v>9</v>
      </c>
      <c r="D61" s="17">
        <v>21</v>
      </c>
    </row>
    <row r="62" spans="1:4" ht="18" customHeight="1" x14ac:dyDescent="0.2">
      <c r="A62" s="14">
        <v>47</v>
      </c>
      <c r="B62" s="15">
        <v>12</v>
      </c>
      <c r="C62" s="16">
        <v>11</v>
      </c>
      <c r="D62" s="17">
        <v>23</v>
      </c>
    </row>
    <row r="63" spans="1:4" ht="18" customHeight="1" x14ac:dyDescent="0.2">
      <c r="A63" s="14">
        <v>48</v>
      </c>
      <c r="B63" s="15">
        <v>16</v>
      </c>
      <c r="C63" s="16">
        <v>12</v>
      </c>
      <c r="D63" s="17">
        <v>28</v>
      </c>
    </row>
    <row r="64" spans="1:4" ht="18" customHeight="1" x14ac:dyDescent="0.2">
      <c r="A64" s="14">
        <v>49</v>
      </c>
      <c r="B64" s="15">
        <v>16</v>
      </c>
      <c r="C64" s="16">
        <v>8</v>
      </c>
      <c r="D64" s="17">
        <v>24</v>
      </c>
    </row>
    <row r="65" spans="1:4" ht="18" customHeight="1" x14ac:dyDescent="0.2">
      <c r="A65" s="18" t="s">
        <v>76</v>
      </c>
      <c r="B65" s="15">
        <v>75</v>
      </c>
      <c r="C65" s="16">
        <v>44</v>
      </c>
      <c r="D65" s="17">
        <v>119</v>
      </c>
    </row>
    <row r="66" spans="1:4" ht="18" customHeight="1" x14ac:dyDescent="0.2">
      <c r="A66" s="14">
        <v>50</v>
      </c>
      <c r="B66" s="15">
        <v>10</v>
      </c>
      <c r="C66" s="16">
        <v>17</v>
      </c>
      <c r="D66" s="17">
        <v>27</v>
      </c>
    </row>
    <row r="67" spans="1:4" ht="18" customHeight="1" x14ac:dyDescent="0.2">
      <c r="A67" s="14">
        <v>51</v>
      </c>
      <c r="B67" s="15">
        <v>11</v>
      </c>
      <c r="C67" s="16">
        <v>16</v>
      </c>
      <c r="D67" s="17">
        <v>27</v>
      </c>
    </row>
    <row r="68" spans="1:4" ht="18" customHeight="1" x14ac:dyDescent="0.2">
      <c r="A68" s="14">
        <v>52</v>
      </c>
      <c r="B68" s="15">
        <v>7</v>
      </c>
      <c r="C68" s="16">
        <v>23</v>
      </c>
      <c r="D68" s="17">
        <v>30</v>
      </c>
    </row>
    <row r="69" spans="1:4" ht="18" customHeight="1" x14ac:dyDescent="0.2">
      <c r="A69" s="14">
        <v>53</v>
      </c>
      <c r="B69" s="15">
        <v>15</v>
      </c>
      <c r="C69" s="16">
        <v>21</v>
      </c>
      <c r="D69" s="17">
        <v>36</v>
      </c>
    </row>
    <row r="70" spans="1:4" ht="18" customHeight="1" x14ac:dyDescent="0.2">
      <c r="A70" s="14">
        <v>54</v>
      </c>
      <c r="B70" s="15">
        <v>20</v>
      </c>
      <c r="C70" s="16">
        <v>25</v>
      </c>
      <c r="D70" s="17">
        <v>45</v>
      </c>
    </row>
    <row r="71" spans="1:4" ht="18" customHeight="1" x14ac:dyDescent="0.2">
      <c r="A71" s="18" t="s">
        <v>77</v>
      </c>
      <c r="B71" s="15">
        <v>63</v>
      </c>
      <c r="C71" s="16">
        <v>102</v>
      </c>
      <c r="D71" s="17">
        <v>165</v>
      </c>
    </row>
    <row r="72" spans="1:4" ht="18" customHeight="1" x14ac:dyDescent="0.2">
      <c r="A72" s="14">
        <v>55</v>
      </c>
      <c r="B72" s="15">
        <v>21</v>
      </c>
      <c r="C72" s="16">
        <v>33</v>
      </c>
      <c r="D72" s="17">
        <v>54</v>
      </c>
    </row>
    <row r="73" spans="1:4" ht="18" customHeight="1" x14ac:dyDescent="0.2">
      <c r="A73" s="14">
        <v>56</v>
      </c>
      <c r="B73" s="15">
        <v>23</v>
      </c>
      <c r="C73" s="16">
        <v>27</v>
      </c>
      <c r="D73" s="17">
        <v>50</v>
      </c>
    </row>
    <row r="74" spans="1:4" ht="18" customHeight="1" x14ac:dyDescent="0.2">
      <c r="A74" s="14">
        <v>57</v>
      </c>
      <c r="B74" s="15">
        <v>31</v>
      </c>
      <c r="C74" s="16">
        <v>24</v>
      </c>
      <c r="D74" s="17">
        <v>55</v>
      </c>
    </row>
    <row r="75" spans="1:4" ht="18" customHeight="1" x14ac:dyDescent="0.2">
      <c r="A75" s="14">
        <v>58</v>
      </c>
      <c r="B75" s="15">
        <v>37</v>
      </c>
      <c r="C75" s="16">
        <v>23</v>
      </c>
      <c r="D75" s="17">
        <v>60</v>
      </c>
    </row>
    <row r="76" spans="1:4" ht="18" customHeight="1" x14ac:dyDescent="0.2">
      <c r="A76" s="14">
        <v>59</v>
      </c>
      <c r="B76" s="15">
        <v>28</v>
      </c>
      <c r="C76" s="16">
        <v>40</v>
      </c>
      <c r="D76" s="17">
        <v>68</v>
      </c>
    </row>
    <row r="77" spans="1:4" ht="18" customHeight="1" x14ac:dyDescent="0.2">
      <c r="A77" s="18" t="s">
        <v>78</v>
      </c>
      <c r="B77" s="15">
        <v>140</v>
      </c>
      <c r="C77" s="16">
        <v>147</v>
      </c>
      <c r="D77" s="17">
        <v>287</v>
      </c>
    </row>
    <row r="78" spans="1:4" ht="18" customHeight="1" x14ac:dyDescent="0.2">
      <c r="A78" s="14">
        <v>60</v>
      </c>
      <c r="B78" s="15">
        <v>36</v>
      </c>
      <c r="C78" s="16">
        <v>34</v>
      </c>
      <c r="D78" s="17">
        <v>70</v>
      </c>
    </row>
    <row r="79" spans="1:4" ht="18" customHeight="1" x14ac:dyDescent="0.2">
      <c r="A79" s="14">
        <v>61</v>
      </c>
      <c r="B79" s="15">
        <v>27</v>
      </c>
      <c r="C79" s="16">
        <v>34</v>
      </c>
      <c r="D79" s="17">
        <v>61</v>
      </c>
    </row>
    <row r="80" spans="1:4" ht="18" customHeight="1" x14ac:dyDescent="0.2">
      <c r="A80" s="14">
        <v>62</v>
      </c>
      <c r="B80" s="15">
        <v>25</v>
      </c>
      <c r="C80" s="16">
        <v>38</v>
      </c>
      <c r="D80" s="17">
        <v>63</v>
      </c>
    </row>
    <row r="81" spans="1:4" ht="18" customHeight="1" x14ac:dyDescent="0.2">
      <c r="A81" s="14">
        <v>63</v>
      </c>
      <c r="B81" s="15">
        <v>27</v>
      </c>
      <c r="C81" s="16">
        <v>24</v>
      </c>
      <c r="D81" s="17">
        <v>51</v>
      </c>
    </row>
    <row r="82" spans="1:4" ht="18" customHeight="1" x14ac:dyDescent="0.2">
      <c r="A82" s="14">
        <v>64</v>
      </c>
      <c r="B82" s="15">
        <v>19</v>
      </c>
      <c r="C82" s="16">
        <v>32</v>
      </c>
      <c r="D82" s="17">
        <v>51</v>
      </c>
    </row>
    <row r="83" spans="1:4" ht="18" customHeight="1" x14ac:dyDescent="0.2">
      <c r="A83" s="18" t="s">
        <v>79</v>
      </c>
      <c r="B83" s="15">
        <v>134</v>
      </c>
      <c r="C83" s="16">
        <v>162</v>
      </c>
      <c r="D83" s="17">
        <v>296</v>
      </c>
    </row>
    <row r="84" spans="1:4" ht="18" customHeight="1" x14ac:dyDescent="0.2">
      <c r="A84" s="18" t="s">
        <v>80</v>
      </c>
      <c r="B84" s="15">
        <v>868</v>
      </c>
      <c r="C84" s="16">
        <v>917</v>
      </c>
      <c r="D84" s="17">
        <v>1785</v>
      </c>
    </row>
    <row r="85" spans="1:4" ht="18" customHeight="1" x14ac:dyDescent="0.2">
      <c r="A85" s="14">
        <v>65</v>
      </c>
      <c r="B85" s="15">
        <v>28</v>
      </c>
      <c r="C85" s="16">
        <v>32</v>
      </c>
      <c r="D85" s="17">
        <v>60</v>
      </c>
    </row>
    <row r="86" spans="1:4" ht="18" customHeight="1" x14ac:dyDescent="0.2">
      <c r="A86" s="14">
        <v>66</v>
      </c>
      <c r="B86" s="15">
        <v>18</v>
      </c>
      <c r="C86" s="16">
        <v>17</v>
      </c>
      <c r="D86" s="17">
        <v>35</v>
      </c>
    </row>
    <row r="87" spans="1:4" ht="18" customHeight="1" x14ac:dyDescent="0.2">
      <c r="A87" s="14">
        <v>67</v>
      </c>
      <c r="B87" s="15">
        <v>26</v>
      </c>
      <c r="C87" s="16">
        <v>33</v>
      </c>
      <c r="D87" s="17">
        <v>59</v>
      </c>
    </row>
    <row r="88" spans="1:4" ht="18" customHeight="1" x14ac:dyDescent="0.2">
      <c r="A88" s="14">
        <v>68</v>
      </c>
      <c r="B88" s="15">
        <v>28</v>
      </c>
      <c r="C88" s="16">
        <v>24</v>
      </c>
      <c r="D88" s="17">
        <v>52</v>
      </c>
    </row>
    <row r="89" spans="1:4" ht="18" customHeight="1" x14ac:dyDescent="0.2">
      <c r="A89" s="14">
        <v>69</v>
      </c>
      <c r="B89" s="15">
        <v>28</v>
      </c>
      <c r="C89" s="16">
        <v>21</v>
      </c>
      <c r="D89" s="17">
        <v>49</v>
      </c>
    </row>
    <row r="90" spans="1:4" ht="18" customHeight="1" x14ac:dyDescent="0.2">
      <c r="A90" s="18" t="s">
        <v>81</v>
      </c>
      <c r="B90" s="15">
        <v>128</v>
      </c>
      <c r="C90" s="16">
        <v>127</v>
      </c>
      <c r="D90" s="17">
        <v>255</v>
      </c>
    </row>
    <row r="91" spans="1:4" ht="18" customHeight="1" x14ac:dyDescent="0.2">
      <c r="A91" s="14">
        <v>70</v>
      </c>
      <c r="B91" s="15">
        <v>16</v>
      </c>
      <c r="C91" s="16">
        <v>21</v>
      </c>
      <c r="D91" s="17">
        <v>37</v>
      </c>
    </row>
    <row r="92" spans="1:4" ht="18" customHeight="1" x14ac:dyDescent="0.2">
      <c r="A92" s="14">
        <v>71</v>
      </c>
      <c r="B92" s="15">
        <v>21</v>
      </c>
      <c r="C92" s="16">
        <v>21</v>
      </c>
      <c r="D92" s="17">
        <v>42</v>
      </c>
    </row>
    <row r="93" spans="1:4" ht="18" customHeight="1" x14ac:dyDescent="0.2">
      <c r="A93" s="14">
        <v>72</v>
      </c>
      <c r="B93" s="15">
        <v>16</v>
      </c>
      <c r="C93" s="16">
        <v>20</v>
      </c>
      <c r="D93" s="17">
        <v>36</v>
      </c>
    </row>
    <row r="94" spans="1:4" ht="18" customHeight="1" x14ac:dyDescent="0.2">
      <c r="A94" s="14">
        <v>73</v>
      </c>
      <c r="B94" s="15">
        <v>17</v>
      </c>
      <c r="C94" s="16">
        <v>24</v>
      </c>
      <c r="D94" s="17">
        <v>41</v>
      </c>
    </row>
    <row r="95" spans="1:4" ht="18" customHeight="1" x14ac:dyDescent="0.2">
      <c r="A95" s="14">
        <v>74</v>
      </c>
      <c r="B95" s="15">
        <v>9</v>
      </c>
      <c r="C95" s="16">
        <v>12</v>
      </c>
      <c r="D95" s="17">
        <v>21</v>
      </c>
    </row>
    <row r="96" spans="1:4" ht="18" customHeight="1" x14ac:dyDescent="0.2">
      <c r="A96" s="18" t="s">
        <v>82</v>
      </c>
      <c r="B96" s="15">
        <v>79</v>
      </c>
      <c r="C96" s="16">
        <v>98</v>
      </c>
      <c r="D96" s="17">
        <v>177</v>
      </c>
    </row>
    <row r="97" spans="1:4" ht="18" customHeight="1" x14ac:dyDescent="0.2">
      <c r="A97" s="14">
        <v>75</v>
      </c>
      <c r="B97" s="15">
        <v>19</v>
      </c>
      <c r="C97" s="16">
        <v>25</v>
      </c>
      <c r="D97" s="17">
        <v>44</v>
      </c>
    </row>
    <row r="98" spans="1:4" ht="18" customHeight="1" x14ac:dyDescent="0.2">
      <c r="A98" s="14">
        <v>76</v>
      </c>
      <c r="B98" s="15">
        <v>14</v>
      </c>
      <c r="C98" s="16">
        <v>20</v>
      </c>
      <c r="D98" s="17">
        <v>34</v>
      </c>
    </row>
    <row r="99" spans="1:4" ht="18" customHeight="1" x14ac:dyDescent="0.2">
      <c r="A99" s="14">
        <v>77</v>
      </c>
      <c r="B99" s="15">
        <v>18</v>
      </c>
      <c r="C99" s="16">
        <v>14</v>
      </c>
      <c r="D99" s="17">
        <v>32</v>
      </c>
    </row>
    <row r="100" spans="1:4" ht="18" customHeight="1" x14ac:dyDescent="0.2">
      <c r="A100" s="14">
        <v>78</v>
      </c>
      <c r="B100" s="15">
        <v>13</v>
      </c>
      <c r="C100" s="16">
        <v>20</v>
      </c>
      <c r="D100" s="17">
        <v>33</v>
      </c>
    </row>
    <row r="101" spans="1:4" ht="18" customHeight="1" x14ac:dyDescent="0.2">
      <c r="A101" s="14">
        <v>79</v>
      </c>
      <c r="B101" s="15">
        <v>11</v>
      </c>
      <c r="C101" s="16">
        <v>20</v>
      </c>
      <c r="D101" s="17">
        <v>31</v>
      </c>
    </row>
    <row r="102" spans="1:4" ht="18" customHeight="1" x14ac:dyDescent="0.2">
      <c r="A102" s="18" t="s">
        <v>83</v>
      </c>
      <c r="B102" s="15">
        <v>75</v>
      </c>
      <c r="C102" s="16">
        <v>99</v>
      </c>
      <c r="D102" s="17">
        <v>174</v>
      </c>
    </row>
    <row r="103" spans="1:4" ht="18" customHeight="1" x14ac:dyDescent="0.2">
      <c r="A103" s="14">
        <v>80</v>
      </c>
      <c r="B103" s="15">
        <v>19</v>
      </c>
      <c r="C103" s="16">
        <v>11</v>
      </c>
      <c r="D103" s="17">
        <v>30</v>
      </c>
    </row>
    <row r="104" spans="1:4" ht="18" customHeight="1" x14ac:dyDescent="0.2">
      <c r="A104" s="14">
        <v>81</v>
      </c>
      <c r="B104" s="15">
        <v>4</v>
      </c>
      <c r="C104" s="16">
        <v>19</v>
      </c>
      <c r="D104" s="17">
        <v>23</v>
      </c>
    </row>
    <row r="105" spans="1:4" ht="18" customHeight="1" x14ac:dyDescent="0.2">
      <c r="A105" s="14">
        <v>82</v>
      </c>
      <c r="B105" s="15">
        <v>6</v>
      </c>
      <c r="C105" s="16">
        <v>17</v>
      </c>
      <c r="D105" s="17">
        <v>23</v>
      </c>
    </row>
    <row r="106" spans="1:4" ht="18" customHeight="1" x14ac:dyDescent="0.2">
      <c r="A106" s="14">
        <v>83</v>
      </c>
      <c r="B106" s="15">
        <v>10</v>
      </c>
      <c r="C106" s="16">
        <v>16</v>
      </c>
      <c r="D106" s="17">
        <v>26</v>
      </c>
    </row>
    <row r="107" spans="1:4" ht="18" customHeight="1" x14ac:dyDescent="0.2">
      <c r="A107" s="14">
        <v>84</v>
      </c>
      <c r="B107" s="15">
        <v>8</v>
      </c>
      <c r="C107" s="16">
        <v>12</v>
      </c>
      <c r="D107" s="17">
        <v>20</v>
      </c>
    </row>
    <row r="108" spans="1:4" ht="18" customHeight="1" x14ac:dyDescent="0.2">
      <c r="A108" s="18" t="s">
        <v>84</v>
      </c>
      <c r="B108" s="15">
        <v>47</v>
      </c>
      <c r="C108" s="16">
        <v>75</v>
      </c>
      <c r="D108" s="17">
        <v>122</v>
      </c>
    </row>
    <row r="109" spans="1:4" ht="18" customHeight="1" x14ac:dyDescent="0.2">
      <c r="A109" s="14">
        <v>85</v>
      </c>
      <c r="B109" s="15">
        <v>4</v>
      </c>
      <c r="C109" s="16">
        <v>13</v>
      </c>
      <c r="D109" s="17">
        <v>17</v>
      </c>
    </row>
    <row r="110" spans="1:4" ht="18" customHeight="1" x14ac:dyDescent="0.2">
      <c r="A110" s="14">
        <v>86</v>
      </c>
      <c r="B110" s="15">
        <v>2</v>
      </c>
      <c r="C110" s="16">
        <v>14</v>
      </c>
      <c r="D110" s="17">
        <v>16</v>
      </c>
    </row>
    <row r="111" spans="1:4" ht="18" customHeight="1" x14ac:dyDescent="0.2">
      <c r="A111" s="14">
        <v>87</v>
      </c>
      <c r="B111" s="15">
        <v>2</v>
      </c>
      <c r="C111" s="16">
        <v>10</v>
      </c>
      <c r="D111" s="17">
        <v>12</v>
      </c>
    </row>
    <row r="112" spans="1:4" ht="18" customHeight="1" x14ac:dyDescent="0.2">
      <c r="A112" s="14">
        <v>88</v>
      </c>
      <c r="B112" s="15">
        <v>1</v>
      </c>
      <c r="C112" s="16">
        <v>12</v>
      </c>
      <c r="D112" s="17">
        <v>13</v>
      </c>
    </row>
    <row r="113" spans="1:4" ht="18" customHeight="1" x14ac:dyDescent="0.2">
      <c r="A113" s="14">
        <v>89</v>
      </c>
      <c r="B113" s="15">
        <v>5</v>
      </c>
      <c r="C113" s="16">
        <v>6</v>
      </c>
      <c r="D113" s="17">
        <v>11</v>
      </c>
    </row>
    <row r="114" spans="1:4" ht="18" customHeight="1" x14ac:dyDescent="0.2">
      <c r="A114" s="18" t="s">
        <v>85</v>
      </c>
      <c r="B114" s="15">
        <v>14</v>
      </c>
      <c r="C114" s="16">
        <v>55</v>
      </c>
      <c r="D114" s="17">
        <v>69</v>
      </c>
    </row>
    <row r="115" spans="1:4" ht="18" customHeight="1" x14ac:dyDescent="0.2">
      <c r="A115" s="14">
        <v>90</v>
      </c>
      <c r="B115" s="15">
        <v>2</v>
      </c>
      <c r="C115" s="16">
        <v>8</v>
      </c>
      <c r="D115" s="17">
        <v>10</v>
      </c>
    </row>
    <row r="116" spans="1:4" ht="18" customHeight="1" x14ac:dyDescent="0.2">
      <c r="A116" s="14">
        <v>91</v>
      </c>
      <c r="B116" s="15">
        <v>2</v>
      </c>
      <c r="C116" s="16">
        <v>6</v>
      </c>
      <c r="D116" s="17">
        <v>8</v>
      </c>
    </row>
    <row r="117" spans="1:4" ht="18" customHeight="1" x14ac:dyDescent="0.2">
      <c r="A117" s="14">
        <v>92</v>
      </c>
      <c r="B117" s="15">
        <v>3</v>
      </c>
      <c r="C117" s="16">
        <v>5</v>
      </c>
      <c r="D117" s="17">
        <v>8</v>
      </c>
    </row>
    <row r="118" spans="1:4" ht="18" customHeight="1" x14ac:dyDescent="0.2">
      <c r="A118" s="14">
        <v>93</v>
      </c>
      <c r="B118" s="15">
        <v>2</v>
      </c>
      <c r="C118" s="16">
        <v>4</v>
      </c>
      <c r="D118" s="17">
        <v>6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86</v>
      </c>
      <c r="B120" s="15">
        <v>10</v>
      </c>
      <c r="C120" s="16">
        <v>26</v>
      </c>
      <c r="D120" s="17">
        <v>36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87</v>
      </c>
      <c r="B126" s="15">
        <v>2</v>
      </c>
      <c r="C126" s="16">
        <v>15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355</v>
      </c>
      <c r="C130" s="5">
        <v>497</v>
      </c>
      <c r="D130" s="6">
        <v>852</v>
      </c>
    </row>
    <row r="131" spans="1:4" ht="18" customHeight="1" x14ac:dyDescent="0.2">
      <c r="A131" s="20" t="s">
        <v>65</v>
      </c>
      <c r="B131" s="7">
        <v>1399</v>
      </c>
      <c r="C131" s="8">
        <v>1572</v>
      </c>
      <c r="D131" s="9">
        <v>297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8</v>
      </c>
      <c r="C5" s="12">
        <v>11</v>
      </c>
      <c r="D5" s="13">
        <v>29</v>
      </c>
    </row>
    <row r="6" spans="1:4" ht="18" customHeight="1" x14ac:dyDescent="0.2">
      <c r="A6" s="14">
        <v>1</v>
      </c>
      <c r="B6" s="15">
        <v>22</v>
      </c>
      <c r="C6" s="16">
        <v>12</v>
      </c>
      <c r="D6" s="17">
        <v>34</v>
      </c>
    </row>
    <row r="7" spans="1:4" ht="18" customHeight="1" x14ac:dyDescent="0.2">
      <c r="A7" s="14">
        <v>2</v>
      </c>
      <c r="B7" s="15">
        <v>30</v>
      </c>
      <c r="C7" s="16">
        <v>23</v>
      </c>
      <c r="D7" s="17">
        <v>53</v>
      </c>
    </row>
    <row r="8" spans="1:4" ht="18" customHeight="1" x14ac:dyDescent="0.2">
      <c r="A8" s="14">
        <v>3</v>
      </c>
      <c r="B8" s="15">
        <v>26</v>
      </c>
      <c r="C8" s="16">
        <v>23</v>
      </c>
      <c r="D8" s="17">
        <v>49</v>
      </c>
    </row>
    <row r="9" spans="1:4" ht="18" customHeight="1" x14ac:dyDescent="0.2">
      <c r="A9" s="14">
        <v>4</v>
      </c>
      <c r="B9" s="15">
        <v>24</v>
      </c>
      <c r="C9" s="16">
        <v>22</v>
      </c>
      <c r="D9" s="17">
        <v>46</v>
      </c>
    </row>
    <row r="10" spans="1:4" ht="18" customHeight="1" x14ac:dyDescent="0.2">
      <c r="A10" s="18" t="s">
        <v>66</v>
      </c>
      <c r="B10" s="15">
        <v>120</v>
      </c>
      <c r="C10" s="16">
        <v>91</v>
      </c>
      <c r="D10" s="17">
        <v>211</v>
      </c>
    </row>
    <row r="11" spans="1:4" ht="18" customHeight="1" x14ac:dyDescent="0.2">
      <c r="A11" s="14">
        <v>5</v>
      </c>
      <c r="B11" s="15">
        <v>27</v>
      </c>
      <c r="C11" s="16">
        <v>33</v>
      </c>
      <c r="D11" s="17">
        <v>60</v>
      </c>
    </row>
    <row r="12" spans="1:4" ht="18" customHeight="1" x14ac:dyDescent="0.2">
      <c r="A12" s="14">
        <v>6</v>
      </c>
      <c r="B12" s="15">
        <v>35</v>
      </c>
      <c r="C12" s="16">
        <v>16</v>
      </c>
      <c r="D12" s="17">
        <v>51</v>
      </c>
    </row>
    <row r="13" spans="1:4" ht="18" customHeight="1" x14ac:dyDescent="0.2">
      <c r="A13" s="14">
        <v>7</v>
      </c>
      <c r="B13" s="15">
        <v>37</v>
      </c>
      <c r="C13" s="16">
        <v>30</v>
      </c>
      <c r="D13" s="17">
        <v>67</v>
      </c>
    </row>
    <row r="14" spans="1:4" ht="18" customHeight="1" x14ac:dyDescent="0.2">
      <c r="A14" s="14">
        <v>8</v>
      </c>
      <c r="B14" s="15">
        <v>44</v>
      </c>
      <c r="C14" s="16">
        <v>30</v>
      </c>
      <c r="D14" s="17">
        <v>74</v>
      </c>
    </row>
    <row r="15" spans="1:4" ht="18" customHeight="1" x14ac:dyDescent="0.2">
      <c r="A15" s="14">
        <v>9</v>
      </c>
      <c r="B15" s="15">
        <v>34</v>
      </c>
      <c r="C15" s="16">
        <v>35</v>
      </c>
      <c r="D15" s="17">
        <v>69</v>
      </c>
    </row>
    <row r="16" spans="1:4" ht="18" customHeight="1" x14ac:dyDescent="0.2">
      <c r="A16" s="18" t="s">
        <v>67</v>
      </c>
      <c r="B16" s="15">
        <v>177</v>
      </c>
      <c r="C16" s="16">
        <v>144</v>
      </c>
      <c r="D16" s="17">
        <v>321</v>
      </c>
    </row>
    <row r="17" spans="1:4" ht="18" customHeight="1" x14ac:dyDescent="0.2">
      <c r="A17" s="14">
        <v>10</v>
      </c>
      <c r="B17" s="15">
        <v>31</v>
      </c>
      <c r="C17" s="16">
        <v>25</v>
      </c>
      <c r="D17" s="17">
        <v>56</v>
      </c>
    </row>
    <row r="18" spans="1:4" ht="18" customHeight="1" x14ac:dyDescent="0.2">
      <c r="A18" s="14">
        <v>11</v>
      </c>
      <c r="B18" s="15">
        <v>37</v>
      </c>
      <c r="C18" s="16">
        <v>27</v>
      </c>
      <c r="D18" s="17">
        <v>64</v>
      </c>
    </row>
    <row r="19" spans="1:4" ht="18" customHeight="1" x14ac:dyDescent="0.2">
      <c r="A19" s="14">
        <v>12</v>
      </c>
      <c r="B19" s="15">
        <v>38</v>
      </c>
      <c r="C19" s="16">
        <v>24</v>
      </c>
      <c r="D19" s="17">
        <v>62</v>
      </c>
    </row>
    <row r="20" spans="1:4" ht="18" customHeight="1" x14ac:dyDescent="0.2">
      <c r="A20" s="14">
        <v>13</v>
      </c>
      <c r="B20" s="15">
        <v>35</v>
      </c>
      <c r="C20" s="16">
        <v>28</v>
      </c>
      <c r="D20" s="17">
        <v>63</v>
      </c>
    </row>
    <row r="21" spans="1:4" ht="18" customHeight="1" x14ac:dyDescent="0.2">
      <c r="A21" s="14">
        <v>14</v>
      </c>
      <c r="B21" s="15">
        <v>25</v>
      </c>
      <c r="C21" s="16">
        <v>18</v>
      </c>
      <c r="D21" s="17">
        <v>43</v>
      </c>
    </row>
    <row r="22" spans="1:4" ht="18" customHeight="1" x14ac:dyDescent="0.2">
      <c r="A22" s="18" t="s">
        <v>68</v>
      </c>
      <c r="B22" s="15">
        <v>166</v>
      </c>
      <c r="C22" s="16">
        <v>122</v>
      </c>
      <c r="D22" s="17">
        <v>288</v>
      </c>
    </row>
    <row r="23" spans="1:4" ht="18" customHeight="1" x14ac:dyDescent="0.2">
      <c r="A23" s="18" t="s">
        <v>69</v>
      </c>
      <c r="B23" s="15">
        <v>463</v>
      </c>
      <c r="C23" s="16">
        <v>357</v>
      </c>
      <c r="D23" s="17">
        <v>820</v>
      </c>
    </row>
    <row r="24" spans="1:4" ht="18" customHeight="1" x14ac:dyDescent="0.2">
      <c r="A24" s="14">
        <v>15</v>
      </c>
      <c r="B24" s="15">
        <v>29</v>
      </c>
      <c r="C24" s="16">
        <v>23</v>
      </c>
      <c r="D24" s="17">
        <v>52</v>
      </c>
    </row>
    <row r="25" spans="1:4" ht="18" customHeight="1" x14ac:dyDescent="0.2">
      <c r="A25" s="14">
        <v>16</v>
      </c>
      <c r="B25" s="15">
        <v>26</v>
      </c>
      <c r="C25" s="16">
        <v>25</v>
      </c>
      <c r="D25" s="17">
        <v>51</v>
      </c>
    </row>
    <row r="26" spans="1:4" ht="18" customHeight="1" x14ac:dyDescent="0.2">
      <c r="A26" s="14">
        <v>17</v>
      </c>
      <c r="B26" s="15">
        <v>25</v>
      </c>
      <c r="C26" s="16">
        <v>23</v>
      </c>
      <c r="D26" s="17">
        <v>48</v>
      </c>
    </row>
    <row r="27" spans="1:4" ht="18" customHeight="1" x14ac:dyDescent="0.2">
      <c r="A27" s="14">
        <v>18</v>
      </c>
      <c r="B27" s="15">
        <v>23</v>
      </c>
      <c r="C27" s="16">
        <v>16</v>
      </c>
      <c r="D27" s="17">
        <v>39</v>
      </c>
    </row>
    <row r="28" spans="1:4" ht="18" customHeight="1" x14ac:dyDescent="0.2">
      <c r="A28" s="14">
        <v>19</v>
      </c>
      <c r="B28" s="15">
        <v>25</v>
      </c>
      <c r="C28" s="16">
        <v>14</v>
      </c>
      <c r="D28" s="17">
        <v>39</v>
      </c>
    </row>
    <row r="29" spans="1:4" ht="18" customHeight="1" x14ac:dyDescent="0.2">
      <c r="A29" s="18" t="s">
        <v>70</v>
      </c>
      <c r="B29" s="15">
        <v>128</v>
      </c>
      <c r="C29" s="16">
        <v>101</v>
      </c>
      <c r="D29" s="17">
        <v>229</v>
      </c>
    </row>
    <row r="30" spans="1:4" ht="18" customHeight="1" x14ac:dyDescent="0.2">
      <c r="A30" s="14">
        <v>20</v>
      </c>
      <c r="B30" s="15">
        <v>20</v>
      </c>
      <c r="C30" s="16">
        <v>16</v>
      </c>
      <c r="D30" s="17">
        <v>36</v>
      </c>
    </row>
    <row r="31" spans="1:4" ht="18" customHeight="1" x14ac:dyDescent="0.2">
      <c r="A31" s="14">
        <v>21</v>
      </c>
      <c r="B31" s="15">
        <v>22</v>
      </c>
      <c r="C31" s="16">
        <v>18</v>
      </c>
      <c r="D31" s="17">
        <v>40</v>
      </c>
    </row>
    <row r="32" spans="1:4" ht="18" customHeight="1" x14ac:dyDescent="0.2">
      <c r="A32" s="14">
        <v>22</v>
      </c>
      <c r="B32" s="15">
        <v>14</v>
      </c>
      <c r="C32" s="16">
        <v>16</v>
      </c>
      <c r="D32" s="17">
        <v>30</v>
      </c>
    </row>
    <row r="33" spans="1:4" ht="18" customHeight="1" x14ac:dyDescent="0.2">
      <c r="A33" s="14">
        <v>23</v>
      </c>
      <c r="B33" s="15">
        <v>16</v>
      </c>
      <c r="C33" s="16">
        <v>14</v>
      </c>
      <c r="D33" s="17">
        <v>30</v>
      </c>
    </row>
    <row r="34" spans="1:4" ht="18" customHeight="1" x14ac:dyDescent="0.2">
      <c r="A34" s="14">
        <v>24</v>
      </c>
      <c r="B34" s="15">
        <v>20</v>
      </c>
      <c r="C34" s="16">
        <v>15</v>
      </c>
      <c r="D34" s="17">
        <v>35</v>
      </c>
    </row>
    <row r="35" spans="1:4" ht="18" customHeight="1" x14ac:dyDescent="0.2">
      <c r="A35" s="18" t="s">
        <v>71</v>
      </c>
      <c r="B35" s="15">
        <v>92</v>
      </c>
      <c r="C35" s="16">
        <v>79</v>
      </c>
      <c r="D35" s="17">
        <v>171</v>
      </c>
    </row>
    <row r="36" spans="1:4" ht="18" customHeight="1" x14ac:dyDescent="0.2">
      <c r="A36" s="14">
        <v>25</v>
      </c>
      <c r="B36" s="15">
        <v>11</v>
      </c>
      <c r="C36" s="16">
        <v>16</v>
      </c>
      <c r="D36" s="17">
        <v>27</v>
      </c>
    </row>
    <row r="37" spans="1:4" ht="18" customHeight="1" x14ac:dyDescent="0.2">
      <c r="A37" s="14">
        <v>26</v>
      </c>
      <c r="B37" s="15">
        <v>26</v>
      </c>
      <c r="C37" s="16">
        <v>16</v>
      </c>
      <c r="D37" s="17">
        <v>42</v>
      </c>
    </row>
    <row r="38" spans="1:4" ht="18" customHeight="1" x14ac:dyDescent="0.2">
      <c r="A38" s="14">
        <v>27</v>
      </c>
      <c r="B38" s="15">
        <v>14</v>
      </c>
      <c r="C38" s="16">
        <v>23</v>
      </c>
      <c r="D38" s="17">
        <v>37</v>
      </c>
    </row>
    <row r="39" spans="1:4" ht="18" customHeight="1" x14ac:dyDescent="0.2">
      <c r="A39" s="14">
        <v>28</v>
      </c>
      <c r="B39" s="15">
        <v>29</v>
      </c>
      <c r="C39" s="16">
        <v>20</v>
      </c>
      <c r="D39" s="17">
        <v>49</v>
      </c>
    </row>
    <row r="40" spans="1:4" ht="18" customHeight="1" x14ac:dyDescent="0.2">
      <c r="A40" s="14">
        <v>29</v>
      </c>
      <c r="B40" s="15">
        <v>27</v>
      </c>
      <c r="C40" s="16">
        <v>32</v>
      </c>
      <c r="D40" s="17">
        <v>59</v>
      </c>
    </row>
    <row r="41" spans="1:4" ht="18" customHeight="1" x14ac:dyDescent="0.2">
      <c r="A41" s="18" t="s">
        <v>72</v>
      </c>
      <c r="B41" s="15">
        <v>107</v>
      </c>
      <c r="C41" s="16">
        <v>107</v>
      </c>
      <c r="D41" s="17">
        <v>214</v>
      </c>
    </row>
    <row r="42" spans="1:4" ht="18" customHeight="1" x14ac:dyDescent="0.2">
      <c r="A42" s="14">
        <v>30</v>
      </c>
      <c r="B42" s="15">
        <v>22</v>
      </c>
      <c r="C42" s="16">
        <v>26</v>
      </c>
      <c r="D42" s="17">
        <v>48</v>
      </c>
    </row>
    <row r="43" spans="1:4" ht="18" customHeight="1" x14ac:dyDescent="0.2">
      <c r="A43" s="14">
        <v>31</v>
      </c>
      <c r="B43" s="15">
        <v>36</v>
      </c>
      <c r="C43" s="16">
        <v>32</v>
      </c>
      <c r="D43" s="17">
        <v>68</v>
      </c>
    </row>
    <row r="44" spans="1:4" ht="18" customHeight="1" x14ac:dyDescent="0.2">
      <c r="A44" s="14">
        <v>32</v>
      </c>
      <c r="B44" s="15">
        <v>32</v>
      </c>
      <c r="C44" s="16">
        <v>26</v>
      </c>
      <c r="D44" s="17">
        <v>58</v>
      </c>
    </row>
    <row r="45" spans="1:4" ht="18" customHeight="1" x14ac:dyDescent="0.2">
      <c r="A45" s="14">
        <v>33</v>
      </c>
      <c r="B45" s="15">
        <v>42</v>
      </c>
      <c r="C45" s="16">
        <v>37</v>
      </c>
      <c r="D45" s="17">
        <v>79</v>
      </c>
    </row>
    <row r="46" spans="1:4" ht="18" customHeight="1" x14ac:dyDescent="0.2">
      <c r="A46" s="14">
        <v>34</v>
      </c>
      <c r="B46" s="15">
        <v>46</v>
      </c>
      <c r="C46" s="16">
        <v>39</v>
      </c>
      <c r="D46" s="17">
        <v>85</v>
      </c>
    </row>
    <row r="47" spans="1:4" ht="18" customHeight="1" x14ac:dyDescent="0.2">
      <c r="A47" s="18" t="s">
        <v>73</v>
      </c>
      <c r="B47" s="15">
        <v>178</v>
      </c>
      <c r="C47" s="16">
        <v>160</v>
      </c>
      <c r="D47" s="17">
        <v>338</v>
      </c>
    </row>
    <row r="48" spans="1:4" ht="18" customHeight="1" x14ac:dyDescent="0.2">
      <c r="A48" s="14">
        <v>35</v>
      </c>
      <c r="B48" s="15">
        <v>46</v>
      </c>
      <c r="C48" s="16">
        <v>48</v>
      </c>
      <c r="D48" s="17">
        <v>94</v>
      </c>
    </row>
    <row r="49" spans="1:4" ht="18" customHeight="1" x14ac:dyDescent="0.2">
      <c r="A49" s="14">
        <v>36</v>
      </c>
      <c r="B49" s="15">
        <v>38</v>
      </c>
      <c r="C49" s="16">
        <v>52</v>
      </c>
      <c r="D49" s="17">
        <v>90</v>
      </c>
    </row>
    <row r="50" spans="1:4" ht="18" customHeight="1" x14ac:dyDescent="0.2">
      <c r="A50" s="14">
        <v>37</v>
      </c>
      <c r="B50" s="15">
        <v>35</v>
      </c>
      <c r="C50" s="16">
        <v>47</v>
      </c>
      <c r="D50" s="17">
        <v>82</v>
      </c>
    </row>
    <row r="51" spans="1:4" ht="18" customHeight="1" x14ac:dyDescent="0.2">
      <c r="A51" s="14">
        <v>38</v>
      </c>
      <c r="B51" s="15">
        <v>51</v>
      </c>
      <c r="C51" s="16">
        <v>43</v>
      </c>
      <c r="D51" s="17">
        <v>94</v>
      </c>
    </row>
    <row r="52" spans="1:4" ht="18" customHeight="1" x14ac:dyDescent="0.2">
      <c r="A52" s="14">
        <v>39</v>
      </c>
      <c r="B52" s="15">
        <v>39</v>
      </c>
      <c r="C52" s="16">
        <v>36</v>
      </c>
      <c r="D52" s="17">
        <v>75</v>
      </c>
    </row>
    <row r="53" spans="1:4" ht="18" customHeight="1" x14ac:dyDescent="0.2">
      <c r="A53" s="18" t="s">
        <v>74</v>
      </c>
      <c r="B53" s="15">
        <v>209</v>
      </c>
      <c r="C53" s="16">
        <v>226</v>
      </c>
      <c r="D53" s="17">
        <v>435</v>
      </c>
    </row>
    <row r="54" spans="1:4" ht="18" customHeight="1" x14ac:dyDescent="0.2">
      <c r="A54" s="14">
        <v>40</v>
      </c>
      <c r="B54" s="15">
        <v>40</v>
      </c>
      <c r="C54" s="16">
        <v>42</v>
      </c>
      <c r="D54" s="17">
        <v>82</v>
      </c>
    </row>
    <row r="55" spans="1:4" ht="18" customHeight="1" x14ac:dyDescent="0.2">
      <c r="A55" s="14">
        <v>41</v>
      </c>
      <c r="B55" s="15">
        <v>33</v>
      </c>
      <c r="C55" s="16">
        <v>39</v>
      </c>
      <c r="D55" s="17">
        <v>72</v>
      </c>
    </row>
    <row r="56" spans="1:4" ht="18" customHeight="1" x14ac:dyDescent="0.2">
      <c r="A56" s="14">
        <v>42</v>
      </c>
      <c r="B56" s="15">
        <v>29</v>
      </c>
      <c r="C56" s="16">
        <v>36</v>
      </c>
      <c r="D56" s="17">
        <v>65</v>
      </c>
    </row>
    <row r="57" spans="1:4" ht="18" customHeight="1" x14ac:dyDescent="0.2">
      <c r="A57" s="14">
        <v>43</v>
      </c>
      <c r="B57" s="15">
        <v>28</v>
      </c>
      <c r="C57" s="16">
        <v>31</v>
      </c>
      <c r="D57" s="17">
        <v>59</v>
      </c>
    </row>
    <row r="58" spans="1:4" ht="18" customHeight="1" x14ac:dyDescent="0.2">
      <c r="A58" s="14">
        <v>44</v>
      </c>
      <c r="B58" s="15">
        <v>31</v>
      </c>
      <c r="C58" s="16">
        <v>41</v>
      </c>
      <c r="D58" s="17">
        <v>72</v>
      </c>
    </row>
    <row r="59" spans="1:4" ht="18" customHeight="1" x14ac:dyDescent="0.2">
      <c r="A59" s="18" t="s">
        <v>75</v>
      </c>
      <c r="B59" s="15">
        <v>161</v>
      </c>
      <c r="C59" s="16">
        <v>189</v>
      </c>
      <c r="D59" s="17">
        <v>350</v>
      </c>
    </row>
    <row r="60" spans="1:4" ht="18" customHeight="1" x14ac:dyDescent="0.2">
      <c r="A60" s="14">
        <v>45</v>
      </c>
      <c r="B60" s="15">
        <v>28</v>
      </c>
      <c r="C60" s="16">
        <v>27</v>
      </c>
      <c r="D60" s="17">
        <v>55</v>
      </c>
    </row>
    <row r="61" spans="1:4" ht="18" customHeight="1" x14ac:dyDescent="0.2">
      <c r="A61" s="14">
        <v>46</v>
      </c>
      <c r="B61" s="15">
        <v>25</v>
      </c>
      <c r="C61" s="16">
        <v>28</v>
      </c>
      <c r="D61" s="17">
        <v>53</v>
      </c>
    </row>
    <row r="62" spans="1:4" ht="18" customHeight="1" x14ac:dyDescent="0.2">
      <c r="A62" s="14">
        <v>47</v>
      </c>
      <c r="B62" s="15">
        <v>31</v>
      </c>
      <c r="C62" s="16">
        <v>29</v>
      </c>
      <c r="D62" s="17">
        <v>60</v>
      </c>
    </row>
    <row r="63" spans="1:4" ht="18" customHeight="1" x14ac:dyDescent="0.2">
      <c r="A63" s="14">
        <v>48</v>
      </c>
      <c r="B63" s="15">
        <v>25</v>
      </c>
      <c r="C63" s="16">
        <v>17</v>
      </c>
      <c r="D63" s="17">
        <v>42</v>
      </c>
    </row>
    <row r="64" spans="1:4" ht="18" customHeight="1" x14ac:dyDescent="0.2">
      <c r="A64" s="14">
        <v>49</v>
      </c>
      <c r="B64" s="15">
        <v>29</v>
      </c>
      <c r="C64" s="16">
        <v>21</v>
      </c>
      <c r="D64" s="17">
        <v>50</v>
      </c>
    </row>
    <row r="65" spans="1:4" ht="18" customHeight="1" x14ac:dyDescent="0.2">
      <c r="A65" s="18" t="s">
        <v>76</v>
      </c>
      <c r="B65" s="15">
        <v>138</v>
      </c>
      <c r="C65" s="16">
        <v>122</v>
      </c>
      <c r="D65" s="17">
        <v>260</v>
      </c>
    </row>
    <row r="66" spans="1:4" ht="18" customHeight="1" x14ac:dyDescent="0.2">
      <c r="A66" s="14">
        <v>50</v>
      </c>
      <c r="B66" s="15">
        <v>27</v>
      </c>
      <c r="C66" s="16">
        <v>22</v>
      </c>
      <c r="D66" s="17">
        <v>49</v>
      </c>
    </row>
    <row r="67" spans="1:4" ht="18" customHeight="1" x14ac:dyDescent="0.2">
      <c r="A67" s="14">
        <v>51</v>
      </c>
      <c r="B67" s="15">
        <v>20</v>
      </c>
      <c r="C67" s="16">
        <v>19</v>
      </c>
      <c r="D67" s="17">
        <v>39</v>
      </c>
    </row>
    <row r="68" spans="1:4" ht="18" customHeight="1" x14ac:dyDescent="0.2">
      <c r="A68" s="14">
        <v>52</v>
      </c>
      <c r="B68" s="15">
        <v>25</v>
      </c>
      <c r="C68" s="16">
        <v>29</v>
      </c>
      <c r="D68" s="17">
        <v>54</v>
      </c>
    </row>
    <row r="69" spans="1:4" ht="18" customHeight="1" x14ac:dyDescent="0.2">
      <c r="A69" s="14">
        <v>53</v>
      </c>
      <c r="B69" s="15">
        <v>21</v>
      </c>
      <c r="C69" s="16">
        <v>20</v>
      </c>
      <c r="D69" s="17">
        <v>41</v>
      </c>
    </row>
    <row r="70" spans="1:4" ht="18" customHeight="1" x14ac:dyDescent="0.2">
      <c r="A70" s="14">
        <v>54</v>
      </c>
      <c r="B70" s="15">
        <v>22</v>
      </c>
      <c r="C70" s="16">
        <v>20</v>
      </c>
      <c r="D70" s="17">
        <v>42</v>
      </c>
    </row>
    <row r="71" spans="1:4" ht="18" customHeight="1" x14ac:dyDescent="0.2">
      <c r="A71" s="18" t="s">
        <v>77</v>
      </c>
      <c r="B71" s="15">
        <v>115</v>
      </c>
      <c r="C71" s="16">
        <v>110</v>
      </c>
      <c r="D71" s="17">
        <v>225</v>
      </c>
    </row>
    <row r="72" spans="1:4" ht="18" customHeight="1" x14ac:dyDescent="0.2">
      <c r="A72" s="14">
        <v>55</v>
      </c>
      <c r="B72" s="15">
        <v>30</v>
      </c>
      <c r="C72" s="16">
        <v>26</v>
      </c>
      <c r="D72" s="17">
        <v>56</v>
      </c>
    </row>
    <row r="73" spans="1:4" ht="18" customHeight="1" x14ac:dyDescent="0.2">
      <c r="A73" s="14">
        <v>56</v>
      </c>
      <c r="B73" s="15">
        <v>30</v>
      </c>
      <c r="C73" s="16">
        <v>29</v>
      </c>
      <c r="D73" s="17">
        <v>59</v>
      </c>
    </row>
    <row r="74" spans="1:4" ht="18" customHeight="1" x14ac:dyDescent="0.2">
      <c r="A74" s="14">
        <v>57</v>
      </c>
      <c r="B74" s="15">
        <v>31</v>
      </c>
      <c r="C74" s="16">
        <v>35</v>
      </c>
      <c r="D74" s="17">
        <v>66</v>
      </c>
    </row>
    <row r="75" spans="1:4" ht="18" customHeight="1" x14ac:dyDescent="0.2">
      <c r="A75" s="14">
        <v>58</v>
      </c>
      <c r="B75" s="15">
        <v>28</v>
      </c>
      <c r="C75" s="16">
        <v>40</v>
      </c>
      <c r="D75" s="17">
        <v>68</v>
      </c>
    </row>
    <row r="76" spans="1:4" ht="18" customHeight="1" x14ac:dyDescent="0.2">
      <c r="A76" s="14">
        <v>59</v>
      </c>
      <c r="B76" s="15">
        <v>40</v>
      </c>
      <c r="C76" s="16">
        <v>52</v>
      </c>
      <c r="D76" s="17">
        <v>92</v>
      </c>
    </row>
    <row r="77" spans="1:4" ht="18" customHeight="1" x14ac:dyDescent="0.2">
      <c r="A77" s="18" t="s">
        <v>78</v>
      </c>
      <c r="B77" s="15">
        <v>159</v>
      </c>
      <c r="C77" s="16">
        <v>182</v>
      </c>
      <c r="D77" s="17">
        <v>341</v>
      </c>
    </row>
    <row r="78" spans="1:4" ht="18" customHeight="1" x14ac:dyDescent="0.2">
      <c r="A78" s="14">
        <v>60</v>
      </c>
      <c r="B78" s="15">
        <v>59</v>
      </c>
      <c r="C78" s="16">
        <v>48</v>
      </c>
      <c r="D78" s="17">
        <v>107</v>
      </c>
    </row>
    <row r="79" spans="1:4" ht="18" customHeight="1" x14ac:dyDescent="0.2">
      <c r="A79" s="14">
        <v>61</v>
      </c>
      <c r="B79" s="15">
        <v>47</v>
      </c>
      <c r="C79" s="16">
        <v>49</v>
      </c>
      <c r="D79" s="17">
        <v>96</v>
      </c>
    </row>
    <row r="80" spans="1:4" ht="18" customHeight="1" x14ac:dyDescent="0.2">
      <c r="A80" s="14">
        <v>62</v>
      </c>
      <c r="B80" s="15">
        <v>36</v>
      </c>
      <c r="C80" s="16">
        <v>40</v>
      </c>
      <c r="D80" s="17">
        <v>76</v>
      </c>
    </row>
    <row r="81" spans="1:4" ht="18" customHeight="1" x14ac:dyDescent="0.2">
      <c r="A81" s="14">
        <v>63</v>
      </c>
      <c r="B81" s="15">
        <v>31</v>
      </c>
      <c r="C81" s="16">
        <v>21</v>
      </c>
      <c r="D81" s="17">
        <v>52</v>
      </c>
    </row>
    <row r="82" spans="1:4" ht="18" customHeight="1" x14ac:dyDescent="0.2">
      <c r="A82" s="14">
        <v>64</v>
      </c>
      <c r="B82" s="15">
        <v>33</v>
      </c>
      <c r="C82" s="16">
        <v>28</v>
      </c>
      <c r="D82" s="17">
        <v>61</v>
      </c>
    </row>
    <row r="83" spans="1:4" ht="18" customHeight="1" x14ac:dyDescent="0.2">
      <c r="A83" s="18" t="s">
        <v>79</v>
      </c>
      <c r="B83" s="15">
        <v>206</v>
      </c>
      <c r="C83" s="16">
        <v>186</v>
      </c>
      <c r="D83" s="17">
        <v>392</v>
      </c>
    </row>
    <row r="84" spans="1:4" ht="18" customHeight="1" x14ac:dyDescent="0.2">
      <c r="A84" s="18" t="s">
        <v>80</v>
      </c>
      <c r="B84" s="15">
        <v>1493</v>
      </c>
      <c r="C84" s="16">
        <v>1462</v>
      </c>
      <c r="D84" s="17">
        <v>2955</v>
      </c>
    </row>
    <row r="85" spans="1:4" ht="18" customHeight="1" x14ac:dyDescent="0.2">
      <c r="A85" s="14">
        <v>65</v>
      </c>
      <c r="B85" s="15">
        <v>31</v>
      </c>
      <c r="C85" s="16">
        <v>48</v>
      </c>
      <c r="D85" s="17">
        <v>79</v>
      </c>
    </row>
    <row r="86" spans="1:4" ht="18" customHeight="1" x14ac:dyDescent="0.2">
      <c r="A86" s="14">
        <v>66</v>
      </c>
      <c r="B86" s="15">
        <v>29</v>
      </c>
      <c r="C86" s="16">
        <v>42</v>
      </c>
      <c r="D86" s="17">
        <v>71</v>
      </c>
    </row>
    <row r="87" spans="1:4" ht="18" customHeight="1" x14ac:dyDescent="0.2">
      <c r="A87" s="14">
        <v>67</v>
      </c>
      <c r="B87" s="15">
        <v>36</v>
      </c>
      <c r="C87" s="16">
        <v>44</v>
      </c>
      <c r="D87" s="17">
        <v>80</v>
      </c>
    </row>
    <row r="88" spans="1:4" ht="18" customHeight="1" x14ac:dyDescent="0.2">
      <c r="A88" s="14">
        <v>68</v>
      </c>
      <c r="B88" s="15">
        <v>28</v>
      </c>
      <c r="C88" s="16">
        <v>24</v>
      </c>
      <c r="D88" s="17">
        <v>52</v>
      </c>
    </row>
    <row r="89" spans="1:4" ht="18" customHeight="1" x14ac:dyDescent="0.2">
      <c r="A89" s="14">
        <v>69</v>
      </c>
      <c r="B89" s="15">
        <v>24</v>
      </c>
      <c r="C89" s="16">
        <v>38</v>
      </c>
      <c r="D89" s="17">
        <v>62</v>
      </c>
    </row>
    <row r="90" spans="1:4" ht="18" customHeight="1" x14ac:dyDescent="0.2">
      <c r="A90" s="18" t="s">
        <v>81</v>
      </c>
      <c r="B90" s="15">
        <v>148</v>
      </c>
      <c r="C90" s="16">
        <v>196</v>
      </c>
      <c r="D90" s="17">
        <v>344</v>
      </c>
    </row>
    <row r="91" spans="1:4" ht="18" customHeight="1" x14ac:dyDescent="0.2">
      <c r="A91" s="14">
        <v>70</v>
      </c>
      <c r="B91" s="15">
        <v>17</v>
      </c>
      <c r="C91" s="16">
        <v>29</v>
      </c>
      <c r="D91" s="17">
        <v>46</v>
      </c>
    </row>
    <row r="92" spans="1:4" ht="18" customHeight="1" x14ac:dyDescent="0.2">
      <c r="A92" s="14">
        <v>71</v>
      </c>
      <c r="B92" s="15">
        <v>32</v>
      </c>
      <c r="C92" s="16">
        <v>39</v>
      </c>
      <c r="D92" s="17">
        <v>71</v>
      </c>
    </row>
    <row r="93" spans="1:4" ht="18" customHeight="1" x14ac:dyDescent="0.2">
      <c r="A93" s="14">
        <v>72</v>
      </c>
      <c r="B93" s="15">
        <v>22</v>
      </c>
      <c r="C93" s="16">
        <v>27</v>
      </c>
      <c r="D93" s="17">
        <v>49</v>
      </c>
    </row>
    <row r="94" spans="1:4" ht="18" customHeight="1" x14ac:dyDescent="0.2">
      <c r="A94" s="14">
        <v>73</v>
      </c>
      <c r="B94" s="15">
        <v>27</v>
      </c>
      <c r="C94" s="16">
        <v>42</v>
      </c>
      <c r="D94" s="17">
        <v>69</v>
      </c>
    </row>
    <row r="95" spans="1:4" ht="18" customHeight="1" x14ac:dyDescent="0.2">
      <c r="A95" s="14">
        <v>74</v>
      </c>
      <c r="B95" s="15">
        <v>21</v>
      </c>
      <c r="C95" s="16">
        <v>25</v>
      </c>
      <c r="D95" s="17">
        <v>46</v>
      </c>
    </row>
    <row r="96" spans="1:4" ht="18" customHeight="1" x14ac:dyDescent="0.2">
      <c r="A96" s="18" t="s">
        <v>82</v>
      </c>
      <c r="B96" s="15">
        <v>119</v>
      </c>
      <c r="C96" s="16">
        <v>162</v>
      </c>
      <c r="D96" s="17">
        <v>281</v>
      </c>
    </row>
    <row r="97" spans="1:4" ht="18" customHeight="1" x14ac:dyDescent="0.2">
      <c r="A97" s="14">
        <v>75</v>
      </c>
      <c r="B97" s="15">
        <v>18</v>
      </c>
      <c r="C97" s="16">
        <v>29</v>
      </c>
      <c r="D97" s="17">
        <v>47</v>
      </c>
    </row>
    <row r="98" spans="1:4" ht="18" customHeight="1" x14ac:dyDescent="0.2">
      <c r="A98" s="14">
        <v>76</v>
      </c>
      <c r="B98" s="15">
        <v>17</v>
      </c>
      <c r="C98" s="16">
        <v>27</v>
      </c>
      <c r="D98" s="17">
        <v>44</v>
      </c>
    </row>
    <row r="99" spans="1:4" ht="18" customHeight="1" x14ac:dyDescent="0.2">
      <c r="A99" s="14">
        <v>77</v>
      </c>
      <c r="B99" s="15">
        <v>20</v>
      </c>
      <c r="C99" s="16">
        <v>24</v>
      </c>
      <c r="D99" s="17">
        <v>44</v>
      </c>
    </row>
    <row r="100" spans="1:4" ht="18" customHeight="1" x14ac:dyDescent="0.2">
      <c r="A100" s="14">
        <v>78</v>
      </c>
      <c r="B100" s="15">
        <v>7</v>
      </c>
      <c r="C100" s="16">
        <v>25</v>
      </c>
      <c r="D100" s="17">
        <v>32</v>
      </c>
    </row>
    <row r="101" spans="1:4" ht="18" customHeight="1" x14ac:dyDescent="0.2">
      <c r="A101" s="14">
        <v>79</v>
      </c>
      <c r="B101" s="15">
        <v>20</v>
      </c>
      <c r="C101" s="16">
        <v>17</v>
      </c>
      <c r="D101" s="17">
        <v>37</v>
      </c>
    </row>
    <row r="102" spans="1:4" ht="18" customHeight="1" x14ac:dyDescent="0.2">
      <c r="A102" s="18" t="s">
        <v>83</v>
      </c>
      <c r="B102" s="15">
        <v>82</v>
      </c>
      <c r="C102" s="16">
        <v>122</v>
      </c>
      <c r="D102" s="17">
        <v>204</v>
      </c>
    </row>
    <row r="103" spans="1:4" ht="18" customHeight="1" x14ac:dyDescent="0.2">
      <c r="A103" s="14">
        <v>80</v>
      </c>
      <c r="B103" s="15">
        <v>15</v>
      </c>
      <c r="C103" s="16">
        <v>24</v>
      </c>
      <c r="D103" s="17">
        <v>39</v>
      </c>
    </row>
    <row r="104" spans="1:4" ht="18" customHeight="1" x14ac:dyDescent="0.2">
      <c r="A104" s="14">
        <v>81</v>
      </c>
      <c r="B104" s="15">
        <v>17</v>
      </c>
      <c r="C104" s="16">
        <v>31</v>
      </c>
      <c r="D104" s="17">
        <v>48</v>
      </c>
    </row>
    <row r="105" spans="1:4" ht="18" customHeight="1" x14ac:dyDescent="0.2">
      <c r="A105" s="14">
        <v>82</v>
      </c>
      <c r="B105" s="15">
        <v>17</v>
      </c>
      <c r="C105" s="16">
        <v>14</v>
      </c>
      <c r="D105" s="17">
        <v>31</v>
      </c>
    </row>
    <row r="106" spans="1:4" ht="18" customHeight="1" x14ac:dyDescent="0.2">
      <c r="A106" s="14">
        <v>83</v>
      </c>
      <c r="B106" s="15">
        <v>8</v>
      </c>
      <c r="C106" s="16">
        <v>24</v>
      </c>
      <c r="D106" s="17">
        <v>32</v>
      </c>
    </row>
    <row r="107" spans="1:4" ht="18" customHeight="1" x14ac:dyDescent="0.2">
      <c r="A107" s="14">
        <v>84</v>
      </c>
      <c r="B107" s="15">
        <v>7</v>
      </c>
      <c r="C107" s="16">
        <v>19</v>
      </c>
      <c r="D107" s="17">
        <v>26</v>
      </c>
    </row>
    <row r="108" spans="1:4" ht="18" customHeight="1" x14ac:dyDescent="0.2">
      <c r="A108" s="18" t="s">
        <v>84</v>
      </c>
      <c r="B108" s="15">
        <v>64</v>
      </c>
      <c r="C108" s="16">
        <v>112</v>
      </c>
      <c r="D108" s="17">
        <v>176</v>
      </c>
    </row>
    <row r="109" spans="1:4" ht="18" customHeight="1" x14ac:dyDescent="0.2">
      <c r="A109" s="14">
        <v>85</v>
      </c>
      <c r="B109" s="15">
        <v>7</v>
      </c>
      <c r="C109" s="16">
        <v>15</v>
      </c>
      <c r="D109" s="17">
        <v>22</v>
      </c>
    </row>
    <row r="110" spans="1:4" ht="18" customHeight="1" x14ac:dyDescent="0.2">
      <c r="A110" s="14">
        <v>86</v>
      </c>
      <c r="B110" s="15">
        <v>4</v>
      </c>
      <c r="C110" s="16">
        <v>13</v>
      </c>
      <c r="D110" s="17">
        <v>17</v>
      </c>
    </row>
    <row r="111" spans="1:4" ht="18" customHeight="1" x14ac:dyDescent="0.2">
      <c r="A111" s="14">
        <v>87</v>
      </c>
      <c r="B111" s="15">
        <v>7</v>
      </c>
      <c r="C111" s="16">
        <v>12</v>
      </c>
      <c r="D111" s="17">
        <v>19</v>
      </c>
    </row>
    <row r="112" spans="1:4" ht="18" customHeight="1" x14ac:dyDescent="0.2">
      <c r="A112" s="14">
        <v>88</v>
      </c>
      <c r="B112" s="15">
        <v>4</v>
      </c>
      <c r="C112" s="16">
        <v>19</v>
      </c>
      <c r="D112" s="17">
        <v>23</v>
      </c>
    </row>
    <row r="113" spans="1:4" ht="18" customHeight="1" x14ac:dyDescent="0.2">
      <c r="A113" s="14">
        <v>89</v>
      </c>
      <c r="B113" s="15">
        <v>5</v>
      </c>
      <c r="C113" s="16">
        <v>23</v>
      </c>
      <c r="D113" s="17">
        <v>28</v>
      </c>
    </row>
    <row r="114" spans="1:4" ht="18" customHeight="1" x14ac:dyDescent="0.2">
      <c r="A114" s="18" t="s">
        <v>85</v>
      </c>
      <c r="B114" s="15">
        <v>27</v>
      </c>
      <c r="C114" s="16">
        <v>82</v>
      </c>
      <c r="D114" s="17">
        <v>109</v>
      </c>
    </row>
    <row r="115" spans="1:4" ht="18" customHeight="1" x14ac:dyDescent="0.2">
      <c r="A115" s="14">
        <v>90</v>
      </c>
      <c r="B115" s="15">
        <v>5</v>
      </c>
      <c r="C115" s="16">
        <v>10</v>
      </c>
      <c r="D115" s="17">
        <v>15</v>
      </c>
    </row>
    <row r="116" spans="1:4" ht="18" customHeight="1" x14ac:dyDescent="0.2">
      <c r="A116" s="14">
        <v>91</v>
      </c>
      <c r="B116" s="15">
        <v>0</v>
      </c>
      <c r="C116" s="16">
        <v>7</v>
      </c>
      <c r="D116" s="17">
        <v>7</v>
      </c>
    </row>
    <row r="117" spans="1:4" ht="18" customHeight="1" x14ac:dyDescent="0.2">
      <c r="A117" s="14">
        <v>92</v>
      </c>
      <c r="B117" s="15">
        <v>4</v>
      </c>
      <c r="C117" s="16">
        <v>7</v>
      </c>
      <c r="D117" s="17">
        <v>11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3</v>
      </c>
      <c r="C119" s="16">
        <v>5</v>
      </c>
      <c r="D119" s="17">
        <v>8</v>
      </c>
    </row>
    <row r="120" spans="1:4" ht="18" customHeight="1" x14ac:dyDescent="0.2">
      <c r="A120" s="18" t="s">
        <v>86</v>
      </c>
      <c r="B120" s="15">
        <v>13</v>
      </c>
      <c r="C120" s="16">
        <v>36</v>
      </c>
      <c r="D120" s="17">
        <v>49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87</v>
      </c>
      <c r="B126" s="15">
        <v>2</v>
      </c>
      <c r="C126" s="16">
        <v>23</v>
      </c>
      <c r="D126" s="17">
        <v>25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90</v>
      </c>
      <c r="B130" s="4">
        <v>456</v>
      </c>
      <c r="C130" s="5">
        <v>735</v>
      </c>
      <c r="D130" s="6">
        <v>1191</v>
      </c>
    </row>
    <row r="131" spans="1:4" ht="18" customHeight="1" x14ac:dyDescent="0.2">
      <c r="A131" s="20" t="s">
        <v>65</v>
      </c>
      <c r="B131" s="7">
        <v>2412</v>
      </c>
      <c r="C131" s="8">
        <v>2554</v>
      </c>
      <c r="D131" s="9">
        <v>496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65</v>
      </c>
      <c r="C5" s="12">
        <v>43</v>
      </c>
      <c r="D5" s="13">
        <v>108</v>
      </c>
    </row>
    <row r="6" spans="1:4" ht="18" customHeight="1" x14ac:dyDescent="0.2">
      <c r="A6" s="14">
        <v>1</v>
      </c>
      <c r="B6" s="15">
        <v>62</v>
      </c>
      <c r="C6" s="16">
        <v>39</v>
      </c>
      <c r="D6" s="17">
        <v>101</v>
      </c>
    </row>
    <row r="7" spans="1:4" ht="18" customHeight="1" x14ac:dyDescent="0.2">
      <c r="A7" s="14">
        <v>2</v>
      </c>
      <c r="B7" s="15">
        <v>51</v>
      </c>
      <c r="C7" s="16">
        <v>55</v>
      </c>
      <c r="D7" s="17">
        <v>106</v>
      </c>
    </row>
    <row r="8" spans="1:4" ht="18" customHeight="1" x14ac:dyDescent="0.2">
      <c r="A8" s="14">
        <v>3</v>
      </c>
      <c r="B8" s="15">
        <v>57</v>
      </c>
      <c r="C8" s="16">
        <v>65</v>
      </c>
      <c r="D8" s="17">
        <v>122</v>
      </c>
    </row>
    <row r="9" spans="1:4" ht="18" customHeight="1" x14ac:dyDescent="0.2">
      <c r="A9" s="14">
        <v>4</v>
      </c>
      <c r="B9" s="15">
        <v>58</v>
      </c>
      <c r="C9" s="16">
        <v>55</v>
      </c>
      <c r="D9" s="17">
        <v>113</v>
      </c>
    </row>
    <row r="10" spans="1:4" ht="18" customHeight="1" x14ac:dyDescent="0.2">
      <c r="A10" s="18" t="s">
        <v>66</v>
      </c>
      <c r="B10" s="15">
        <v>293</v>
      </c>
      <c r="C10" s="16">
        <v>257</v>
      </c>
      <c r="D10" s="17">
        <v>550</v>
      </c>
    </row>
    <row r="11" spans="1:4" ht="18" customHeight="1" x14ac:dyDescent="0.2">
      <c r="A11" s="14">
        <v>5</v>
      </c>
      <c r="B11" s="15">
        <v>60</v>
      </c>
      <c r="C11" s="16">
        <v>75</v>
      </c>
      <c r="D11" s="17">
        <v>135</v>
      </c>
    </row>
    <row r="12" spans="1:4" ht="18" customHeight="1" x14ac:dyDescent="0.2">
      <c r="A12" s="14">
        <v>6</v>
      </c>
      <c r="B12" s="15">
        <v>64</v>
      </c>
      <c r="C12" s="16">
        <v>65</v>
      </c>
      <c r="D12" s="17">
        <v>129</v>
      </c>
    </row>
    <row r="13" spans="1:4" ht="18" customHeight="1" x14ac:dyDescent="0.2">
      <c r="A13" s="14">
        <v>7</v>
      </c>
      <c r="B13" s="15">
        <v>69</v>
      </c>
      <c r="C13" s="16">
        <v>80</v>
      </c>
      <c r="D13" s="17">
        <v>149</v>
      </c>
    </row>
    <row r="14" spans="1:4" ht="18" customHeight="1" x14ac:dyDescent="0.2">
      <c r="A14" s="14">
        <v>8</v>
      </c>
      <c r="B14" s="15">
        <v>81</v>
      </c>
      <c r="C14" s="16">
        <v>66</v>
      </c>
      <c r="D14" s="17">
        <v>147</v>
      </c>
    </row>
    <row r="15" spans="1:4" ht="18" customHeight="1" x14ac:dyDescent="0.2">
      <c r="A15" s="14">
        <v>9</v>
      </c>
      <c r="B15" s="15">
        <v>89</v>
      </c>
      <c r="C15" s="16">
        <v>63</v>
      </c>
      <c r="D15" s="17">
        <v>152</v>
      </c>
    </row>
    <row r="16" spans="1:4" ht="18" customHeight="1" x14ac:dyDescent="0.2">
      <c r="A16" s="18" t="s">
        <v>67</v>
      </c>
      <c r="B16" s="15">
        <v>363</v>
      </c>
      <c r="C16" s="16">
        <v>349</v>
      </c>
      <c r="D16" s="17">
        <v>712</v>
      </c>
    </row>
    <row r="17" spans="1:4" ht="18" customHeight="1" x14ac:dyDescent="0.2">
      <c r="A17" s="14">
        <v>10</v>
      </c>
      <c r="B17" s="15">
        <v>75</v>
      </c>
      <c r="C17" s="16">
        <v>82</v>
      </c>
      <c r="D17" s="17">
        <v>157</v>
      </c>
    </row>
    <row r="18" spans="1:4" ht="18" customHeight="1" x14ac:dyDescent="0.2">
      <c r="A18" s="14">
        <v>11</v>
      </c>
      <c r="B18" s="15">
        <v>79</v>
      </c>
      <c r="C18" s="16">
        <v>80</v>
      </c>
      <c r="D18" s="17">
        <v>159</v>
      </c>
    </row>
    <row r="19" spans="1:4" ht="18" customHeight="1" x14ac:dyDescent="0.2">
      <c r="A19" s="14">
        <v>12</v>
      </c>
      <c r="B19" s="15">
        <v>74</v>
      </c>
      <c r="C19" s="16">
        <v>73</v>
      </c>
      <c r="D19" s="17">
        <v>147</v>
      </c>
    </row>
    <row r="20" spans="1:4" ht="18" customHeight="1" x14ac:dyDescent="0.2">
      <c r="A20" s="14">
        <v>13</v>
      </c>
      <c r="B20" s="15">
        <v>88</v>
      </c>
      <c r="C20" s="16">
        <v>68</v>
      </c>
      <c r="D20" s="17">
        <v>156</v>
      </c>
    </row>
    <row r="21" spans="1:4" ht="18" customHeight="1" x14ac:dyDescent="0.2">
      <c r="A21" s="14">
        <v>14</v>
      </c>
      <c r="B21" s="15">
        <v>83</v>
      </c>
      <c r="C21" s="16">
        <v>82</v>
      </c>
      <c r="D21" s="17">
        <v>165</v>
      </c>
    </row>
    <row r="22" spans="1:4" ht="18" customHeight="1" x14ac:dyDescent="0.2">
      <c r="A22" s="18" t="s">
        <v>68</v>
      </c>
      <c r="B22" s="15">
        <v>399</v>
      </c>
      <c r="C22" s="16">
        <v>385</v>
      </c>
      <c r="D22" s="17">
        <v>784</v>
      </c>
    </row>
    <row r="23" spans="1:4" ht="18" customHeight="1" x14ac:dyDescent="0.2">
      <c r="A23" s="18" t="s">
        <v>69</v>
      </c>
      <c r="B23" s="15">
        <v>1055</v>
      </c>
      <c r="C23" s="16">
        <v>991</v>
      </c>
      <c r="D23" s="17">
        <v>2046</v>
      </c>
    </row>
    <row r="24" spans="1:4" ht="18" customHeight="1" x14ac:dyDescent="0.2">
      <c r="A24" s="14">
        <v>15</v>
      </c>
      <c r="B24" s="15">
        <v>95</v>
      </c>
      <c r="C24" s="16">
        <v>92</v>
      </c>
      <c r="D24" s="17">
        <v>187</v>
      </c>
    </row>
    <row r="25" spans="1:4" ht="18" customHeight="1" x14ac:dyDescent="0.2">
      <c r="A25" s="14">
        <v>16</v>
      </c>
      <c r="B25" s="15">
        <v>86</v>
      </c>
      <c r="C25" s="16">
        <v>80</v>
      </c>
      <c r="D25" s="17">
        <v>166</v>
      </c>
    </row>
    <row r="26" spans="1:4" ht="18" customHeight="1" x14ac:dyDescent="0.2">
      <c r="A26" s="14">
        <v>17</v>
      </c>
      <c r="B26" s="15">
        <v>82</v>
      </c>
      <c r="C26" s="16">
        <v>79</v>
      </c>
      <c r="D26" s="17">
        <v>161</v>
      </c>
    </row>
    <row r="27" spans="1:4" ht="18" customHeight="1" x14ac:dyDescent="0.2">
      <c r="A27" s="14">
        <v>18</v>
      </c>
      <c r="B27" s="15">
        <v>90</v>
      </c>
      <c r="C27" s="16">
        <v>75</v>
      </c>
      <c r="D27" s="17">
        <v>165</v>
      </c>
    </row>
    <row r="28" spans="1:4" ht="18" customHeight="1" x14ac:dyDescent="0.2">
      <c r="A28" s="14">
        <v>19</v>
      </c>
      <c r="B28" s="15">
        <v>77</v>
      </c>
      <c r="C28" s="16">
        <v>76</v>
      </c>
      <c r="D28" s="17">
        <v>153</v>
      </c>
    </row>
    <row r="29" spans="1:4" ht="18" customHeight="1" x14ac:dyDescent="0.2">
      <c r="A29" s="18" t="s">
        <v>70</v>
      </c>
      <c r="B29" s="15">
        <v>430</v>
      </c>
      <c r="C29" s="16">
        <v>402</v>
      </c>
      <c r="D29" s="17">
        <v>832</v>
      </c>
    </row>
    <row r="30" spans="1:4" ht="18" customHeight="1" x14ac:dyDescent="0.2">
      <c r="A30" s="14">
        <v>20</v>
      </c>
      <c r="B30" s="15">
        <v>67</v>
      </c>
      <c r="C30" s="16">
        <v>81</v>
      </c>
      <c r="D30" s="17">
        <v>148</v>
      </c>
    </row>
    <row r="31" spans="1:4" ht="18" customHeight="1" x14ac:dyDescent="0.2">
      <c r="A31" s="14">
        <v>21</v>
      </c>
      <c r="B31" s="15">
        <v>83</v>
      </c>
      <c r="C31" s="16">
        <v>74</v>
      </c>
      <c r="D31" s="17">
        <v>157</v>
      </c>
    </row>
    <row r="32" spans="1:4" ht="18" customHeight="1" x14ac:dyDescent="0.2">
      <c r="A32" s="14">
        <v>22</v>
      </c>
      <c r="B32" s="15">
        <v>62</v>
      </c>
      <c r="C32" s="16">
        <v>74</v>
      </c>
      <c r="D32" s="17">
        <v>136</v>
      </c>
    </row>
    <row r="33" spans="1:4" ht="18" customHeight="1" x14ac:dyDescent="0.2">
      <c r="A33" s="14">
        <v>23</v>
      </c>
      <c r="B33" s="15">
        <v>66</v>
      </c>
      <c r="C33" s="16">
        <v>79</v>
      </c>
      <c r="D33" s="17">
        <v>145</v>
      </c>
    </row>
    <row r="34" spans="1:4" ht="18" customHeight="1" x14ac:dyDescent="0.2">
      <c r="A34" s="14">
        <v>24</v>
      </c>
      <c r="B34" s="15">
        <v>73</v>
      </c>
      <c r="C34" s="16">
        <v>80</v>
      </c>
      <c r="D34" s="17">
        <v>153</v>
      </c>
    </row>
    <row r="35" spans="1:4" ht="18" customHeight="1" x14ac:dyDescent="0.2">
      <c r="A35" s="18" t="s">
        <v>71</v>
      </c>
      <c r="B35" s="15">
        <v>351</v>
      </c>
      <c r="C35" s="16">
        <v>388</v>
      </c>
      <c r="D35" s="17">
        <v>739</v>
      </c>
    </row>
    <row r="36" spans="1:4" ht="18" customHeight="1" x14ac:dyDescent="0.2">
      <c r="A36" s="14">
        <v>25</v>
      </c>
      <c r="B36" s="15">
        <v>77</v>
      </c>
      <c r="C36" s="16">
        <v>79</v>
      </c>
      <c r="D36" s="17">
        <v>156</v>
      </c>
    </row>
    <row r="37" spans="1:4" ht="18" customHeight="1" x14ac:dyDescent="0.2">
      <c r="A37" s="14">
        <v>26</v>
      </c>
      <c r="B37" s="15">
        <v>78</v>
      </c>
      <c r="C37" s="16">
        <v>71</v>
      </c>
      <c r="D37" s="17">
        <v>149</v>
      </c>
    </row>
    <row r="38" spans="1:4" ht="18" customHeight="1" x14ac:dyDescent="0.2">
      <c r="A38" s="14">
        <v>27</v>
      </c>
      <c r="B38" s="15">
        <v>58</v>
      </c>
      <c r="C38" s="16">
        <v>65</v>
      </c>
      <c r="D38" s="17">
        <v>123</v>
      </c>
    </row>
    <row r="39" spans="1:4" ht="18" customHeight="1" x14ac:dyDescent="0.2">
      <c r="A39" s="14">
        <v>28</v>
      </c>
      <c r="B39" s="15">
        <v>71</v>
      </c>
      <c r="C39" s="16">
        <v>80</v>
      </c>
      <c r="D39" s="17">
        <v>151</v>
      </c>
    </row>
    <row r="40" spans="1:4" ht="18" customHeight="1" x14ac:dyDescent="0.2">
      <c r="A40" s="14">
        <v>29</v>
      </c>
      <c r="B40" s="15">
        <v>97</v>
      </c>
      <c r="C40" s="16">
        <v>80</v>
      </c>
      <c r="D40" s="17">
        <v>177</v>
      </c>
    </row>
    <row r="41" spans="1:4" ht="18" customHeight="1" x14ac:dyDescent="0.2">
      <c r="A41" s="18" t="s">
        <v>72</v>
      </c>
      <c r="B41" s="15">
        <v>381</v>
      </c>
      <c r="C41" s="16">
        <v>375</v>
      </c>
      <c r="D41" s="17">
        <v>756</v>
      </c>
    </row>
    <row r="42" spans="1:4" ht="18" customHeight="1" x14ac:dyDescent="0.2">
      <c r="A42" s="14">
        <v>30</v>
      </c>
      <c r="B42" s="15">
        <v>78</v>
      </c>
      <c r="C42" s="16">
        <v>88</v>
      </c>
      <c r="D42" s="17">
        <v>166</v>
      </c>
    </row>
    <row r="43" spans="1:4" ht="18" customHeight="1" x14ac:dyDescent="0.2">
      <c r="A43" s="14">
        <v>31</v>
      </c>
      <c r="B43" s="15">
        <v>82</v>
      </c>
      <c r="C43" s="16">
        <v>80</v>
      </c>
      <c r="D43" s="17">
        <v>162</v>
      </c>
    </row>
    <row r="44" spans="1:4" ht="18" customHeight="1" x14ac:dyDescent="0.2">
      <c r="A44" s="14">
        <v>32</v>
      </c>
      <c r="B44" s="15">
        <v>101</v>
      </c>
      <c r="C44" s="16">
        <v>78</v>
      </c>
      <c r="D44" s="17">
        <v>179</v>
      </c>
    </row>
    <row r="45" spans="1:4" ht="18" customHeight="1" x14ac:dyDescent="0.2">
      <c r="A45" s="14">
        <v>33</v>
      </c>
      <c r="B45" s="15">
        <v>108</v>
      </c>
      <c r="C45" s="16">
        <v>92</v>
      </c>
      <c r="D45" s="17">
        <v>200</v>
      </c>
    </row>
    <row r="46" spans="1:4" ht="18" customHeight="1" x14ac:dyDescent="0.2">
      <c r="A46" s="14">
        <v>34</v>
      </c>
      <c r="B46" s="15">
        <v>112</v>
      </c>
      <c r="C46" s="16">
        <v>124</v>
      </c>
      <c r="D46" s="17">
        <v>236</v>
      </c>
    </row>
    <row r="47" spans="1:4" ht="18" customHeight="1" x14ac:dyDescent="0.2">
      <c r="A47" s="18" t="s">
        <v>73</v>
      </c>
      <c r="B47" s="15">
        <v>481</v>
      </c>
      <c r="C47" s="16">
        <v>462</v>
      </c>
      <c r="D47" s="17">
        <v>943</v>
      </c>
    </row>
    <row r="48" spans="1:4" ht="18" customHeight="1" x14ac:dyDescent="0.2">
      <c r="A48" s="14">
        <v>35</v>
      </c>
      <c r="B48" s="15">
        <v>128</v>
      </c>
      <c r="C48" s="16">
        <v>124</v>
      </c>
      <c r="D48" s="17">
        <v>252</v>
      </c>
    </row>
    <row r="49" spans="1:4" ht="18" customHeight="1" x14ac:dyDescent="0.2">
      <c r="A49" s="14">
        <v>36</v>
      </c>
      <c r="B49" s="15">
        <v>114</v>
      </c>
      <c r="C49" s="16">
        <v>105</v>
      </c>
      <c r="D49" s="17">
        <v>219</v>
      </c>
    </row>
    <row r="50" spans="1:4" ht="18" customHeight="1" x14ac:dyDescent="0.2">
      <c r="A50" s="14">
        <v>37</v>
      </c>
      <c r="B50" s="15">
        <v>124</v>
      </c>
      <c r="C50" s="16">
        <v>118</v>
      </c>
      <c r="D50" s="17">
        <v>242</v>
      </c>
    </row>
    <row r="51" spans="1:4" ht="18" customHeight="1" x14ac:dyDescent="0.2">
      <c r="A51" s="14">
        <v>38</v>
      </c>
      <c r="B51" s="15">
        <v>110</v>
      </c>
      <c r="C51" s="16">
        <v>95</v>
      </c>
      <c r="D51" s="17">
        <v>205</v>
      </c>
    </row>
    <row r="52" spans="1:4" ht="18" customHeight="1" x14ac:dyDescent="0.2">
      <c r="A52" s="14">
        <v>39</v>
      </c>
      <c r="B52" s="15">
        <v>100</v>
      </c>
      <c r="C52" s="16">
        <v>103</v>
      </c>
      <c r="D52" s="17">
        <v>203</v>
      </c>
    </row>
    <row r="53" spans="1:4" ht="18" customHeight="1" x14ac:dyDescent="0.2">
      <c r="A53" s="18" t="s">
        <v>74</v>
      </c>
      <c r="B53" s="15">
        <v>576</v>
      </c>
      <c r="C53" s="16">
        <v>545</v>
      </c>
      <c r="D53" s="17">
        <v>1121</v>
      </c>
    </row>
    <row r="54" spans="1:4" ht="18" customHeight="1" x14ac:dyDescent="0.2">
      <c r="A54" s="14">
        <v>40</v>
      </c>
      <c r="B54" s="15">
        <v>126</v>
      </c>
      <c r="C54" s="16">
        <v>107</v>
      </c>
      <c r="D54" s="17">
        <v>233</v>
      </c>
    </row>
    <row r="55" spans="1:4" ht="18" customHeight="1" x14ac:dyDescent="0.2">
      <c r="A55" s="14">
        <v>41</v>
      </c>
      <c r="B55" s="15">
        <v>106</v>
      </c>
      <c r="C55" s="16">
        <v>109</v>
      </c>
      <c r="D55" s="17">
        <v>215</v>
      </c>
    </row>
    <row r="56" spans="1:4" ht="18" customHeight="1" x14ac:dyDescent="0.2">
      <c r="A56" s="14">
        <v>42</v>
      </c>
      <c r="B56" s="15">
        <v>106</v>
      </c>
      <c r="C56" s="16">
        <v>99</v>
      </c>
      <c r="D56" s="17">
        <v>205</v>
      </c>
    </row>
    <row r="57" spans="1:4" ht="18" customHeight="1" x14ac:dyDescent="0.2">
      <c r="A57" s="14">
        <v>43</v>
      </c>
      <c r="B57" s="15">
        <v>88</v>
      </c>
      <c r="C57" s="16">
        <v>89</v>
      </c>
      <c r="D57" s="17">
        <v>177</v>
      </c>
    </row>
    <row r="58" spans="1:4" ht="18" customHeight="1" x14ac:dyDescent="0.2">
      <c r="A58" s="14">
        <v>44</v>
      </c>
      <c r="B58" s="15">
        <v>93</v>
      </c>
      <c r="C58" s="16">
        <v>102</v>
      </c>
      <c r="D58" s="17">
        <v>195</v>
      </c>
    </row>
    <row r="59" spans="1:4" ht="18" customHeight="1" x14ac:dyDescent="0.2">
      <c r="A59" s="18" t="s">
        <v>75</v>
      </c>
      <c r="B59" s="15">
        <v>519</v>
      </c>
      <c r="C59" s="16">
        <v>506</v>
      </c>
      <c r="D59" s="17">
        <v>1025</v>
      </c>
    </row>
    <row r="60" spans="1:4" ht="18" customHeight="1" x14ac:dyDescent="0.2">
      <c r="A60" s="14">
        <v>45</v>
      </c>
      <c r="B60" s="15">
        <v>101</v>
      </c>
      <c r="C60" s="16">
        <v>100</v>
      </c>
      <c r="D60" s="17">
        <v>201</v>
      </c>
    </row>
    <row r="61" spans="1:4" ht="18" customHeight="1" x14ac:dyDescent="0.2">
      <c r="A61" s="14">
        <v>46</v>
      </c>
      <c r="B61" s="15">
        <v>106</v>
      </c>
      <c r="C61" s="16">
        <v>118</v>
      </c>
      <c r="D61" s="17">
        <v>224</v>
      </c>
    </row>
    <row r="62" spans="1:4" ht="18" customHeight="1" x14ac:dyDescent="0.2">
      <c r="A62" s="14">
        <v>47</v>
      </c>
      <c r="B62" s="15">
        <v>97</v>
      </c>
      <c r="C62" s="16">
        <v>98</v>
      </c>
      <c r="D62" s="17">
        <v>195</v>
      </c>
    </row>
    <row r="63" spans="1:4" ht="18" customHeight="1" x14ac:dyDescent="0.2">
      <c r="A63" s="14">
        <v>48</v>
      </c>
      <c r="B63" s="15">
        <v>95</v>
      </c>
      <c r="C63" s="16">
        <v>87</v>
      </c>
      <c r="D63" s="17">
        <v>182</v>
      </c>
    </row>
    <row r="64" spans="1:4" ht="18" customHeight="1" x14ac:dyDescent="0.2">
      <c r="A64" s="14">
        <v>49</v>
      </c>
      <c r="B64" s="15">
        <v>95</v>
      </c>
      <c r="C64" s="16">
        <v>89</v>
      </c>
      <c r="D64" s="17">
        <v>184</v>
      </c>
    </row>
    <row r="65" spans="1:4" ht="18" customHeight="1" x14ac:dyDescent="0.2">
      <c r="A65" s="18" t="s">
        <v>76</v>
      </c>
      <c r="B65" s="15">
        <v>494</v>
      </c>
      <c r="C65" s="16">
        <v>492</v>
      </c>
      <c r="D65" s="17">
        <v>986</v>
      </c>
    </row>
    <row r="66" spans="1:4" ht="18" customHeight="1" x14ac:dyDescent="0.2">
      <c r="A66" s="14">
        <v>50</v>
      </c>
      <c r="B66" s="15">
        <v>80</v>
      </c>
      <c r="C66" s="16">
        <v>96</v>
      </c>
      <c r="D66" s="17">
        <v>176</v>
      </c>
    </row>
    <row r="67" spans="1:4" ht="18" customHeight="1" x14ac:dyDescent="0.2">
      <c r="A67" s="14">
        <v>51</v>
      </c>
      <c r="B67" s="15">
        <v>87</v>
      </c>
      <c r="C67" s="16">
        <v>84</v>
      </c>
      <c r="D67" s="17">
        <v>171</v>
      </c>
    </row>
    <row r="68" spans="1:4" ht="18" customHeight="1" x14ac:dyDescent="0.2">
      <c r="A68" s="14">
        <v>52</v>
      </c>
      <c r="B68" s="15">
        <v>97</v>
      </c>
      <c r="C68" s="16">
        <v>102</v>
      </c>
      <c r="D68" s="17">
        <v>199</v>
      </c>
    </row>
    <row r="69" spans="1:4" ht="18" customHeight="1" x14ac:dyDescent="0.2">
      <c r="A69" s="14">
        <v>53</v>
      </c>
      <c r="B69" s="15">
        <v>100</v>
      </c>
      <c r="C69" s="16">
        <v>105</v>
      </c>
      <c r="D69" s="17">
        <v>205</v>
      </c>
    </row>
    <row r="70" spans="1:4" ht="18" customHeight="1" x14ac:dyDescent="0.2">
      <c r="A70" s="14">
        <v>54</v>
      </c>
      <c r="B70" s="15">
        <v>105</v>
      </c>
      <c r="C70" s="16">
        <v>107</v>
      </c>
      <c r="D70" s="17">
        <v>212</v>
      </c>
    </row>
    <row r="71" spans="1:4" ht="18" customHeight="1" x14ac:dyDescent="0.2">
      <c r="A71" s="18" t="s">
        <v>77</v>
      </c>
      <c r="B71" s="15">
        <v>469</v>
      </c>
      <c r="C71" s="16">
        <v>494</v>
      </c>
      <c r="D71" s="17">
        <v>963</v>
      </c>
    </row>
    <row r="72" spans="1:4" ht="18" customHeight="1" x14ac:dyDescent="0.2">
      <c r="A72" s="14">
        <v>55</v>
      </c>
      <c r="B72" s="15">
        <v>89</v>
      </c>
      <c r="C72" s="16">
        <v>96</v>
      </c>
      <c r="D72" s="17">
        <v>185</v>
      </c>
    </row>
    <row r="73" spans="1:4" ht="18" customHeight="1" x14ac:dyDescent="0.2">
      <c r="A73" s="14">
        <v>56</v>
      </c>
      <c r="B73" s="15">
        <v>106</v>
      </c>
      <c r="C73" s="16">
        <v>117</v>
      </c>
      <c r="D73" s="17">
        <v>223</v>
      </c>
    </row>
    <row r="74" spans="1:4" ht="18" customHeight="1" x14ac:dyDescent="0.2">
      <c r="A74" s="14">
        <v>57</v>
      </c>
      <c r="B74" s="15">
        <v>112</v>
      </c>
      <c r="C74" s="16">
        <v>118</v>
      </c>
      <c r="D74" s="17">
        <v>230</v>
      </c>
    </row>
    <row r="75" spans="1:4" ht="18" customHeight="1" x14ac:dyDescent="0.2">
      <c r="A75" s="14">
        <v>58</v>
      </c>
      <c r="B75" s="15">
        <v>123</v>
      </c>
      <c r="C75" s="16">
        <v>121</v>
      </c>
      <c r="D75" s="17">
        <v>244</v>
      </c>
    </row>
    <row r="76" spans="1:4" ht="18" customHeight="1" x14ac:dyDescent="0.2">
      <c r="A76" s="14">
        <v>59</v>
      </c>
      <c r="B76" s="15">
        <v>117</v>
      </c>
      <c r="C76" s="16">
        <v>153</v>
      </c>
      <c r="D76" s="17">
        <v>270</v>
      </c>
    </row>
    <row r="77" spans="1:4" ht="18" customHeight="1" x14ac:dyDescent="0.2">
      <c r="A77" s="18" t="s">
        <v>78</v>
      </c>
      <c r="B77" s="15">
        <v>547</v>
      </c>
      <c r="C77" s="16">
        <v>605</v>
      </c>
      <c r="D77" s="17">
        <v>1152</v>
      </c>
    </row>
    <row r="78" spans="1:4" ht="18" customHeight="1" x14ac:dyDescent="0.2">
      <c r="A78" s="14">
        <v>60</v>
      </c>
      <c r="B78" s="15">
        <v>148</v>
      </c>
      <c r="C78" s="16">
        <v>143</v>
      </c>
      <c r="D78" s="17">
        <v>291</v>
      </c>
    </row>
    <row r="79" spans="1:4" ht="18" customHeight="1" x14ac:dyDescent="0.2">
      <c r="A79" s="14">
        <v>61</v>
      </c>
      <c r="B79" s="15">
        <v>144</v>
      </c>
      <c r="C79" s="16">
        <v>155</v>
      </c>
      <c r="D79" s="17">
        <v>299</v>
      </c>
    </row>
    <row r="80" spans="1:4" ht="18" customHeight="1" x14ac:dyDescent="0.2">
      <c r="A80" s="14">
        <v>62</v>
      </c>
      <c r="B80" s="15">
        <v>127</v>
      </c>
      <c r="C80" s="16">
        <v>125</v>
      </c>
      <c r="D80" s="17">
        <v>252</v>
      </c>
    </row>
    <row r="81" spans="1:4" ht="18" customHeight="1" x14ac:dyDescent="0.2">
      <c r="A81" s="14">
        <v>63</v>
      </c>
      <c r="B81" s="15">
        <v>85</v>
      </c>
      <c r="C81" s="16">
        <v>79</v>
      </c>
      <c r="D81" s="17">
        <v>164</v>
      </c>
    </row>
    <row r="82" spans="1:4" ht="18" customHeight="1" x14ac:dyDescent="0.2">
      <c r="A82" s="14">
        <v>64</v>
      </c>
      <c r="B82" s="15">
        <v>89</v>
      </c>
      <c r="C82" s="16">
        <v>106</v>
      </c>
      <c r="D82" s="17">
        <v>195</v>
      </c>
    </row>
    <row r="83" spans="1:4" ht="18" customHeight="1" x14ac:dyDescent="0.2">
      <c r="A83" s="18" t="s">
        <v>79</v>
      </c>
      <c r="B83" s="15">
        <v>593</v>
      </c>
      <c r="C83" s="16">
        <v>608</v>
      </c>
      <c r="D83" s="17">
        <v>1201</v>
      </c>
    </row>
    <row r="84" spans="1:4" ht="18" customHeight="1" x14ac:dyDescent="0.2">
      <c r="A84" s="18" t="s">
        <v>80</v>
      </c>
      <c r="B84" s="15">
        <v>4841</v>
      </c>
      <c r="C84" s="16">
        <v>4877</v>
      </c>
      <c r="D84" s="17">
        <v>9718</v>
      </c>
    </row>
    <row r="85" spans="1:4" ht="18" customHeight="1" x14ac:dyDescent="0.2">
      <c r="A85" s="14">
        <v>65</v>
      </c>
      <c r="B85" s="15">
        <v>110</v>
      </c>
      <c r="C85" s="16">
        <v>130</v>
      </c>
      <c r="D85" s="17">
        <v>240</v>
      </c>
    </row>
    <row r="86" spans="1:4" ht="18" customHeight="1" x14ac:dyDescent="0.2">
      <c r="A86" s="14">
        <v>66</v>
      </c>
      <c r="B86" s="15">
        <v>97</v>
      </c>
      <c r="C86" s="16">
        <v>110</v>
      </c>
      <c r="D86" s="17">
        <v>207</v>
      </c>
    </row>
    <row r="87" spans="1:4" ht="18" customHeight="1" x14ac:dyDescent="0.2">
      <c r="A87" s="14">
        <v>67</v>
      </c>
      <c r="B87" s="15">
        <v>109</v>
      </c>
      <c r="C87" s="16">
        <v>102</v>
      </c>
      <c r="D87" s="17">
        <v>211</v>
      </c>
    </row>
    <row r="88" spans="1:4" ht="18" customHeight="1" x14ac:dyDescent="0.2">
      <c r="A88" s="14">
        <v>68</v>
      </c>
      <c r="B88" s="15">
        <v>88</v>
      </c>
      <c r="C88" s="16">
        <v>87</v>
      </c>
      <c r="D88" s="17">
        <v>175</v>
      </c>
    </row>
    <row r="89" spans="1:4" ht="18" customHeight="1" x14ac:dyDescent="0.2">
      <c r="A89" s="14">
        <v>69</v>
      </c>
      <c r="B89" s="15">
        <v>89</v>
      </c>
      <c r="C89" s="16">
        <v>94</v>
      </c>
      <c r="D89" s="17">
        <v>183</v>
      </c>
    </row>
    <row r="90" spans="1:4" ht="18" customHeight="1" x14ac:dyDescent="0.2">
      <c r="A90" s="18" t="s">
        <v>81</v>
      </c>
      <c r="B90" s="15">
        <v>493</v>
      </c>
      <c r="C90" s="16">
        <v>523</v>
      </c>
      <c r="D90" s="17">
        <v>1016</v>
      </c>
    </row>
    <row r="91" spans="1:4" ht="18" customHeight="1" x14ac:dyDescent="0.2">
      <c r="A91" s="14">
        <v>70</v>
      </c>
      <c r="B91" s="15">
        <v>81</v>
      </c>
      <c r="C91" s="16">
        <v>97</v>
      </c>
      <c r="D91" s="17">
        <v>178</v>
      </c>
    </row>
    <row r="92" spans="1:4" ht="18" customHeight="1" x14ac:dyDescent="0.2">
      <c r="A92" s="14">
        <v>71</v>
      </c>
      <c r="B92" s="15">
        <v>70</v>
      </c>
      <c r="C92" s="16">
        <v>87</v>
      </c>
      <c r="D92" s="17">
        <v>157</v>
      </c>
    </row>
    <row r="93" spans="1:4" ht="18" customHeight="1" x14ac:dyDescent="0.2">
      <c r="A93" s="14">
        <v>72</v>
      </c>
      <c r="B93" s="15">
        <v>66</v>
      </c>
      <c r="C93" s="16">
        <v>91</v>
      </c>
      <c r="D93" s="17">
        <v>157</v>
      </c>
    </row>
    <row r="94" spans="1:4" ht="18" customHeight="1" x14ac:dyDescent="0.2">
      <c r="A94" s="14">
        <v>73</v>
      </c>
      <c r="B94" s="15">
        <v>94</v>
      </c>
      <c r="C94" s="16">
        <v>85</v>
      </c>
      <c r="D94" s="17">
        <v>179</v>
      </c>
    </row>
    <row r="95" spans="1:4" ht="18" customHeight="1" x14ac:dyDescent="0.2">
      <c r="A95" s="14">
        <v>74</v>
      </c>
      <c r="B95" s="15">
        <v>53</v>
      </c>
      <c r="C95" s="16">
        <v>68</v>
      </c>
      <c r="D95" s="17">
        <v>121</v>
      </c>
    </row>
    <row r="96" spans="1:4" ht="18" customHeight="1" x14ac:dyDescent="0.2">
      <c r="A96" s="18" t="s">
        <v>82</v>
      </c>
      <c r="B96" s="15">
        <v>364</v>
      </c>
      <c r="C96" s="16">
        <v>428</v>
      </c>
      <c r="D96" s="17">
        <v>792</v>
      </c>
    </row>
    <row r="97" spans="1:4" ht="18" customHeight="1" x14ac:dyDescent="0.2">
      <c r="A97" s="14">
        <v>75</v>
      </c>
      <c r="B97" s="15">
        <v>53</v>
      </c>
      <c r="C97" s="16">
        <v>76</v>
      </c>
      <c r="D97" s="17">
        <v>129</v>
      </c>
    </row>
    <row r="98" spans="1:4" ht="18" customHeight="1" x14ac:dyDescent="0.2">
      <c r="A98" s="14">
        <v>76</v>
      </c>
      <c r="B98" s="15">
        <v>70</v>
      </c>
      <c r="C98" s="16">
        <v>61</v>
      </c>
      <c r="D98" s="17">
        <v>131</v>
      </c>
    </row>
    <row r="99" spans="1:4" ht="18" customHeight="1" x14ac:dyDescent="0.2">
      <c r="A99" s="14">
        <v>77</v>
      </c>
      <c r="B99" s="15">
        <v>57</v>
      </c>
      <c r="C99" s="16">
        <v>68</v>
      </c>
      <c r="D99" s="17">
        <v>125</v>
      </c>
    </row>
    <row r="100" spans="1:4" ht="18" customHeight="1" x14ac:dyDescent="0.2">
      <c r="A100" s="14">
        <v>78</v>
      </c>
      <c r="B100" s="15">
        <v>40</v>
      </c>
      <c r="C100" s="16">
        <v>57</v>
      </c>
      <c r="D100" s="17">
        <v>97</v>
      </c>
    </row>
    <row r="101" spans="1:4" ht="18" customHeight="1" x14ac:dyDescent="0.2">
      <c r="A101" s="14">
        <v>79</v>
      </c>
      <c r="B101" s="15">
        <v>47</v>
      </c>
      <c r="C101" s="16">
        <v>52</v>
      </c>
      <c r="D101" s="17">
        <v>99</v>
      </c>
    </row>
    <row r="102" spans="1:4" ht="18" customHeight="1" x14ac:dyDescent="0.2">
      <c r="A102" s="18" t="s">
        <v>83</v>
      </c>
      <c r="B102" s="15">
        <v>267</v>
      </c>
      <c r="C102" s="16">
        <v>314</v>
      </c>
      <c r="D102" s="17">
        <v>581</v>
      </c>
    </row>
    <row r="103" spans="1:4" ht="18" customHeight="1" x14ac:dyDescent="0.2">
      <c r="A103" s="14">
        <v>80</v>
      </c>
      <c r="B103" s="15">
        <v>45</v>
      </c>
      <c r="C103" s="16">
        <v>79</v>
      </c>
      <c r="D103" s="17">
        <v>124</v>
      </c>
    </row>
    <row r="104" spans="1:4" ht="18" customHeight="1" x14ac:dyDescent="0.2">
      <c r="A104" s="14">
        <v>81</v>
      </c>
      <c r="B104" s="15">
        <v>38</v>
      </c>
      <c r="C104" s="16">
        <v>59</v>
      </c>
      <c r="D104" s="17">
        <v>97</v>
      </c>
    </row>
    <row r="105" spans="1:4" ht="18" customHeight="1" x14ac:dyDescent="0.2">
      <c r="A105" s="14">
        <v>82</v>
      </c>
      <c r="B105" s="15">
        <v>32</v>
      </c>
      <c r="C105" s="16">
        <v>48</v>
      </c>
      <c r="D105" s="17">
        <v>80</v>
      </c>
    </row>
    <row r="106" spans="1:4" ht="18" customHeight="1" x14ac:dyDescent="0.2">
      <c r="A106" s="14">
        <v>83</v>
      </c>
      <c r="B106" s="15">
        <v>31</v>
      </c>
      <c r="C106" s="16">
        <v>41</v>
      </c>
      <c r="D106" s="17">
        <v>72</v>
      </c>
    </row>
    <row r="107" spans="1:4" ht="18" customHeight="1" x14ac:dyDescent="0.2">
      <c r="A107" s="14">
        <v>84</v>
      </c>
      <c r="B107" s="15">
        <v>23</v>
      </c>
      <c r="C107" s="16">
        <v>49</v>
      </c>
      <c r="D107" s="17">
        <v>72</v>
      </c>
    </row>
    <row r="108" spans="1:4" ht="18" customHeight="1" x14ac:dyDescent="0.2">
      <c r="A108" s="18" t="s">
        <v>84</v>
      </c>
      <c r="B108" s="15">
        <v>169</v>
      </c>
      <c r="C108" s="16">
        <v>276</v>
      </c>
      <c r="D108" s="17">
        <v>445</v>
      </c>
    </row>
    <row r="109" spans="1:4" ht="18" customHeight="1" x14ac:dyDescent="0.2">
      <c r="A109" s="14">
        <v>85</v>
      </c>
      <c r="B109" s="15">
        <v>21</v>
      </c>
      <c r="C109" s="16">
        <v>44</v>
      </c>
      <c r="D109" s="17">
        <v>65</v>
      </c>
    </row>
    <row r="110" spans="1:4" ht="18" customHeight="1" x14ac:dyDescent="0.2">
      <c r="A110" s="14">
        <v>86</v>
      </c>
      <c r="B110" s="15">
        <v>10</v>
      </c>
      <c r="C110" s="16">
        <v>45</v>
      </c>
      <c r="D110" s="17">
        <v>55</v>
      </c>
    </row>
    <row r="111" spans="1:4" ht="18" customHeight="1" x14ac:dyDescent="0.2">
      <c r="A111" s="14">
        <v>87</v>
      </c>
      <c r="B111" s="15">
        <v>15</v>
      </c>
      <c r="C111" s="16">
        <v>28</v>
      </c>
      <c r="D111" s="17">
        <v>43</v>
      </c>
    </row>
    <row r="112" spans="1:4" ht="18" customHeight="1" x14ac:dyDescent="0.2">
      <c r="A112" s="14">
        <v>88</v>
      </c>
      <c r="B112" s="15">
        <v>8</v>
      </c>
      <c r="C112" s="16">
        <v>37</v>
      </c>
      <c r="D112" s="17">
        <v>45</v>
      </c>
    </row>
    <row r="113" spans="1:4" ht="18" customHeight="1" x14ac:dyDescent="0.2">
      <c r="A113" s="14">
        <v>89</v>
      </c>
      <c r="B113" s="15">
        <v>14</v>
      </c>
      <c r="C113" s="16">
        <v>21</v>
      </c>
      <c r="D113" s="17">
        <v>35</v>
      </c>
    </row>
    <row r="114" spans="1:4" ht="18" customHeight="1" x14ac:dyDescent="0.2">
      <c r="A114" s="18" t="s">
        <v>85</v>
      </c>
      <c r="B114" s="15">
        <v>68</v>
      </c>
      <c r="C114" s="16">
        <v>175</v>
      </c>
      <c r="D114" s="17">
        <v>243</v>
      </c>
    </row>
    <row r="115" spans="1:4" ht="18" customHeight="1" x14ac:dyDescent="0.2">
      <c r="A115" s="14">
        <v>90</v>
      </c>
      <c r="B115" s="15">
        <v>8</v>
      </c>
      <c r="C115" s="16">
        <v>12</v>
      </c>
      <c r="D115" s="17">
        <v>20</v>
      </c>
    </row>
    <row r="116" spans="1:4" ht="18" customHeight="1" x14ac:dyDescent="0.2">
      <c r="A116" s="14">
        <v>91</v>
      </c>
      <c r="B116" s="15">
        <v>3</v>
      </c>
      <c r="C116" s="16">
        <v>18</v>
      </c>
      <c r="D116" s="17">
        <v>21</v>
      </c>
    </row>
    <row r="117" spans="1:4" ht="18" customHeight="1" x14ac:dyDescent="0.2">
      <c r="A117" s="14">
        <v>92</v>
      </c>
      <c r="B117" s="15">
        <v>7</v>
      </c>
      <c r="C117" s="16">
        <v>18</v>
      </c>
      <c r="D117" s="17">
        <v>25</v>
      </c>
    </row>
    <row r="118" spans="1:4" ht="18" customHeight="1" x14ac:dyDescent="0.2">
      <c r="A118" s="14">
        <v>93</v>
      </c>
      <c r="B118" s="15">
        <v>1</v>
      </c>
      <c r="C118" s="16">
        <v>9</v>
      </c>
      <c r="D118" s="17">
        <v>10</v>
      </c>
    </row>
    <row r="119" spans="1:4" ht="18" customHeight="1" x14ac:dyDescent="0.2">
      <c r="A119" s="14">
        <v>94</v>
      </c>
      <c r="B119" s="15">
        <v>1</v>
      </c>
      <c r="C119" s="16">
        <v>14</v>
      </c>
      <c r="D119" s="17">
        <v>15</v>
      </c>
    </row>
    <row r="120" spans="1:4" ht="18" customHeight="1" x14ac:dyDescent="0.2">
      <c r="A120" s="18" t="s">
        <v>86</v>
      </c>
      <c r="B120" s="15">
        <v>20</v>
      </c>
      <c r="C120" s="16">
        <v>71</v>
      </c>
      <c r="D120" s="17">
        <v>91</v>
      </c>
    </row>
    <row r="121" spans="1:4" ht="18" customHeight="1" x14ac:dyDescent="0.2">
      <c r="A121" s="14">
        <v>95</v>
      </c>
      <c r="B121" s="15">
        <v>3</v>
      </c>
      <c r="C121" s="16">
        <v>17</v>
      </c>
      <c r="D121" s="17">
        <v>20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3</v>
      </c>
      <c r="C123" s="16">
        <v>4</v>
      </c>
      <c r="D123" s="17">
        <v>7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87</v>
      </c>
      <c r="B126" s="15">
        <v>9</v>
      </c>
      <c r="C126" s="16">
        <v>33</v>
      </c>
      <c r="D126" s="17">
        <v>4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2</v>
      </c>
      <c r="C128" s="16">
        <v>2</v>
      </c>
      <c r="D128" s="17">
        <v>4</v>
      </c>
    </row>
    <row r="129" spans="1:4" ht="18" customHeight="1" x14ac:dyDescent="0.2">
      <c r="A129" s="18" t="s">
        <v>89</v>
      </c>
      <c r="B129" s="15">
        <v>2</v>
      </c>
      <c r="C129" s="16">
        <v>2</v>
      </c>
      <c r="D129" s="17">
        <v>4</v>
      </c>
    </row>
    <row r="130" spans="1:4" ht="18" customHeight="1" x14ac:dyDescent="0.2">
      <c r="A130" s="18" t="s">
        <v>90</v>
      </c>
      <c r="B130" s="4">
        <v>1392</v>
      </c>
      <c r="C130" s="5">
        <v>1822</v>
      </c>
      <c r="D130" s="6">
        <v>3214</v>
      </c>
    </row>
    <row r="131" spans="1:4" ht="18" customHeight="1" x14ac:dyDescent="0.2">
      <c r="A131" s="20" t="s">
        <v>65</v>
      </c>
      <c r="B131" s="7">
        <v>7288</v>
      </c>
      <c r="C131" s="8">
        <v>7690</v>
      </c>
      <c r="D131" s="9">
        <v>1497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2</v>
      </c>
      <c r="C5" s="12">
        <v>53</v>
      </c>
      <c r="D5" s="13">
        <v>95</v>
      </c>
    </row>
    <row r="6" spans="1:4" ht="18" customHeight="1" x14ac:dyDescent="0.2">
      <c r="A6" s="14">
        <v>1</v>
      </c>
      <c r="B6" s="15">
        <v>45</v>
      </c>
      <c r="C6" s="16">
        <v>74</v>
      </c>
      <c r="D6" s="17">
        <v>119</v>
      </c>
    </row>
    <row r="7" spans="1:4" ht="18" customHeight="1" x14ac:dyDescent="0.2">
      <c r="A7" s="14">
        <v>2</v>
      </c>
      <c r="B7" s="15">
        <v>40</v>
      </c>
      <c r="C7" s="16">
        <v>53</v>
      </c>
      <c r="D7" s="17">
        <v>93</v>
      </c>
    </row>
    <row r="8" spans="1:4" ht="18" customHeight="1" x14ac:dyDescent="0.2">
      <c r="A8" s="14">
        <v>3</v>
      </c>
      <c r="B8" s="15">
        <v>61</v>
      </c>
      <c r="C8" s="16">
        <v>59</v>
      </c>
      <c r="D8" s="17">
        <v>120</v>
      </c>
    </row>
    <row r="9" spans="1:4" ht="18" customHeight="1" x14ac:dyDescent="0.2">
      <c r="A9" s="14">
        <v>4</v>
      </c>
      <c r="B9" s="15">
        <v>42</v>
      </c>
      <c r="C9" s="16">
        <v>39</v>
      </c>
      <c r="D9" s="17">
        <v>81</v>
      </c>
    </row>
    <row r="10" spans="1:4" ht="18" customHeight="1" x14ac:dyDescent="0.2">
      <c r="A10" s="18" t="s">
        <v>66</v>
      </c>
      <c r="B10" s="15">
        <v>230</v>
      </c>
      <c r="C10" s="16">
        <v>278</v>
      </c>
      <c r="D10" s="17">
        <v>508</v>
      </c>
    </row>
    <row r="11" spans="1:4" ht="18" customHeight="1" x14ac:dyDescent="0.2">
      <c r="A11" s="14">
        <v>5</v>
      </c>
      <c r="B11" s="15">
        <v>34</v>
      </c>
      <c r="C11" s="16">
        <v>61</v>
      </c>
      <c r="D11" s="17">
        <v>95</v>
      </c>
    </row>
    <row r="12" spans="1:4" ht="18" customHeight="1" x14ac:dyDescent="0.2">
      <c r="A12" s="14">
        <v>6</v>
      </c>
      <c r="B12" s="15">
        <v>55</v>
      </c>
      <c r="C12" s="16">
        <v>41</v>
      </c>
      <c r="D12" s="17">
        <v>96</v>
      </c>
    </row>
    <row r="13" spans="1:4" ht="18" customHeight="1" x14ac:dyDescent="0.2">
      <c r="A13" s="14">
        <v>7</v>
      </c>
      <c r="B13" s="15">
        <v>40</v>
      </c>
      <c r="C13" s="16">
        <v>34</v>
      </c>
      <c r="D13" s="17">
        <v>74</v>
      </c>
    </row>
    <row r="14" spans="1:4" ht="18" customHeight="1" x14ac:dyDescent="0.2">
      <c r="A14" s="14">
        <v>8</v>
      </c>
      <c r="B14" s="15">
        <v>46</v>
      </c>
      <c r="C14" s="16">
        <v>45</v>
      </c>
      <c r="D14" s="17">
        <v>91</v>
      </c>
    </row>
    <row r="15" spans="1:4" ht="18" customHeight="1" x14ac:dyDescent="0.2">
      <c r="A15" s="14">
        <v>9</v>
      </c>
      <c r="B15" s="15">
        <v>55</v>
      </c>
      <c r="C15" s="16">
        <v>43</v>
      </c>
      <c r="D15" s="17">
        <v>98</v>
      </c>
    </row>
    <row r="16" spans="1:4" ht="18" customHeight="1" x14ac:dyDescent="0.2">
      <c r="A16" s="18" t="s">
        <v>67</v>
      </c>
      <c r="B16" s="15">
        <v>230</v>
      </c>
      <c r="C16" s="16">
        <v>224</v>
      </c>
      <c r="D16" s="17">
        <v>454</v>
      </c>
    </row>
    <row r="17" spans="1:4" ht="18" customHeight="1" x14ac:dyDescent="0.2">
      <c r="A17" s="14">
        <v>10</v>
      </c>
      <c r="B17" s="15">
        <v>43</v>
      </c>
      <c r="C17" s="16">
        <v>48</v>
      </c>
      <c r="D17" s="17">
        <v>91</v>
      </c>
    </row>
    <row r="18" spans="1:4" ht="18" customHeight="1" x14ac:dyDescent="0.2">
      <c r="A18" s="14">
        <v>11</v>
      </c>
      <c r="B18" s="15">
        <v>46</v>
      </c>
      <c r="C18" s="16">
        <v>67</v>
      </c>
      <c r="D18" s="17">
        <v>113</v>
      </c>
    </row>
    <row r="19" spans="1:4" ht="18" customHeight="1" x14ac:dyDescent="0.2">
      <c r="A19" s="14">
        <v>12</v>
      </c>
      <c r="B19" s="15">
        <v>47</v>
      </c>
      <c r="C19" s="16">
        <v>55</v>
      </c>
      <c r="D19" s="17">
        <v>102</v>
      </c>
    </row>
    <row r="20" spans="1:4" ht="18" customHeight="1" x14ac:dyDescent="0.2">
      <c r="A20" s="14">
        <v>13</v>
      </c>
      <c r="B20" s="15">
        <v>48</v>
      </c>
      <c r="C20" s="16">
        <v>54</v>
      </c>
      <c r="D20" s="17">
        <v>102</v>
      </c>
    </row>
    <row r="21" spans="1:4" ht="18" customHeight="1" x14ac:dyDescent="0.2">
      <c r="A21" s="14">
        <v>14</v>
      </c>
      <c r="B21" s="15">
        <v>43</v>
      </c>
      <c r="C21" s="16">
        <v>42</v>
      </c>
      <c r="D21" s="17">
        <v>85</v>
      </c>
    </row>
    <row r="22" spans="1:4" ht="18" customHeight="1" x14ac:dyDescent="0.2">
      <c r="A22" s="18" t="s">
        <v>68</v>
      </c>
      <c r="B22" s="15">
        <v>227</v>
      </c>
      <c r="C22" s="16">
        <v>266</v>
      </c>
      <c r="D22" s="17">
        <v>493</v>
      </c>
    </row>
    <row r="23" spans="1:4" ht="18" customHeight="1" x14ac:dyDescent="0.2">
      <c r="A23" s="18" t="s">
        <v>69</v>
      </c>
      <c r="B23" s="15">
        <v>687</v>
      </c>
      <c r="C23" s="16">
        <v>768</v>
      </c>
      <c r="D23" s="17">
        <v>1455</v>
      </c>
    </row>
    <row r="24" spans="1:4" ht="18" customHeight="1" x14ac:dyDescent="0.2">
      <c r="A24" s="14">
        <v>15</v>
      </c>
      <c r="B24" s="15">
        <v>33</v>
      </c>
      <c r="C24" s="16">
        <v>46</v>
      </c>
      <c r="D24" s="17">
        <v>79</v>
      </c>
    </row>
    <row r="25" spans="1:4" ht="18" customHeight="1" x14ac:dyDescent="0.2">
      <c r="A25" s="14">
        <v>16</v>
      </c>
      <c r="B25" s="15">
        <v>30</v>
      </c>
      <c r="C25" s="16">
        <v>48</v>
      </c>
      <c r="D25" s="17">
        <v>78</v>
      </c>
    </row>
    <row r="26" spans="1:4" ht="18" customHeight="1" x14ac:dyDescent="0.2">
      <c r="A26" s="14">
        <v>17</v>
      </c>
      <c r="B26" s="15">
        <v>35</v>
      </c>
      <c r="C26" s="16">
        <v>47</v>
      </c>
      <c r="D26" s="17">
        <v>82</v>
      </c>
    </row>
    <row r="27" spans="1:4" ht="18" customHeight="1" x14ac:dyDescent="0.2">
      <c r="A27" s="14">
        <v>18</v>
      </c>
      <c r="B27" s="15">
        <v>34</v>
      </c>
      <c r="C27" s="16">
        <v>41</v>
      </c>
      <c r="D27" s="17">
        <v>75</v>
      </c>
    </row>
    <row r="28" spans="1:4" ht="18" customHeight="1" x14ac:dyDescent="0.2">
      <c r="A28" s="14">
        <v>19</v>
      </c>
      <c r="B28" s="15">
        <v>45</v>
      </c>
      <c r="C28" s="16">
        <v>49</v>
      </c>
      <c r="D28" s="17">
        <v>94</v>
      </c>
    </row>
    <row r="29" spans="1:4" ht="18" customHeight="1" x14ac:dyDescent="0.2">
      <c r="A29" s="18" t="s">
        <v>70</v>
      </c>
      <c r="B29" s="15">
        <v>177</v>
      </c>
      <c r="C29" s="16">
        <v>231</v>
      </c>
      <c r="D29" s="17">
        <v>408</v>
      </c>
    </row>
    <row r="30" spans="1:4" ht="18" customHeight="1" x14ac:dyDescent="0.2">
      <c r="A30" s="14">
        <v>20</v>
      </c>
      <c r="B30" s="15">
        <v>36</v>
      </c>
      <c r="C30" s="16">
        <v>40</v>
      </c>
      <c r="D30" s="17">
        <v>76</v>
      </c>
    </row>
    <row r="31" spans="1:4" ht="18" customHeight="1" x14ac:dyDescent="0.2">
      <c r="A31" s="14">
        <v>21</v>
      </c>
      <c r="B31" s="15">
        <v>54</v>
      </c>
      <c r="C31" s="16">
        <v>52</v>
      </c>
      <c r="D31" s="17">
        <v>106</v>
      </c>
    </row>
    <row r="32" spans="1:4" ht="18" customHeight="1" x14ac:dyDescent="0.2">
      <c r="A32" s="14">
        <v>22</v>
      </c>
      <c r="B32" s="15">
        <v>49</v>
      </c>
      <c r="C32" s="16">
        <v>48</v>
      </c>
      <c r="D32" s="17">
        <v>97</v>
      </c>
    </row>
    <row r="33" spans="1:4" ht="18" customHeight="1" x14ac:dyDescent="0.2">
      <c r="A33" s="14">
        <v>23</v>
      </c>
      <c r="B33" s="15">
        <v>62</v>
      </c>
      <c r="C33" s="16">
        <v>64</v>
      </c>
      <c r="D33" s="17">
        <v>126</v>
      </c>
    </row>
    <row r="34" spans="1:4" ht="18" customHeight="1" x14ac:dyDescent="0.2">
      <c r="A34" s="14">
        <v>24</v>
      </c>
      <c r="B34" s="15">
        <v>53</v>
      </c>
      <c r="C34" s="16">
        <v>62</v>
      </c>
      <c r="D34" s="17">
        <v>115</v>
      </c>
    </row>
    <row r="35" spans="1:4" ht="18" customHeight="1" x14ac:dyDescent="0.2">
      <c r="A35" s="18" t="s">
        <v>71</v>
      </c>
      <c r="B35" s="15">
        <v>254</v>
      </c>
      <c r="C35" s="16">
        <v>266</v>
      </c>
      <c r="D35" s="17">
        <v>520</v>
      </c>
    </row>
    <row r="36" spans="1:4" ht="18" customHeight="1" x14ac:dyDescent="0.2">
      <c r="A36" s="14">
        <v>25</v>
      </c>
      <c r="B36" s="15">
        <v>64</v>
      </c>
      <c r="C36" s="16">
        <v>59</v>
      </c>
      <c r="D36" s="17">
        <v>123</v>
      </c>
    </row>
    <row r="37" spans="1:4" ht="18" customHeight="1" x14ac:dyDescent="0.2">
      <c r="A37" s="14">
        <v>26</v>
      </c>
      <c r="B37" s="15">
        <v>66</v>
      </c>
      <c r="C37" s="16">
        <v>58</v>
      </c>
      <c r="D37" s="17">
        <v>124</v>
      </c>
    </row>
    <row r="38" spans="1:4" ht="18" customHeight="1" x14ac:dyDescent="0.2">
      <c r="A38" s="14">
        <v>27</v>
      </c>
      <c r="B38" s="15">
        <v>63</v>
      </c>
      <c r="C38" s="16">
        <v>68</v>
      </c>
      <c r="D38" s="17">
        <v>131</v>
      </c>
    </row>
    <row r="39" spans="1:4" ht="18" customHeight="1" x14ac:dyDescent="0.2">
      <c r="A39" s="14">
        <v>28</v>
      </c>
      <c r="B39" s="15">
        <v>59</v>
      </c>
      <c r="C39" s="16">
        <v>59</v>
      </c>
      <c r="D39" s="17">
        <v>118</v>
      </c>
    </row>
    <row r="40" spans="1:4" ht="18" customHeight="1" x14ac:dyDescent="0.2">
      <c r="A40" s="14">
        <v>29</v>
      </c>
      <c r="B40" s="15">
        <v>73</v>
      </c>
      <c r="C40" s="16">
        <v>77</v>
      </c>
      <c r="D40" s="17">
        <v>150</v>
      </c>
    </row>
    <row r="41" spans="1:4" ht="18" customHeight="1" x14ac:dyDescent="0.2">
      <c r="A41" s="18" t="s">
        <v>72</v>
      </c>
      <c r="B41" s="15">
        <v>325</v>
      </c>
      <c r="C41" s="16">
        <v>321</v>
      </c>
      <c r="D41" s="17">
        <v>646</v>
      </c>
    </row>
    <row r="42" spans="1:4" ht="18" customHeight="1" x14ac:dyDescent="0.2">
      <c r="A42" s="14">
        <v>30</v>
      </c>
      <c r="B42" s="15">
        <v>85</v>
      </c>
      <c r="C42" s="16">
        <v>66</v>
      </c>
      <c r="D42" s="17">
        <v>151</v>
      </c>
    </row>
    <row r="43" spans="1:4" ht="18" customHeight="1" x14ac:dyDescent="0.2">
      <c r="A43" s="14">
        <v>31</v>
      </c>
      <c r="B43" s="15">
        <v>74</v>
      </c>
      <c r="C43" s="16">
        <v>72</v>
      </c>
      <c r="D43" s="17">
        <v>146</v>
      </c>
    </row>
    <row r="44" spans="1:4" ht="18" customHeight="1" x14ac:dyDescent="0.2">
      <c r="A44" s="14">
        <v>32</v>
      </c>
      <c r="B44" s="15">
        <v>74</v>
      </c>
      <c r="C44" s="16">
        <v>71</v>
      </c>
      <c r="D44" s="17">
        <v>145</v>
      </c>
    </row>
    <row r="45" spans="1:4" ht="18" customHeight="1" x14ac:dyDescent="0.2">
      <c r="A45" s="14">
        <v>33</v>
      </c>
      <c r="B45" s="15">
        <v>93</v>
      </c>
      <c r="C45" s="16">
        <v>65</v>
      </c>
      <c r="D45" s="17">
        <v>158</v>
      </c>
    </row>
    <row r="46" spans="1:4" ht="18" customHeight="1" x14ac:dyDescent="0.2">
      <c r="A46" s="14">
        <v>34</v>
      </c>
      <c r="B46" s="15">
        <v>70</v>
      </c>
      <c r="C46" s="16">
        <v>82</v>
      </c>
      <c r="D46" s="17">
        <v>152</v>
      </c>
    </row>
    <row r="47" spans="1:4" ht="18" customHeight="1" x14ac:dyDescent="0.2">
      <c r="A47" s="18" t="s">
        <v>73</v>
      </c>
      <c r="B47" s="15">
        <v>396</v>
      </c>
      <c r="C47" s="16">
        <v>356</v>
      </c>
      <c r="D47" s="17">
        <v>752</v>
      </c>
    </row>
    <row r="48" spans="1:4" ht="18" customHeight="1" x14ac:dyDescent="0.2">
      <c r="A48" s="14">
        <v>35</v>
      </c>
      <c r="B48" s="15">
        <v>81</v>
      </c>
      <c r="C48" s="16">
        <v>87</v>
      </c>
      <c r="D48" s="17">
        <v>168</v>
      </c>
    </row>
    <row r="49" spans="1:4" ht="18" customHeight="1" x14ac:dyDescent="0.2">
      <c r="A49" s="14">
        <v>36</v>
      </c>
      <c r="B49" s="15">
        <v>98</v>
      </c>
      <c r="C49" s="16">
        <v>95</v>
      </c>
      <c r="D49" s="17">
        <v>193</v>
      </c>
    </row>
    <row r="50" spans="1:4" ht="18" customHeight="1" x14ac:dyDescent="0.2">
      <c r="A50" s="14">
        <v>37</v>
      </c>
      <c r="B50" s="15">
        <v>85</v>
      </c>
      <c r="C50" s="16">
        <v>98</v>
      </c>
      <c r="D50" s="17">
        <v>183</v>
      </c>
    </row>
    <row r="51" spans="1:4" ht="18" customHeight="1" x14ac:dyDescent="0.2">
      <c r="A51" s="14">
        <v>38</v>
      </c>
      <c r="B51" s="15">
        <v>86</v>
      </c>
      <c r="C51" s="16">
        <v>83</v>
      </c>
      <c r="D51" s="17">
        <v>169</v>
      </c>
    </row>
    <row r="52" spans="1:4" ht="18" customHeight="1" x14ac:dyDescent="0.2">
      <c r="A52" s="14">
        <v>39</v>
      </c>
      <c r="B52" s="15">
        <v>81</v>
      </c>
      <c r="C52" s="16">
        <v>66</v>
      </c>
      <c r="D52" s="17">
        <v>147</v>
      </c>
    </row>
    <row r="53" spans="1:4" ht="18" customHeight="1" x14ac:dyDescent="0.2">
      <c r="A53" s="18" t="s">
        <v>74</v>
      </c>
      <c r="B53" s="15">
        <v>431</v>
      </c>
      <c r="C53" s="16">
        <v>429</v>
      </c>
      <c r="D53" s="17">
        <v>860</v>
      </c>
    </row>
    <row r="54" spans="1:4" ht="18" customHeight="1" x14ac:dyDescent="0.2">
      <c r="A54" s="14">
        <v>40</v>
      </c>
      <c r="B54" s="15">
        <v>72</v>
      </c>
      <c r="C54" s="16">
        <v>62</v>
      </c>
      <c r="D54" s="17">
        <v>134</v>
      </c>
    </row>
    <row r="55" spans="1:4" ht="18" customHeight="1" x14ac:dyDescent="0.2">
      <c r="A55" s="14">
        <v>41</v>
      </c>
      <c r="B55" s="15">
        <v>72</v>
      </c>
      <c r="C55" s="16">
        <v>72</v>
      </c>
      <c r="D55" s="17">
        <v>144</v>
      </c>
    </row>
    <row r="56" spans="1:4" ht="18" customHeight="1" x14ac:dyDescent="0.2">
      <c r="A56" s="14">
        <v>42</v>
      </c>
      <c r="B56" s="15">
        <v>64</v>
      </c>
      <c r="C56" s="16">
        <v>61</v>
      </c>
      <c r="D56" s="17">
        <v>125</v>
      </c>
    </row>
    <row r="57" spans="1:4" ht="18" customHeight="1" x14ac:dyDescent="0.2">
      <c r="A57" s="14">
        <v>43</v>
      </c>
      <c r="B57" s="15">
        <v>51</v>
      </c>
      <c r="C57" s="16">
        <v>40</v>
      </c>
      <c r="D57" s="17">
        <v>91</v>
      </c>
    </row>
    <row r="58" spans="1:4" ht="18" customHeight="1" x14ac:dyDescent="0.2">
      <c r="A58" s="14">
        <v>44</v>
      </c>
      <c r="B58" s="15">
        <v>66</v>
      </c>
      <c r="C58" s="16">
        <v>53</v>
      </c>
      <c r="D58" s="17">
        <v>119</v>
      </c>
    </row>
    <row r="59" spans="1:4" ht="18" customHeight="1" x14ac:dyDescent="0.2">
      <c r="A59" s="18" t="s">
        <v>75</v>
      </c>
      <c r="B59" s="15">
        <v>325</v>
      </c>
      <c r="C59" s="16">
        <v>288</v>
      </c>
      <c r="D59" s="17">
        <v>613</v>
      </c>
    </row>
    <row r="60" spans="1:4" ht="18" customHeight="1" x14ac:dyDescent="0.2">
      <c r="A60" s="14">
        <v>45</v>
      </c>
      <c r="B60" s="15">
        <v>54</v>
      </c>
      <c r="C60" s="16">
        <v>48</v>
      </c>
      <c r="D60" s="17">
        <v>102</v>
      </c>
    </row>
    <row r="61" spans="1:4" ht="18" customHeight="1" x14ac:dyDescent="0.2">
      <c r="A61" s="14">
        <v>46</v>
      </c>
      <c r="B61" s="15">
        <v>47</v>
      </c>
      <c r="C61" s="16">
        <v>57</v>
      </c>
      <c r="D61" s="17">
        <v>104</v>
      </c>
    </row>
    <row r="62" spans="1:4" ht="18" customHeight="1" x14ac:dyDescent="0.2">
      <c r="A62" s="14">
        <v>47</v>
      </c>
      <c r="B62" s="15">
        <v>48</v>
      </c>
      <c r="C62" s="16">
        <v>51</v>
      </c>
      <c r="D62" s="17">
        <v>99</v>
      </c>
    </row>
    <row r="63" spans="1:4" ht="18" customHeight="1" x14ac:dyDescent="0.2">
      <c r="A63" s="14">
        <v>48</v>
      </c>
      <c r="B63" s="15">
        <v>44</v>
      </c>
      <c r="C63" s="16">
        <v>67</v>
      </c>
      <c r="D63" s="17">
        <v>111</v>
      </c>
    </row>
    <row r="64" spans="1:4" ht="18" customHeight="1" x14ac:dyDescent="0.2">
      <c r="A64" s="14">
        <v>49</v>
      </c>
      <c r="B64" s="15">
        <v>48</v>
      </c>
      <c r="C64" s="16">
        <v>54</v>
      </c>
      <c r="D64" s="17">
        <v>102</v>
      </c>
    </row>
    <row r="65" spans="1:4" ht="18" customHeight="1" x14ac:dyDescent="0.2">
      <c r="A65" s="18" t="s">
        <v>76</v>
      </c>
      <c r="B65" s="15">
        <v>241</v>
      </c>
      <c r="C65" s="16">
        <v>277</v>
      </c>
      <c r="D65" s="17">
        <v>518</v>
      </c>
    </row>
    <row r="66" spans="1:4" ht="18" customHeight="1" x14ac:dyDescent="0.2">
      <c r="A66" s="14">
        <v>50</v>
      </c>
      <c r="B66" s="15">
        <v>42</v>
      </c>
      <c r="C66" s="16">
        <v>50</v>
      </c>
      <c r="D66" s="17">
        <v>92</v>
      </c>
    </row>
    <row r="67" spans="1:4" ht="18" customHeight="1" x14ac:dyDescent="0.2">
      <c r="A67" s="14">
        <v>51</v>
      </c>
      <c r="B67" s="15">
        <v>47</v>
      </c>
      <c r="C67" s="16">
        <v>60</v>
      </c>
      <c r="D67" s="17">
        <v>107</v>
      </c>
    </row>
    <row r="68" spans="1:4" ht="18" customHeight="1" x14ac:dyDescent="0.2">
      <c r="A68" s="14">
        <v>52</v>
      </c>
      <c r="B68" s="15">
        <v>41</v>
      </c>
      <c r="C68" s="16">
        <v>46</v>
      </c>
      <c r="D68" s="17">
        <v>87</v>
      </c>
    </row>
    <row r="69" spans="1:4" ht="18" customHeight="1" x14ac:dyDescent="0.2">
      <c r="A69" s="14">
        <v>53</v>
      </c>
      <c r="B69" s="15">
        <v>45</v>
      </c>
      <c r="C69" s="16">
        <v>71</v>
      </c>
      <c r="D69" s="17">
        <v>116</v>
      </c>
    </row>
    <row r="70" spans="1:4" ht="18" customHeight="1" x14ac:dyDescent="0.2">
      <c r="A70" s="14">
        <v>54</v>
      </c>
      <c r="B70" s="15">
        <v>57</v>
      </c>
      <c r="C70" s="16">
        <v>70</v>
      </c>
      <c r="D70" s="17">
        <v>127</v>
      </c>
    </row>
    <row r="71" spans="1:4" ht="18" customHeight="1" x14ac:dyDescent="0.2">
      <c r="A71" s="18" t="s">
        <v>77</v>
      </c>
      <c r="B71" s="15">
        <v>232</v>
      </c>
      <c r="C71" s="16">
        <v>297</v>
      </c>
      <c r="D71" s="17">
        <v>529</v>
      </c>
    </row>
    <row r="72" spans="1:4" ht="18" customHeight="1" x14ac:dyDescent="0.2">
      <c r="A72" s="14">
        <v>55</v>
      </c>
      <c r="B72" s="15">
        <v>56</v>
      </c>
      <c r="C72" s="16">
        <v>59</v>
      </c>
      <c r="D72" s="17">
        <v>115</v>
      </c>
    </row>
    <row r="73" spans="1:4" ht="18" customHeight="1" x14ac:dyDescent="0.2">
      <c r="A73" s="14">
        <v>56</v>
      </c>
      <c r="B73" s="15">
        <v>72</v>
      </c>
      <c r="C73" s="16">
        <v>71</v>
      </c>
      <c r="D73" s="17">
        <v>143</v>
      </c>
    </row>
    <row r="74" spans="1:4" ht="18" customHeight="1" x14ac:dyDescent="0.2">
      <c r="A74" s="14">
        <v>57</v>
      </c>
      <c r="B74" s="15">
        <v>65</v>
      </c>
      <c r="C74" s="16">
        <v>71</v>
      </c>
      <c r="D74" s="17">
        <v>136</v>
      </c>
    </row>
    <row r="75" spans="1:4" ht="18" customHeight="1" x14ac:dyDescent="0.2">
      <c r="A75" s="14">
        <v>58</v>
      </c>
      <c r="B75" s="15">
        <v>65</v>
      </c>
      <c r="C75" s="16">
        <v>75</v>
      </c>
      <c r="D75" s="17">
        <v>140</v>
      </c>
    </row>
    <row r="76" spans="1:4" ht="18" customHeight="1" x14ac:dyDescent="0.2">
      <c r="A76" s="14">
        <v>59</v>
      </c>
      <c r="B76" s="15">
        <v>88</v>
      </c>
      <c r="C76" s="16">
        <v>76</v>
      </c>
      <c r="D76" s="17">
        <v>164</v>
      </c>
    </row>
    <row r="77" spans="1:4" ht="18" customHeight="1" x14ac:dyDescent="0.2">
      <c r="A77" s="18" t="s">
        <v>78</v>
      </c>
      <c r="B77" s="15">
        <v>346</v>
      </c>
      <c r="C77" s="16">
        <v>352</v>
      </c>
      <c r="D77" s="17">
        <v>698</v>
      </c>
    </row>
    <row r="78" spans="1:4" ht="18" customHeight="1" x14ac:dyDescent="0.2">
      <c r="A78" s="14">
        <v>60</v>
      </c>
      <c r="B78" s="15">
        <v>92</v>
      </c>
      <c r="C78" s="16">
        <v>99</v>
      </c>
      <c r="D78" s="17">
        <v>191</v>
      </c>
    </row>
    <row r="79" spans="1:4" ht="18" customHeight="1" x14ac:dyDescent="0.2">
      <c r="A79" s="14">
        <v>61</v>
      </c>
      <c r="B79" s="15">
        <v>98</v>
      </c>
      <c r="C79" s="16">
        <v>99</v>
      </c>
      <c r="D79" s="17">
        <v>197</v>
      </c>
    </row>
    <row r="80" spans="1:4" ht="18" customHeight="1" x14ac:dyDescent="0.2">
      <c r="A80" s="14">
        <v>62</v>
      </c>
      <c r="B80" s="15">
        <v>64</v>
      </c>
      <c r="C80" s="16">
        <v>79</v>
      </c>
      <c r="D80" s="17">
        <v>143</v>
      </c>
    </row>
    <row r="81" spans="1:4" ht="18" customHeight="1" x14ac:dyDescent="0.2">
      <c r="A81" s="14">
        <v>63</v>
      </c>
      <c r="B81" s="15">
        <v>44</v>
      </c>
      <c r="C81" s="16">
        <v>50</v>
      </c>
      <c r="D81" s="17">
        <v>94</v>
      </c>
    </row>
    <row r="82" spans="1:4" ht="18" customHeight="1" x14ac:dyDescent="0.2">
      <c r="A82" s="14">
        <v>64</v>
      </c>
      <c r="B82" s="15">
        <v>66</v>
      </c>
      <c r="C82" s="16">
        <v>70</v>
      </c>
      <c r="D82" s="17">
        <v>136</v>
      </c>
    </row>
    <row r="83" spans="1:4" ht="18" customHeight="1" x14ac:dyDescent="0.2">
      <c r="A83" s="18" t="s">
        <v>79</v>
      </c>
      <c r="B83" s="15">
        <v>364</v>
      </c>
      <c r="C83" s="16">
        <v>397</v>
      </c>
      <c r="D83" s="17">
        <v>761</v>
      </c>
    </row>
    <row r="84" spans="1:4" ht="18" customHeight="1" x14ac:dyDescent="0.2">
      <c r="A84" s="18" t="s">
        <v>80</v>
      </c>
      <c r="B84" s="15">
        <v>3091</v>
      </c>
      <c r="C84" s="16">
        <v>3214</v>
      </c>
      <c r="D84" s="17">
        <v>6305</v>
      </c>
    </row>
    <row r="85" spans="1:4" ht="18" customHeight="1" x14ac:dyDescent="0.2">
      <c r="A85" s="14">
        <v>65</v>
      </c>
      <c r="B85" s="15">
        <v>62</v>
      </c>
      <c r="C85" s="16">
        <v>72</v>
      </c>
      <c r="D85" s="17">
        <v>134</v>
      </c>
    </row>
    <row r="86" spans="1:4" ht="18" customHeight="1" x14ac:dyDescent="0.2">
      <c r="A86" s="14">
        <v>66</v>
      </c>
      <c r="B86" s="15">
        <v>69</v>
      </c>
      <c r="C86" s="16">
        <v>69</v>
      </c>
      <c r="D86" s="17">
        <v>138</v>
      </c>
    </row>
    <row r="87" spans="1:4" ht="18" customHeight="1" x14ac:dyDescent="0.2">
      <c r="A87" s="14">
        <v>67</v>
      </c>
      <c r="B87" s="15">
        <v>57</v>
      </c>
      <c r="C87" s="16">
        <v>83</v>
      </c>
      <c r="D87" s="17">
        <v>140</v>
      </c>
    </row>
    <row r="88" spans="1:4" ht="18" customHeight="1" x14ac:dyDescent="0.2">
      <c r="A88" s="14">
        <v>68</v>
      </c>
      <c r="B88" s="15">
        <v>63</v>
      </c>
      <c r="C88" s="16">
        <v>67</v>
      </c>
      <c r="D88" s="17">
        <v>130</v>
      </c>
    </row>
    <row r="89" spans="1:4" ht="18" customHeight="1" x14ac:dyDescent="0.2">
      <c r="A89" s="14">
        <v>69</v>
      </c>
      <c r="B89" s="15">
        <v>51</v>
      </c>
      <c r="C89" s="16">
        <v>55</v>
      </c>
      <c r="D89" s="17">
        <v>106</v>
      </c>
    </row>
    <row r="90" spans="1:4" ht="18" customHeight="1" x14ac:dyDescent="0.2">
      <c r="A90" s="18" t="s">
        <v>81</v>
      </c>
      <c r="B90" s="15">
        <v>302</v>
      </c>
      <c r="C90" s="16">
        <v>346</v>
      </c>
      <c r="D90" s="17">
        <v>648</v>
      </c>
    </row>
    <row r="91" spans="1:4" ht="18" customHeight="1" x14ac:dyDescent="0.2">
      <c r="A91" s="14">
        <v>70</v>
      </c>
      <c r="B91" s="15">
        <v>41</v>
      </c>
      <c r="C91" s="16">
        <v>56</v>
      </c>
      <c r="D91" s="17">
        <v>97</v>
      </c>
    </row>
    <row r="92" spans="1:4" ht="18" customHeight="1" x14ac:dyDescent="0.2">
      <c r="A92" s="14">
        <v>71</v>
      </c>
      <c r="B92" s="15">
        <v>46</v>
      </c>
      <c r="C92" s="16">
        <v>49</v>
      </c>
      <c r="D92" s="17">
        <v>95</v>
      </c>
    </row>
    <row r="93" spans="1:4" ht="18" customHeight="1" x14ac:dyDescent="0.2">
      <c r="A93" s="14">
        <v>72</v>
      </c>
      <c r="B93" s="15">
        <v>43</v>
      </c>
      <c r="C93" s="16">
        <v>61</v>
      </c>
      <c r="D93" s="17">
        <v>104</v>
      </c>
    </row>
    <row r="94" spans="1:4" ht="18" customHeight="1" x14ac:dyDescent="0.2">
      <c r="A94" s="14">
        <v>73</v>
      </c>
      <c r="B94" s="15">
        <v>51</v>
      </c>
      <c r="C94" s="16">
        <v>59</v>
      </c>
      <c r="D94" s="17">
        <v>110</v>
      </c>
    </row>
    <row r="95" spans="1:4" ht="18" customHeight="1" x14ac:dyDescent="0.2">
      <c r="A95" s="14">
        <v>74</v>
      </c>
      <c r="B95" s="15">
        <v>36</v>
      </c>
      <c r="C95" s="16">
        <v>44</v>
      </c>
      <c r="D95" s="17">
        <v>80</v>
      </c>
    </row>
    <row r="96" spans="1:4" ht="18" customHeight="1" x14ac:dyDescent="0.2">
      <c r="A96" s="18" t="s">
        <v>82</v>
      </c>
      <c r="B96" s="15">
        <v>217</v>
      </c>
      <c r="C96" s="16">
        <v>269</v>
      </c>
      <c r="D96" s="17">
        <v>486</v>
      </c>
    </row>
    <row r="97" spans="1:4" ht="18" customHeight="1" x14ac:dyDescent="0.2">
      <c r="A97" s="14">
        <v>75</v>
      </c>
      <c r="B97" s="15">
        <v>37</v>
      </c>
      <c r="C97" s="16">
        <v>38</v>
      </c>
      <c r="D97" s="17">
        <v>75</v>
      </c>
    </row>
    <row r="98" spans="1:4" ht="18" customHeight="1" x14ac:dyDescent="0.2">
      <c r="A98" s="14">
        <v>76</v>
      </c>
      <c r="B98" s="15">
        <v>41</v>
      </c>
      <c r="C98" s="16">
        <v>40</v>
      </c>
      <c r="D98" s="17">
        <v>81</v>
      </c>
    </row>
    <row r="99" spans="1:4" ht="18" customHeight="1" x14ac:dyDescent="0.2">
      <c r="A99" s="14">
        <v>77</v>
      </c>
      <c r="B99" s="15">
        <v>32</v>
      </c>
      <c r="C99" s="16">
        <v>49</v>
      </c>
      <c r="D99" s="17">
        <v>81</v>
      </c>
    </row>
    <row r="100" spans="1:4" ht="18" customHeight="1" x14ac:dyDescent="0.2">
      <c r="A100" s="14">
        <v>78</v>
      </c>
      <c r="B100" s="15">
        <v>29</v>
      </c>
      <c r="C100" s="16">
        <v>38</v>
      </c>
      <c r="D100" s="17">
        <v>67</v>
      </c>
    </row>
    <row r="101" spans="1:4" ht="18" customHeight="1" x14ac:dyDescent="0.2">
      <c r="A101" s="14">
        <v>79</v>
      </c>
      <c r="B101" s="15">
        <v>36</v>
      </c>
      <c r="C101" s="16">
        <v>41</v>
      </c>
      <c r="D101" s="17">
        <v>77</v>
      </c>
    </row>
    <row r="102" spans="1:4" ht="18" customHeight="1" x14ac:dyDescent="0.2">
      <c r="A102" s="18" t="s">
        <v>83</v>
      </c>
      <c r="B102" s="15">
        <v>175</v>
      </c>
      <c r="C102" s="16">
        <v>206</v>
      </c>
      <c r="D102" s="17">
        <v>381</v>
      </c>
    </row>
    <row r="103" spans="1:4" ht="18" customHeight="1" x14ac:dyDescent="0.2">
      <c r="A103" s="14">
        <v>80</v>
      </c>
      <c r="B103" s="15">
        <v>20</v>
      </c>
      <c r="C103" s="16">
        <v>45</v>
      </c>
      <c r="D103" s="17">
        <v>65</v>
      </c>
    </row>
    <row r="104" spans="1:4" ht="18" customHeight="1" x14ac:dyDescent="0.2">
      <c r="A104" s="14">
        <v>81</v>
      </c>
      <c r="B104" s="15">
        <v>20</v>
      </c>
      <c r="C104" s="16">
        <v>34</v>
      </c>
      <c r="D104" s="17">
        <v>54</v>
      </c>
    </row>
    <row r="105" spans="1:4" ht="18" customHeight="1" x14ac:dyDescent="0.2">
      <c r="A105" s="14">
        <v>82</v>
      </c>
      <c r="B105" s="15">
        <v>22</v>
      </c>
      <c r="C105" s="16">
        <v>38</v>
      </c>
      <c r="D105" s="17">
        <v>60</v>
      </c>
    </row>
    <row r="106" spans="1:4" ht="18" customHeight="1" x14ac:dyDescent="0.2">
      <c r="A106" s="14">
        <v>83</v>
      </c>
      <c r="B106" s="15">
        <v>19</v>
      </c>
      <c r="C106" s="16">
        <v>27</v>
      </c>
      <c r="D106" s="17">
        <v>46</v>
      </c>
    </row>
    <row r="107" spans="1:4" ht="18" customHeight="1" x14ac:dyDescent="0.2">
      <c r="A107" s="14">
        <v>84</v>
      </c>
      <c r="B107" s="15">
        <v>14</v>
      </c>
      <c r="C107" s="16">
        <v>27</v>
      </c>
      <c r="D107" s="17">
        <v>41</v>
      </c>
    </row>
    <row r="108" spans="1:4" ht="18" customHeight="1" x14ac:dyDescent="0.2">
      <c r="A108" s="18" t="s">
        <v>84</v>
      </c>
      <c r="B108" s="15">
        <v>95</v>
      </c>
      <c r="C108" s="16">
        <v>171</v>
      </c>
      <c r="D108" s="17">
        <v>266</v>
      </c>
    </row>
    <row r="109" spans="1:4" ht="18" customHeight="1" x14ac:dyDescent="0.2">
      <c r="A109" s="14">
        <v>85</v>
      </c>
      <c r="B109" s="15">
        <v>11</v>
      </c>
      <c r="C109" s="16">
        <v>19</v>
      </c>
      <c r="D109" s="17">
        <v>30</v>
      </c>
    </row>
    <row r="110" spans="1:4" ht="18" customHeight="1" x14ac:dyDescent="0.2">
      <c r="A110" s="14">
        <v>86</v>
      </c>
      <c r="B110" s="15">
        <v>10</v>
      </c>
      <c r="C110" s="16">
        <v>19</v>
      </c>
      <c r="D110" s="17">
        <v>29</v>
      </c>
    </row>
    <row r="111" spans="1:4" ht="18" customHeight="1" x14ac:dyDescent="0.2">
      <c r="A111" s="14">
        <v>87</v>
      </c>
      <c r="B111" s="15">
        <v>2</v>
      </c>
      <c r="C111" s="16">
        <v>19</v>
      </c>
      <c r="D111" s="17">
        <v>21</v>
      </c>
    </row>
    <row r="112" spans="1:4" ht="18" customHeight="1" x14ac:dyDescent="0.2">
      <c r="A112" s="14">
        <v>88</v>
      </c>
      <c r="B112" s="15">
        <v>6</v>
      </c>
      <c r="C112" s="16">
        <v>15</v>
      </c>
      <c r="D112" s="17">
        <v>21</v>
      </c>
    </row>
    <row r="113" spans="1:4" ht="18" customHeight="1" x14ac:dyDescent="0.2">
      <c r="A113" s="14">
        <v>89</v>
      </c>
      <c r="B113" s="15">
        <v>4</v>
      </c>
      <c r="C113" s="16">
        <v>16</v>
      </c>
      <c r="D113" s="17">
        <v>20</v>
      </c>
    </row>
    <row r="114" spans="1:4" ht="18" customHeight="1" x14ac:dyDescent="0.2">
      <c r="A114" s="18" t="s">
        <v>85</v>
      </c>
      <c r="B114" s="15">
        <v>33</v>
      </c>
      <c r="C114" s="16">
        <v>88</v>
      </c>
      <c r="D114" s="17">
        <v>121</v>
      </c>
    </row>
    <row r="115" spans="1:4" ht="18" customHeight="1" x14ac:dyDescent="0.2">
      <c r="A115" s="14">
        <v>90</v>
      </c>
      <c r="B115" s="15">
        <v>4</v>
      </c>
      <c r="C115" s="16">
        <v>11</v>
      </c>
      <c r="D115" s="17">
        <v>15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3</v>
      </c>
      <c r="C119" s="16">
        <v>5</v>
      </c>
      <c r="D119" s="17">
        <v>8</v>
      </c>
    </row>
    <row r="120" spans="1:4" ht="18" customHeight="1" x14ac:dyDescent="0.2">
      <c r="A120" s="18" t="s">
        <v>86</v>
      </c>
      <c r="B120" s="15">
        <v>10</v>
      </c>
      <c r="C120" s="16">
        <v>36</v>
      </c>
      <c r="D120" s="17">
        <v>46</v>
      </c>
    </row>
    <row r="121" spans="1:4" ht="18" customHeight="1" x14ac:dyDescent="0.2">
      <c r="A121" s="14">
        <v>95</v>
      </c>
      <c r="B121" s="15">
        <v>4</v>
      </c>
      <c r="C121" s="16">
        <v>3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1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87</v>
      </c>
      <c r="B126" s="15">
        <v>8</v>
      </c>
      <c r="C126" s="16">
        <v>9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89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90</v>
      </c>
      <c r="B130" s="4">
        <v>840</v>
      </c>
      <c r="C130" s="5">
        <v>1130</v>
      </c>
      <c r="D130" s="6">
        <v>1970</v>
      </c>
    </row>
    <row r="131" spans="1:4" ht="18" customHeight="1" x14ac:dyDescent="0.2">
      <c r="A131" s="20" t="s">
        <v>65</v>
      </c>
      <c r="B131" s="7">
        <v>4618</v>
      </c>
      <c r="C131" s="8">
        <v>5112</v>
      </c>
      <c r="D131" s="9">
        <v>973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09</v>
      </c>
      <c r="C5" s="12">
        <v>118</v>
      </c>
      <c r="D5" s="13">
        <v>227</v>
      </c>
    </row>
    <row r="6" spans="1:4" ht="18" customHeight="1" x14ac:dyDescent="0.2">
      <c r="A6" s="14">
        <v>1</v>
      </c>
      <c r="B6" s="15">
        <v>118</v>
      </c>
      <c r="C6" s="16">
        <v>108</v>
      </c>
      <c r="D6" s="17">
        <v>226</v>
      </c>
    </row>
    <row r="7" spans="1:4" ht="18" customHeight="1" x14ac:dyDescent="0.2">
      <c r="A7" s="14">
        <v>2</v>
      </c>
      <c r="B7" s="15">
        <v>108</v>
      </c>
      <c r="C7" s="16">
        <v>100</v>
      </c>
      <c r="D7" s="17">
        <v>208</v>
      </c>
    </row>
    <row r="8" spans="1:4" ht="18" customHeight="1" x14ac:dyDescent="0.2">
      <c r="A8" s="14">
        <v>3</v>
      </c>
      <c r="B8" s="15">
        <v>100</v>
      </c>
      <c r="C8" s="16">
        <v>101</v>
      </c>
      <c r="D8" s="17">
        <v>201</v>
      </c>
    </row>
    <row r="9" spans="1:4" ht="18" customHeight="1" x14ac:dyDescent="0.2">
      <c r="A9" s="14">
        <v>4</v>
      </c>
      <c r="B9" s="15">
        <v>113</v>
      </c>
      <c r="C9" s="16">
        <v>98</v>
      </c>
      <c r="D9" s="17">
        <v>211</v>
      </c>
    </row>
    <row r="10" spans="1:4" ht="18" customHeight="1" x14ac:dyDescent="0.2">
      <c r="A10" s="18" t="s">
        <v>66</v>
      </c>
      <c r="B10" s="15">
        <v>548</v>
      </c>
      <c r="C10" s="16">
        <v>525</v>
      </c>
      <c r="D10" s="17">
        <v>1073</v>
      </c>
    </row>
    <row r="11" spans="1:4" ht="18" customHeight="1" x14ac:dyDescent="0.2">
      <c r="A11" s="14">
        <v>5</v>
      </c>
      <c r="B11" s="15">
        <v>100</v>
      </c>
      <c r="C11" s="16">
        <v>96</v>
      </c>
      <c r="D11" s="17">
        <v>196</v>
      </c>
    </row>
    <row r="12" spans="1:4" ht="18" customHeight="1" x14ac:dyDescent="0.2">
      <c r="A12" s="14">
        <v>6</v>
      </c>
      <c r="B12" s="15">
        <v>101</v>
      </c>
      <c r="C12" s="16">
        <v>109</v>
      </c>
      <c r="D12" s="17">
        <v>210</v>
      </c>
    </row>
    <row r="13" spans="1:4" ht="18" customHeight="1" x14ac:dyDescent="0.2">
      <c r="A13" s="14">
        <v>7</v>
      </c>
      <c r="B13" s="15">
        <v>112</v>
      </c>
      <c r="C13" s="16">
        <v>99</v>
      </c>
      <c r="D13" s="17">
        <v>211</v>
      </c>
    </row>
    <row r="14" spans="1:4" ht="18" customHeight="1" x14ac:dyDescent="0.2">
      <c r="A14" s="14">
        <v>8</v>
      </c>
      <c r="B14" s="15">
        <v>109</v>
      </c>
      <c r="C14" s="16">
        <v>90</v>
      </c>
      <c r="D14" s="17">
        <v>199</v>
      </c>
    </row>
    <row r="15" spans="1:4" ht="18" customHeight="1" x14ac:dyDescent="0.2">
      <c r="A15" s="14">
        <v>9</v>
      </c>
      <c r="B15" s="15">
        <v>98</v>
      </c>
      <c r="C15" s="16">
        <v>80</v>
      </c>
      <c r="D15" s="17">
        <v>178</v>
      </c>
    </row>
    <row r="16" spans="1:4" ht="18" customHeight="1" x14ac:dyDescent="0.2">
      <c r="A16" s="18" t="s">
        <v>67</v>
      </c>
      <c r="B16" s="15">
        <v>520</v>
      </c>
      <c r="C16" s="16">
        <v>474</v>
      </c>
      <c r="D16" s="17">
        <v>994</v>
      </c>
    </row>
    <row r="17" spans="1:4" ht="18" customHeight="1" x14ac:dyDescent="0.2">
      <c r="A17" s="14">
        <v>10</v>
      </c>
      <c r="B17" s="15">
        <v>120</v>
      </c>
      <c r="C17" s="16">
        <v>97</v>
      </c>
      <c r="D17" s="17">
        <v>217</v>
      </c>
    </row>
    <row r="18" spans="1:4" ht="18" customHeight="1" x14ac:dyDescent="0.2">
      <c r="A18" s="14">
        <v>11</v>
      </c>
      <c r="B18" s="15">
        <v>116</v>
      </c>
      <c r="C18" s="16">
        <v>92</v>
      </c>
      <c r="D18" s="17">
        <v>208</v>
      </c>
    </row>
    <row r="19" spans="1:4" ht="18" customHeight="1" x14ac:dyDescent="0.2">
      <c r="A19" s="14">
        <v>12</v>
      </c>
      <c r="B19" s="15">
        <v>83</v>
      </c>
      <c r="C19" s="16">
        <v>110</v>
      </c>
      <c r="D19" s="17">
        <v>193</v>
      </c>
    </row>
    <row r="20" spans="1:4" ht="18" customHeight="1" x14ac:dyDescent="0.2">
      <c r="A20" s="14">
        <v>13</v>
      </c>
      <c r="B20" s="15">
        <v>89</v>
      </c>
      <c r="C20" s="16">
        <v>109</v>
      </c>
      <c r="D20" s="17">
        <v>198</v>
      </c>
    </row>
    <row r="21" spans="1:4" ht="18" customHeight="1" x14ac:dyDescent="0.2">
      <c r="A21" s="14">
        <v>14</v>
      </c>
      <c r="B21" s="15">
        <v>81</v>
      </c>
      <c r="C21" s="16">
        <v>99</v>
      </c>
      <c r="D21" s="17">
        <v>180</v>
      </c>
    </row>
    <row r="22" spans="1:4" ht="18" customHeight="1" x14ac:dyDescent="0.2">
      <c r="A22" s="18" t="s">
        <v>68</v>
      </c>
      <c r="B22" s="15">
        <v>489</v>
      </c>
      <c r="C22" s="16">
        <v>507</v>
      </c>
      <c r="D22" s="17">
        <v>996</v>
      </c>
    </row>
    <row r="23" spans="1:4" ht="18" customHeight="1" x14ac:dyDescent="0.2">
      <c r="A23" s="18" t="s">
        <v>69</v>
      </c>
      <c r="B23" s="15">
        <v>1557</v>
      </c>
      <c r="C23" s="16">
        <v>1506</v>
      </c>
      <c r="D23" s="17">
        <v>3063</v>
      </c>
    </row>
    <row r="24" spans="1:4" ht="18" customHeight="1" x14ac:dyDescent="0.2">
      <c r="A24" s="14">
        <v>15</v>
      </c>
      <c r="B24" s="15">
        <v>96</v>
      </c>
      <c r="C24" s="16">
        <v>106</v>
      </c>
      <c r="D24" s="17">
        <v>202</v>
      </c>
    </row>
    <row r="25" spans="1:4" ht="18" customHeight="1" x14ac:dyDescent="0.2">
      <c r="A25" s="14">
        <v>16</v>
      </c>
      <c r="B25" s="15">
        <v>104</v>
      </c>
      <c r="C25" s="16">
        <v>92</v>
      </c>
      <c r="D25" s="17">
        <v>196</v>
      </c>
    </row>
    <row r="26" spans="1:4" ht="18" customHeight="1" x14ac:dyDescent="0.2">
      <c r="A26" s="14">
        <v>17</v>
      </c>
      <c r="B26" s="15">
        <v>95</v>
      </c>
      <c r="C26" s="16">
        <v>88</v>
      </c>
      <c r="D26" s="17">
        <v>183</v>
      </c>
    </row>
    <row r="27" spans="1:4" ht="18" customHeight="1" x14ac:dyDescent="0.2">
      <c r="A27" s="14">
        <v>18</v>
      </c>
      <c r="B27" s="15">
        <v>105</v>
      </c>
      <c r="C27" s="16">
        <v>104</v>
      </c>
      <c r="D27" s="17">
        <v>209</v>
      </c>
    </row>
    <row r="28" spans="1:4" ht="18" customHeight="1" x14ac:dyDescent="0.2">
      <c r="A28" s="14">
        <v>19</v>
      </c>
      <c r="B28" s="15">
        <v>106</v>
      </c>
      <c r="C28" s="16">
        <v>101</v>
      </c>
      <c r="D28" s="17">
        <v>207</v>
      </c>
    </row>
    <row r="29" spans="1:4" ht="18" customHeight="1" x14ac:dyDescent="0.2">
      <c r="A29" s="18" t="s">
        <v>70</v>
      </c>
      <c r="B29" s="15">
        <v>506</v>
      </c>
      <c r="C29" s="16">
        <v>491</v>
      </c>
      <c r="D29" s="17">
        <v>997</v>
      </c>
    </row>
    <row r="30" spans="1:4" ht="18" customHeight="1" x14ac:dyDescent="0.2">
      <c r="A30" s="14">
        <v>20</v>
      </c>
      <c r="B30" s="15">
        <v>109</v>
      </c>
      <c r="C30" s="16">
        <v>109</v>
      </c>
      <c r="D30" s="17">
        <v>218</v>
      </c>
    </row>
    <row r="31" spans="1:4" ht="18" customHeight="1" x14ac:dyDescent="0.2">
      <c r="A31" s="14">
        <v>21</v>
      </c>
      <c r="B31" s="15">
        <v>90</v>
      </c>
      <c r="C31" s="16">
        <v>90</v>
      </c>
      <c r="D31" s="17">
        <v>180</v>
      </c>
    </row>
    <row r="32" spans="1:4" ht="18" customHeight="1" x14ac:dyDescent="0.2">
      <c r="A32" s="14">
        <v>22</v>
      </c>
      <c r="B32" s="15">
        <v>136</v>
      </c>
      <c r="C32" s="16">
        <v>118</v>
      </c>
      <c r="D32" s="17">
        <v>254</v>
      </c>
    </row>
    <row r="33" spans="1:4" ht="18" customHeight="1" x14ac:dyDescent="0.2">
      <c r="A33" s="14">
        <v>23</v>
      </c>
      <c r="B33" s="15">
        <v>126</v>
      </c>
      <c r="C33" s="16">
        <v>121</v>
      </c>
      <c r="D33" s="17">
        <v>247</v>
      </c>
    </row>
    <row r="34" spans="1:4" ht="18" customHeight="1" x14ac:dyDescent="0.2">
      <c r="A34" s="14">
        <v>24</v>
      </c>
      <c r="B34" s="15">
        <v>130</v>
      </c>
      <c r="C34" s="16">
        <v>129</v>
      </c>
      <c r="D34" s="17">
        <v>259</v>
      </c>
    </row>
    <row r="35" spans="1:4" ht="18" customHeight="1" x14ac:dyDescent="0.2">
      <c r="A35" s="18" t="s">
        <v>71</v>
      </c>
      <c r="B35" s="15">
        <v>591</v>
      </c>
      <c r="C35" s="16">
        <v>567</v>
      </c>
      <c r="D35" s="17">
        <v>1158</v>
      </c>
    </row>
    <row r="36" spans="1:4" ht="18" customHeight="1" x14ac:dyDescent="0.2">
      <c r="A36" s="14">
        <v>25</v>
      </c>
      <c r="B36" s="15">
        <v>100</v>
      </c>
      <c r="C36" s="16">
        <v>127</v>
      </c>
      <c r="D36" s="17">
        <v>227</v>
      </c>
    </row>
    <row r="37" spans="1:4" ht="18" customHeight="1" x14ac:dyDescent="0.2">
      <c r="A37" s="14">
        <v>26</v>
      </c>
      <c r="B37" s="15">
        <v>127</v>
      </c>
      <c r="C37" s="16">
        <v>100</v>
      </c>
      <c r="D37" s="17">
        <v>227</v>
      </c>
    </row>
    <row r="38" spans="1:4" ht="18" customHeight="1" x14ac:dyDescent="0.2">
      <c r="A38" s="14">
        <v>27</v>
      </c>
      <c r="B38" s="15">
        <v>142</v>
      </c>
      <c r="C38" s="16">
        <v>136</v>
      </c>
      <c r="D38" s="17">
        <v>278</v>
      </c>
    </row>
    <row r="39" spans="1:4" ht="18" customHeight="1" x14ac:dyDescent="0.2">
      <c r="A39" s="14">
        <v>28</v>
      </c>
      <c r="B39" s="15">
        <v>149</v>
      </c>
      <c r="C39" s="16">
        <v>138</v>
      </c>
      <c r="D39" s="17">
        <v>287</v>
      </c>
    </row>
    <row r="40" spans="1:4" ht="18" customHeight="1" x14ac:dyDescent="0.2">
      <c r="A40" s="14">
        <v>29</v>
      </c>
      <c r="B40" s="15">
        <v>181</v>
      </c>
      <c r="C40" s="16">
        <v>145</v>
      </c>
      <c r="D40" s="17">
        <v>326</v>
      </c>
    </row>
    <row r="41" spans="1:4" ht="18" customHeight="1" x14ac:dyDescent="0.2">
      <c r="A41" s="18" t="s">
        <v>72</v>
      </c>
      <c r="B41" s="15">
        <v>699</v>
      </c>
      <c r="C41" s="16">
        <v>646</v>
      </c>
      <c r="D41" s="17">
        <v>1345</v>
      </c>
    </row>
    <row r="42" spans="1:4" ht="18" customHeight="1" x14ac:dyDescent="0.2">
      <c r="A42" s="14">
        <v>30</v>
      </c>
      <c r="B42" s="15">
        <v>146</v>
      </c>
      <c r="C42" s="16">
        <v>120</v>
      </c>
      <c r="D42" s="17">
        <v>266</v>
      </c>
    </row>
    <row r="43" spans="1:4" ht="18" customHeight="1" x14ac:dyDescent="0.2">
      <c r="A43" s="14">
        <v>31</v>
      </c>
      <c r="B43" s="15">
        <v>208</v>
      </c>
      <c r="C43" s="16">
        <v>154</v>
      </c>
      <c r="D43" s="17">
        <v>362</v>
      </c>
    </row>
    <row r="44" spans="1:4" ht="18" customHeight="1" x14ac:dyDescent="0.2">
      <c r="A44" s="14">
        <v>32</v>
      </c>
      <c r="B44" s="15">
        <v>152</v>
      </c>
      <c r="C44" s="16">
        <v>164</v>
      </c>
      <c r="D44" s="17">
        <v>316</v>
      </c>
    </row>
    <row r="45" spans="1:4" ht="18" customHeight="1" x14ac:dyDescent="0.2">
      <c r="A45" s="14">
        <v>33</v>
      </c>
      <c r="B45" s="15">
        <v>176</v>
      </c>
      <c r="C45" s="16">
        <v>188</v>
      </c>
      <c r="D45" s="17">
        <v>364</v>
      </c>
    </row>
    <row r="46" spans="1:4" ht="18" customHeight="1" x14ac:dyDescent="0.2">
      <c r="A46" s="14">
        <v>34</v>
      </c>
      <c r="B46" s="15">
        <v>200</v>
      </c>
      <c r="C46" s="16">
        <v>194</v>
      </c>
      <c r="D46" s="17">
        <v>394</v>
      </c>
    </row>
    <row r="47" spans="1:4" ht="18" customHeight="1" x14ac:dyDescent="0.2">
      <c r="A47" s="18" t="s">
        <v>73</v>
      </c>
      <c r="B47" s="15">
        <v>882</v>
      </c>
      <c r="C47" s="16">
        <v>820</v>
      </c>
      <c r="D47" s="17">
        <v>1702</v>
      </c>
    </row>
    <row r="48" spans="1:4" ht="18" customHeight="1" x14ac:dyDescent="0.2">
      <c r="A48" s="14">
        <v>35</v>
      </c>
      <c r="B48" s="15">
        <v>220</v>
      </c>
      <c r="C48" s="16">
        <v>203</v>
      </c>
      <c r="D48" s="17">
        <v>423</v>
      </c>
    </row>
    <row r="49" spans="1:4" ht="18" customHeight="1" x14ac:dyDescent="0.2">
      <c r="A49" s="14">
        <v>36</v>
      </c>
      <c r="B49" s="15">
        <v>196</v>
      </c>
      <c r="C49" s="16">
        <v>197</v>
      </c>
      <c r="D49" s="17">
        <v>393</v>
      </c>
    </row>
    <row r="50" spans="1:4" ht="18" customHeight="1" x14ac:dyDescent="0.2">
      <c r="A50" s="14">
        <v>37</v>
      </c>
      <c r="B50" s="15">
        <v>218</v>
      </c>
      <c r="C50" s="16">
        <v>172</v>
      </c>
      <c r="D50" s="17">
        <v>390</v>
      </c>
    </row>
    <row r="51" spans="1:4" ht="18" customHeight="1" x14ac:dyDescent="0.2">
      <c r="A51" s="14">
        <v>38</v>
      </c>
      <c r="B51" s="15">
        <v>192</v>
      </c>
      <c r="C51" s="16">
        <v>219</v>
      </c>
      <c r="D51" s="17">
        <v>411</v>
      </c>
    </row>
    <row r="52" spans="1:4" ht="18" customHeight="1" x14ac:dyDescent="0.2">
      <c r="A52" s="14">
        <v>39</v>
      </c>
      <c r="B52" s="15">
        <v>200</v>
      </c>
      <c r="C52" s="16">
        <v>151</v>
      </c>
      <c r="D52" s="17">
        <v>351</v>
      </c>
    </row>
    <row r="53" spans="1:4" ht="18" customHeight="1" x14ac:dyDescent="0.2">
      <c r="A53" s="18" t="s">
        <v>74</v>
      </c>
      <c r="B53" s="15">
        <v>1026</v>
      </c>
      <c r="C53" s="16">
        <v>942</v>
      </c>
      <c r="D53" s="17">
        <v>1968</v>
      </c>
    </row>
    <row r="54" spans="1:4" ht="18" customHeight="1" x14ac:dyDescent="0.2">
      <c r="A54" s="14">
        <v>40</v>
      </c>
      <c r="B54" s="15">
        <v>168</v>
      </c>
      <c r="C54" s="16">
        <v>179</v>
      </c>
      <c r="D54" s="17">
        <v>347</v>
      </c>
    </row>
    <row r="55" spans="1:4" ht="18" customHeight="1" x14ac:dyDescent="0.2">
      <c r="A55" s="14">
        <v>41</v>
      </c>
      <c r="B55" s="15">
        <v>151</v>
      </c>
      <c r="C55" s="16">
        <v>154</v>
      </c>
      <c r="D55" s="17">
        <v>305</v>
      </c>
    </row>
    <row r="56" spans="1:4" ht="18" customHeight="1" x14ac:dyDescent="0.2">
      <c r="A56" s="14">
        <v>42</v>
      </c>
      <c r="B56" s="15">
        <v>145</v>
      </c>
      <c r="C56" s="16">
        <v>134</v>
      </c>
      <c r="D56" s="17">
        <v>279</v>
      </c>
    </row>
    <row r="57" spans="1:4" ht="18" customHeight="1" x14ac:dyDescent="0.2">
      <c r="A57" s="14">
        <v>43</v>
      </c>
      <c r="B57" s="15">
        <v>141</v>
      </c>
      <c r="C57" s="16">
        <v>120</v>
      </c>
      <c r="D57" s="17">
        <v>261</v>
      </c>
    </row>
    <row r="58" spans="1:4" ht="18" customHeight="1" x14ac:dyDescent="0.2">
      <c r="A58" s="14">
        <v>44</v>
      </c>
      <c r="B58" s="15">
        <v>139</v>
      </c>
      <c r="C58" s="16">
        <v>117</v>
      </c>
      <c r="D58" s="17">
        <v>256</v>
      </c>
    </row>
    <row r="59" spans="1:4" ht="18" customHeight="1" x14ac:dyDescent="0.2">
      <c r="A59" s="18" t="s">
        <v>75</v>
      </c>
      <c r="B59" s="15">
        <v>744</v>
      </c>
      <c r="C59" s="16">
        <v>704</v>
      </c>
      <c r="D59" s="17">
        <v>1448</v>
      </c>
    </row>
    <row r="60" spans="1:4" ht="18" customHeight="1" x14ac:dyDescent="0.2">
      <c r="A60" s="14">
        <v>45</v>
      </c>
      <c r="B60" s="15">
        <v>156</v>
      </c>
      <c r="C60" s="16">
        <v>130</v>
      </c>
      <c r="D60" s="17">
        <v>286</v>
      </c>
    </row>
    <row r="61" spans="1:4" ht="18" customHeight="1" x14ac:dyDescent="0.2">
      <c r="A61" s="14">
        <v>46</v>
      </c>
      <c r="B61" s="15">
        <v>154</v>
      </c>
      <c r="C61" s="16">
        <v>135</v>
      </c>
      <c r="D61" s="17">
        <v>289</v>
      </c>
    </row>
    <row r="62" spans="1:4" ht="18" customHeight="1" x14ac:dyDescent="0.2">
      <c r="A62" s="14">
        <v>47</v>
      </c>
      <c r="B62" s="15">
        <v>134</v>
      </c>
      <c r="C62" s="16">
        <v>135</v>
      </c>
      <c r="D62" s="17">
        <v>269</v>
      </c>
    </row>
    <row r="63" spans="1:4" ht="18" customHeight="1" x14ac:dyDescent="0.2">
      <c r="A63" s="14">
        <v>48</v>
      </c>
      <c r="B63" s="15">
        <v>133</v>
      </c>
      <c r="C63" s="16">
        <v>126</v>
      </c>
      <c r="D63" s="17">
        <v>259</v>
      </c>
    </row>
    <row r="64" spans="1:4" ht="18" customHeight="1" x14ac:dyDescent="0.2">
      <c r="A64" s="14">
        <v>49</v>
      </c>
      <c r="B64" s="15">
        <v>105</v>
      </c>
      <c r="C64" s="16">
        <v>122</v>
      </c>
      <c r="D64" s="17">
        <v>227</v>
      </c>
    </row>
    <row r="65" spans="1:4" ht="18" customHeight="1" x14ac:dyDescent="0.2">
      <c r="A65" s="18" t="s">
        <v>76</v>
      </c>
      <c r="B65" s="15">
        <v>682</v>
      </c>
      <c r="C65" s="16">
        <v>648</v>
      </c>
      <c r="D65" s="17">
        <v>1330</v>
      </c>
    </row>
    <row r="66" spans="1:4" ht="18" customHeight="1" x14ac:dyDescent="0.2">
      <c r="A66" s="14">
        <v>50</v>
      </c>
      <c r="B66" s="15">
        <v>109</v>
      </c>
      <c r="C66" s="16">
        <v>135</v>
      </c>
      <c r="D66" s="17">
        <v>244</v>
      </c>
    </row>
    <row r="67" spans="1:4" ht="18" customHeight="1" x14ac:dyDescent="0.2">
      <c r="A67" s="14">
        <v>51</v>
      </c>
      <c r="B67" s="15">
        <v>144</v>
      </c>
      <c r="C67" s="16">
        <v>134</v>
      </c>
      <c r="D67" s="17">
        <v>278</v>
      </c>
    </row>
    <row r="68" spans="1:4" ht="18" customHeight="1" x14ac:dyDescent="0.2">
      <c r="A68" s="14">
        <v>52</v>
      </c>
      <c r="B68" s="15">
        <v>119</v>
      </c>
      <c r="C68" s="16">
        <v>117</v>
      </c>
      <c r="D68" s="17">
        <v>236</v>
      </c>
    </row>
    <row r="69" spans="1:4" ht="18" customHeight="1" x14ac:dyDescent="0.2">
      <c r="A69" s="14">
        <v>53</v>
      </c>
      <c r="B69" s="15">
        <v>134</v>
      </c>
      <c r="C69" s="16">
        <v>127</v>
      </c>
      <c r="D69" s="17">
        <v>261</v>
      </c>
    </row>
    <row r="70" spans="1:4" ht="18" customHeight="1" x14ac:dyDescent="0.2">
      <c r="A70" s="14">
        <v>54</v>
      </c>
      <c r="B70" s="15">
        <v>145</v>
      </c>
      <c r="C70" s="16">
        <v>126</v>
      </c>
      <c r="D70" s="17">
        <v>271</v>
      </c>
    </row>
    <row r="71" spans="1:4" ht="18" customHeight="1" x14ac:dyDescent="0.2">
      <c r="A71" s="18" t="s">
        <v>77</v>
      </c>
      <c r="B71" s="15">
        <v>651</v>
      </c>
      <c r="C71" s="16">
        <v>639</v>
      </c>
      <c r="D71" s="17">
        <v>1290</v>
      </c>
    </row>
    <row r="72" spans="1:4" ht="18" customHeight="1" x14ac:dyDescent="0.2">
      <c r="A72" s="14">
        <v>55</v>
      </c>
      <c r="B72" s="15">
        <v>161</v>
      </c>
      <c r="C72" s="16">
        <v>136</v>
      </c>
      <c r="D72" s="17">
        <v>297</v>
      </c>
    </row>
    <row r="73" spans="1:4" ht="18" customHeight="1" x14ac:dyDescent="0.2">
      <c r="A73" s="14">
        <v>56</v>
      </c>
      <c r="B73" s="15">
        <v>161</v>
      </c>
      <c r="C73" s="16">
        <v>146</v>
      </c>
      <c r="D73" s="17">
        <v>307</v>
      </c>
    </row>
    <row r="74" spans="1:4" ht="18" customHeight="1" x14ac:dyDescent="0.2">
      <c r="A74" s="14">
        <v>57</v>
      </c>
      <c r="B74" s="15">
        <v>142</v>
      </c>
      <c r="C74" s="16">
        <v>151</v>
      </c>
      <c r="D74" s="17">
        <v>293</v>
      </c>
    </row>
    <row r="75" spans="1:4" ht="18" customHeight="1" x14ac:dyDescent="0.2">
      <c r="A75" s="14">
        <v>58</v>
      </c>
      <c r="B75" s="15">
        <v>164</v>
      </c>
      <c r="C75" s="16">
        <v>188</v>
      </c>
      <c r="D75" s="17">
        <v>352</v>
      </c>
    </row>
    <row r="76" spans="1:4" ht="18" customHeight="1" x14ac:dyDescent="0.2">
      <c r="A76" s="14">
        <v>59</v>
      </c>
      <c r="B76" s="15">
        <v>197</v>
      </c>
      <c r="C76" s="16">
        <v>195</v>
      </c>
      <c r="D76" s="17">
        <v>392</v>
      </c>
    </row>
    <row r="77" spans="1:4" ht="18" customHeight="1" x14ac:dyDescent="0.2">
      <c r="A77" s="18" t="s">
        <v>78</v>
      </c>
      <c r="B77" s="15">
        <v>825</v>
      </c>
      <c r="C77" s="16">
        <v>816</v>
      </c>
      <c r="D77" s="17">
        <v>1641</v>
      </c>
    </row>
    <row r="78" spans="1:4" ht="18" customHeight="1" x14ac:dyDescent="0.2">
      <c r="A78" s="14">
        <v>60</v>
      </c>
      <c r="B78" s="15">
        <v>233</v>
      </c>
      <c r="C78" s="16">
        <v>203</v>
      </c>
      <c r="D78" s="17">
        <v>436</v>
      </c>
    </row>
    <row r="79" spans="1:4" ht="18" customHeight="1" x14ac:dyDescent="0.2">
      <c r="A79" s="14">
        <v>61</v>
      </c>
      <c r="B79" s="15">
        <v>200</v>
      </c>
      <c r="C79" s="16">
        <v>236</v>
      </c>
      <c r="D79" s="17">
        <v>436</v>
      </c>
    </row>
    <row r="80" spans="1:4" ht="18" customHeight="1" x14ac:dyDescent="0.2">
      <c r="A80" s="14">
        <v>62</v>
      </c>
      <c r="B80" s="15">
        <v>189</v>
      </c>
      <c r="C80" s="16">
        <v>228</v>
      </c>
      <c r="D80" s="17">
        <v>417</v>
      </c>
    </row>
    <row r="81" spans="1:4" ht="18" customHeight="1" x14ac:dyDescent="0.2">
      <c r="A81" s="14">
        <v>63</v>
      </c>
      <c r="B81" s="15">
        <v>102</v>
      </c>
      <c r="C81" s="16">
        <v>103</v>
      </c>
      <c r="D81" s="17">
        <v>205</v>
      </c>
    </row>
    <row r="82" spans="1:4" ht="18" customHeight="1" x14ac:dyDescent="0.2">
      <c r="A82" s="14">
        <v>64</v>
      </c>
      <c r="B82" s="15">
        <v>135</v>
      </c>
      <c r="C82" s="16">
        <v>147</v>
      </c>
      <c r="D82" s="17">
        <v>282</v>
      </c>
    </row>
    <row r="83" spans="1:4" ht="18" customHeight="1" x14ac:dyDescent="0.2">
      <c r="A83" s="18" t="s">
        <v>79</v>
      </c>
      <c r="B83" s="15">
        <v>859</v>
      </c>
      <c r="C83" s="16">
        <v>917</v>
      </c>
      <c r="D83" s="17">
        <v>1776</v>
      </c>
    </row>
    <row r="84" spans="1:4" ht="18" customHeight="1" x14ac:dyDescent="0.2">
      <c r="A84" s="18" t="s">
        <v>80</v>
      </c>
      <c r="B84" s="15">
        <v>7465</v>
      </c>
      <c r="C84" s="16">
        <v>7190</v>
      </c>
      <c r="D84" s="17">
        <v>14655</v>
      </c>
    </row>
    <row r="85" spans="1:4" ht="18" customHeight="1" x14ac:dyDescent="0.2">
      <c r="A85" s="14">
        <v>65</v>
      </c>
      <c r="B85" s="15">
        <v>153</v>
      </c>
      <c r="C85" s="16">
        <v>180</v>
      </c>
      <c r="D85" s="17">
        <v>333</v>
      </c>
    </row>
    <row r="86" spans="1:4" ht="18" customHeight="1" x14ac:dyDescent="0.2">
      <c r="A86" s="14">
        <v>66</v>
      </c>
      <c r="B86" s="15">
        <v>145</v>
      </c>
      <c r="C86" s="16">
        <v>157</v>
      </c>
      <c r="D86" s="17">
        <v>302</v>
      </c>
    </row>
    <row r="87" spans="1:4" ht="18" customHeight="1" x14ac:dyDescent="0.2">
      <c r="A87" s="14">
        <v>67</v>
      </c>
      <c r="B87" s="15">
        <v>158</v>
      </c>
      <c r="C87" s="16">
        <v>180</v>
      </c>
      <c r="D87" s="17">
        <v>338</v>
      </c>
    </row>
    <row r="88" spans="1:4" ht="18" customHeight="1" x14ac:dyDescent="0.2">
      <c r="A88" s="14">
        <v>68</v>
      </c>
      <c r="B88" s="15">
        <v>138</v>
      </c>
      <c r="C88" s="16">
        <v>151</v>
      </c>
      <c r="D88" s="17">
        <v>289</v>
      </c>
    </row>
    <row r="89" spans="1:4" ht="18" customHeight="1" x14ac:dyDescent="0.2">
      <c r="A89" s="14">
        <v>69</v>
      </c>
      <c r="B89" s="15">
        <v>123</v>
      </c>
      <c r="C89" s="16">
        <v>155</v>
      </c>
      <c r="D89" s="17">
        <v>278</v>
      </c>
    </row>
    <row r="90" spans="1:4" ht="18" customHeight="1" x14ac:dyDescent="0.2">
      <c r="A90" s="18" t="s">
        <v>81</v>
      </c>
      <c r="B90" s="15">
        <v>717</v>
      </c>
      <c r="C90" s="16">
        <v>823</v>
      </c>
      <c r="D90" s="17">
        <v>1540</v>
      </c>
    </row>
    <row r="91" spans="1:4" ht="18" customHeight="1" x14ac:dyDescent="0.2">
      <c r="A91" s="14">
        <v>70</v>
      </c>
      <c r="B91" s="15">
        <v>103</v>
      </c>
      <c r="C91" s="16">
        <v>125</v>
      </c>
      <c r="D91" s="17">
        <v>228</v>
      </c>
    </row>
    <row r="92" spans="1:4" ht="18" customHeight="1" x14ac:dyDescent="0.2">
      <c r="A92" s="14">
        <v>71</v>
      </c>
      <c r="B92" s="15">
        <v>118</v>
      </c>
      <c r="C92" s="16">
        <v>128</v>
      </c>
      <c r="D92" s="17">
        <v>246</v>
      </c>
    </row>
    <row r="93" spans="1:4" ht="18" customHeight="1" x14ac:dyDescent="0.2">
      <c r="A93" s="14">
        <v>72</v>
      </c>
      <c r="B93" s="15">
        <v>127</v>
      </c>
      <c r="C93" s="16">
        <v>128</v>
      </c>
      <c r="D93" s="17">
        <v>255</v>
      </c>
    </row>
    <row r="94" spans="1:4" ht="18" customHeight="1" x14ac:dyDescent="0.2">
      <c r="A94" s="14">
        <v>73</v>
      </c>
      <c r="B94" s="15">
        <v>115</v>
      </c>
      <c r="C94" s="16">
        <v>152</v>
      </c>
      <c r="D94" s="17">
        <v>267</v>
      </c>
    </row>
    <row r="95" spans="1:4" ht="18" customHeight="1" x14ac:dyDescent="0.2">
      <c r="A95" s="14">
        <v>74</v>
      </c>
      <c r="B95" s="15">
        <v>87</v>
      </c>
      <c r="C95" s="16">
        <v>112</v>
      </c>
      <c r="D95" s="17">
        <v>199</v>
      </c>
    </row>
    <row r="96" spans="1:4" ht="18" customHeight="1" x14ac:dyDescent="0.2">
      <c r="A96" s="18" t="s">
        <v>82</v>
      </c>
      <c r="B96" s="15">
        <v>550</v>
      </c>
      <c r="C96" s="16">
        <v>645</v>
      </c>
      <c r="D96" s="17">
        <v>1195</v>
      </c>
    </row>
    <row r="97" spans="1:4" ht="18" customHeight="1" x14ac:dyDescent="0.2">
      <c r="A97" s="14">
        <v>75</v>
      </c>
      <c r="B97" s="15">
        <v>93</v>
      </c>
      <c r="C97" s="16">
        <v>110</v>
      </c>
      <c r="D97" s="17">
        <v>203</v>
      </c>
    </row>
    <row r="98" spans="1:4" ht="18" customHeight="1" x14ac:dyDescent="0.2">
      <c r="A98" s="14">
        <v>76</v>
      </c>
      <c r="B98" s="15">
        <v>80</v>
      </c>
      <c r="C98" s="16">
        <v>124</v>
      </c>
      <c r="D98" s="17">
        <v>204</v>
      </c>
    </row>
    <row r="99" spans="1:4" ht="18" customHeight="1" x14ac:dyDescent="0.2">
      <c r="A99" s="14">
        <v>77</v>
      </c>
      <c r="B99" s="15">
        <v>79</v>
      </c>
      <c r="C99" s="16">
        <v>107</v>
      </c>
      <c r="D99" s="17">
        <v>186</v>
      </c>
    </row>
    <row r="100" spans="1:4" ht="18" customHeight="1" x14ac:dyDescent="0.2">
      <c r="A100" s="14">
        <v>78</v>
      </c>
      <c r="B100" s="15">
        <v>77</v>
      </c>
      <c r="C100" s="16">
        <v>116</v>
      </c>
      <c r="D100" s="17">
        <v>193</v>
      </c>
    </row>
    <row r="101" spans="1:4" ht="18" customHeight="1" x14ac:dyDescent="0.2">
      <c r="A101" s="14">
        <v>79</v>
      </c>
      <c r="B101" s="15">
        <v>58</v>
      </c>
      <c r="C101" s="16">
        <v>88</v>
      </c>
      <c r="D101" s="17">
        <v>146</v>
      </c>
    </row>
    <row r="102" spans="1:4" ht="18" customHeight="1" x14ac:dyDescent="0.2">
      <c r="A102" s="18" t="s">
        <v>83</v>
      </c>
      <c r="B102" s="15">
        <v>387</v>
      </c>
      <c r="C102" s="16">
        <v>545</v>
      </c>
      <c r="D102" s="17">
        <v>932</v>
      </c>
    </row>
    <row r="103" spans="1:4" ht="18" customHeight="1" x14ac:dyDescent="0.2">
      <c r="A103" s="14">
        <v>80</v>
      </c>
      <c r="B103" s="15">
        <v>57</v>
      </c>
      <c r="C103" s="16">
        <v>90</v>
      </c>
      <c r="D103" s="17">
        <v>147</v>
      </c>
    </row>
    <row r="104" spans="1:4" ht="18" customHeight="1" x14ac:dyDescent="0.2">
      <c r="A104" s="14">
        <v>81</v>
      </c>
      <c r="B104" s="15">
        <v>50</v>
      </c>
      <c r="C104" s="16">
        <v>92</v>
      </c>
      <c r="D104" s="17">
        <v>142</v>
      </c>
    </row>
    <row r="105" spans="1:4" ht="18" customHeight="1" x14ac:dyDescent="0.2">
      <c r="A105" s="14">
        <v>82</v>
      </c>
      <c r="B105" s="15">
        <v>56</v>
      </c>
      <c r="C105" s="16">
        <v>83</v>
      </c>
      <c r="D105" s="17">
        <v>139</v>
      </c>
    </row>
    <row r="106" spans="1:4" ht="18" customHeight="1" x14ac:dyDescent="0.2">
      <c r="A106" s="14">
        <v>83</v>
      </c>
      <c r="B106" s="15">
        <v>41</v>
      </c>
      <c r="C106" s="16">
        <v>79</v>
      </c>
      <c r="D106" s="17">
        <v>120</v>
      </c>
    </row>
    <row r="107" spans="1:4" ht="18" customHeight="1" x14ac:dyDescent="0.2">
      <c r="A107" s="14">
        <v>84</v>
      </c>
      <c r="B107" s="15">
        <v>38</v>
      </c>
      <c r="C107" s="16">
        <v>60</v>
      </c>
      <c r="D107" s="17">
        <v>98</v>
      </c>
    </row>
    <row r="108" spans="1:4" ht="18" customHeight="1" x14ac:dyDescent="0.2">
      <c r="A108" s="18" t="s">
        <v>84</v>
      </c>
      <c r="B108" s="15">
        <v>242</v>
      </c>
      <c r="C108" s="16">
        <v>404</v>
      </c>
      <c r="D108" s="17">
        <v>646</v>
      </c>
    </row>
    <row r="109" spans="1:4" ht="18" customHeight="1" x14ac:dyDescent="0.2">
      <c r="A109" s="14">
        <v>85</v>
      </c>
      <c r="B109" s="15">
        <v>27</v>
      </c>
      <c r="C109" s="16">
        <v>51</v>
      </c>
      <c r="D109" s="17">
        <v>78</v>
      </c>
    </row>
    <row r="110" spans="1:4" ht="18" customHeight="1" x14ac:dyDescent="0.2">
      <c r="A110" s="14">
        <v>86</v>
      </c>
      <c r="B110" s="15">
        <v>19</v>
      </c>
      <c r="C110" s="16">
        <v>44</v>
      </c>
      <c r="D110" s="17">
        <v>63</v>
      </c>
    </row>
    <row r="111" spans="1:4" ht="18" customHeight="1" x14ac:dyDescent="0.2">
      <c r="A111" s="14">
        <v>87</v>
      </c>
      <c r="B111" s="15">
        <v>20</v>
      </c>
      <c r="C111" s="16">
        <v>53</v>
      </c>
      <c r="D111" s="17">
        <v>73</v>
      </c>
    </row>
    <row r="112" spans="1:4" ht="18" customHeight="1" x14ac:dyDescent="0.2">
      <c r="A112" s="14">
        <v>88</v>
      </c>
      <c r="B112" s="15">
        <v>18</v>
      </c>
      <c r="C112" s="16">
        <v>45</v>
      </c>
      <c r="D112" s="17">
        <v>63</v>
      </c>
    </row>
    <row r="113" spans="1:4" ht="18" customHeight="1" x14ac:dyDescent="0.2">
      <c r="A113" s="14">
        <v>89</v>
      </c>
      <c r="B113" s="15">
        <v>7</v>
      </c>
      <c r="C113" s="16">
        <v>31</v>
      </c>
      <c r="D113" s="17">
        <v>38</v>
      </c>
    </row>
    <row r="114" spans="1:4" ht="18" customHeight="1" x14ac:dyDescent="0.2">
      <c r="A114" s="18" t="s">
        <v>85</v>
      </c>
      <c r="B114" s="15">
        <v>91</v>
      </c>
      <c r="C114" s="16">
        <v>224</v>
      </c>
      <c r="D114" s="17">
        <v>315</v>
      </c>
    </row>
    <row r="115" spans="1:4" ht="18" customHeight="1" x14ac:dyDescent="0.2">
      <c r="A115" s="14">
        <v>90</v>
      </c>
      <c r="B115" s="15">
        <v>17</v>
      </c>
      <c r="C115" s="16">
        <v>33</v>
      </c>
      <c r="D115" s="17">
        <v>50</v>
      </c>
    </row>
    <row r="116" spans="1:4" ht="18" customHeight="1" x14ac:dyDescent="0.2">
      <c r="A116" s="14">
        <v>91</v>
      </c>
      <c r="B116" s="15">
        <v>6</v>
      </c>
      <c r="C116" s="16">
        <v>22</v>
      </c>
      <c r="D116" s="17">
        <v>28</v>
      </c>
    </row>
    <row r="117" spans="1:4" ht="18" customHeight="1" x14ac:dyDescent="0.2">
      <c r="A117" s="14">
        <v>92</v>
      </c>
      <c r="B117" s="15">
        <v>6</v>
      </c>
      <c r="C117" s="16">
        <v>25</v>
      </c>
      <c r="D117" s="17">
        <v>31</v>
      </c>
    </row>
    <row r="118" spans="1:4" ht="18" customHeight="1" x14ac:dyDescent="0.2">
      <c r="A118" s="14">
        <v>93</v>
      </c>
      <c r="B118" s="15">
        <v>3</v>
      </c>
      <c r="C118" s="16">
        <v>20</v>
      </c>
      <c r="D118" s="17">
        <v>23</v>
      </c>
    </row>
    <row r="119" spans="1:4" ht="18" customHeight="1" x14ac:dyDescent="0.2">
      <c r="A119" s="14">
        <v>94</v>
      </c>
      <c r="B119" s="15">
        <v>6</v>
      </c>
      <c r="C119" s="16">
        <v>16</v>
      </c>
      <c r="D119" s="17">
        <v>22</v>
      </c>
    </row>
    <row r="120" spans="1:4" ht="18" customHeight="1" x14ac:dyDescent="0.2">
      <c r="A120" s="18" t="s">
        <v>86</v>
      </c>
      <c r="B120" s="15">
        <v>38</v>
      </c>
      <c r="C120" s="16">
        <v>116</v>
      </c>
      <c r="D120" s="17">
        <v>154</v>
      </c>
    </row>
    <row r="121" spans="1:4" ht="18" customHeight="1" x14ac:dyDescent="0.2">
      <c r="A121" s="14">
        <v>95</v>
      </c>
      <c r="B121" s="15">
        <v>0</v>
      </c>
      <c r="C121" s="16">
        <v>10</v>
      </c>
      <c r="D121" s="17">
        <v>10</v>
      </c>
    </row>
    <row r="122" spans="1:4" ht="18" customHeight="1" x14ac:dyDescent="0.2">
      <c r="A122" s="14">
        <v>96</v>
      </c>
      <c r="B122" s="15">
        <v>1</v>
      </c>
      <c r="C122" s="16">
        <v>8</v>
      </c>
      <c r="D122" s="17">
        <v>9</v>
      </c>
    </row>
    <row r="123" spans="1:4" ht="18" customHeight="1" x14ac:dyDescent="0.2">
      <c r="A123" s="14">
        <v>97</v>
      </c>
      <c r="B123" s="15">
        <v>2</v>
      </c>
      <c r="C123" s="16">
        <v>7</v>
      </c>
      <c r="D123" s="17">
        <v>9</v>
      </c>
    </row>
    <row r="124" spans="1:4" ht="18" customHeight="1" x14ac:dyDescent="0.2">
      <c r="A124" s="14">
        <v>98</v>
      </c>
      <c r="B124" s="15">
        <v>2</v>
      </c>
      <c r="C124" s="16">
        <v>6</v>
      </c>
      <c r="D124" s="17">
        <v>8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87</v>
      </c>
      <c r="B126" s="15">
        <v>6</v>
      </c>
      <c r="C126" s="16">
        <v>32</v>
      </c>
      <c r="D126" s="17">
        <v>38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88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89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90</v>
      </c>
      <c r="B130" s="4">
        <v>2032</v>
      </c>
      <c r="C130" s="5">
        <v>2794</v>
      </c>
      <c r="D130" s="6">
        <v>4826</v>
      </c>
    </row>
    <row r="131" spans="1:4" ht="18" customHeight="1" x14ac:dyDescent="0.2">
      <c r="A131" s="20" t="s">
        <v>65</v>
      </c>
      <c r="B131" s="7">
        <v>11054</v>
      </c>
      <c r="C131" s="8">
        <v>11490</v>
      </c>
      <c r="D131" s="9">
        <v>2254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93</v>
      </c>
      <c r="C5" s="12">
        <v>65</v>
      </c>
      <c r="D5" s="13">
        <v>158</v>
      </c>
    </row>
    <row r="6" spans="1:4" ht="18" customHeight="1" x14ac:dyDescent="0.2">
      <c r="A6" s="14">
        <v>1</v>
      </c>
      <c r="B6" s="15">
        <v>69</v>
      </c>
      <c r="C6" s="16">
        <v>68</v>
      </c>
      <c r="D6" s="17">
        <v>137</v>
      </c>
    </row>
    <row r="7" spans="1:4" ht="18" customHeight="1" x14ac:dyDescent="0.2">
      <c r="A7" s="14">
        <v>2</v>
      </c>
      <c r="B7" s="15">
        <v>74</v>
      </c>
      <c r="C7" s="16">
        <v>76</v>
      </c>
      <c r="D7" s="17">
        <v>150</v>
      </c>
    </row>
    <row r="8" spans="1:4" ht="18" customHeight="1" x14ac:dyDescent="0.2">
      <c r="A8" s="14">
        <v>3</v>
      </c>
      <c r="B8" s="15">
        <v>77</v>
      </c>
      <c r="C8" s="16">
        <v>59</v>
      </c>
      <c r="D8" s="17">
        <v>136</v>
      </c>
    </row>
    <row r="9" spans="1:4" ht="18" customHeight="1" x14ac:dyDescent="0.2">
      <c r="A9" s="14">
        <v>4</v>
      </c>
      <c r="B9" s="15">
        <v>73</v>
      </c>
      <c r="C9" s="16">
        <v>54</v>
      </c>
      <c r="D9" s="17">
        <v>127</v>
      </c>
    </row>
    <row r="10" spans="1:4" ht="18" customHeight="1" x14ac:dyDescent="0.2">
      <c r="A10" s="18" t="s">
        <v>66</v>
      </c>
      <c r="B10" s="15">
        <v>386</v>
      </c>
      <c r="C10" s="16">
        <v>322</v>
      </c>
      <c r="D10" s="17">
        <v>708</v>
      </c>
    </row>
    <row r="11" spans="1:4" ht="18" customHeight="1" x14ac:dyDescent="0.2">
      <c r="A11" s="14">
        <v>5</v>
      </c>
      <c r="B11" s="15">
        <v>71</v>
      </c>
      <c r="C11" s="16">
        <v>74</v>
      </c>
      <c r="D11" s="17">
        <v>145</v>
      </c>
    </row>
    <row r="12" spans="1:4" ht="18" customHeight="1" x14ac:dyDescent="0.2">
      <c r="A12" s="14">
        <v>6</v>
      </c>
      <c r="B12" s="15">
        <v>77</v>
      </c>
      <c r="C12" s="16">
        <v>57</v>
      </c>
      <c r="D12" s="17">
        <v>134</v>
      </c>
    </row>
    <row r="13" spans="1:4" ht="18" customHeight="1" x14ac:dyDescent="0.2">
      <c r="A13" s="14">
        <v>7</v>
      </c>
      <c r="B13" s="15">
        <v>56</v>
      </c>
      <c r="C13" s="16">
        <v>71</v>
      </c>
      <c r="D13" s="17">
        <v>127</v>
      </c>
    </row>
    <row r="14" spans="1:4" ht="18" customHeight="1" x14ac:dyDescent="0.2">
      <c r="A14" s="14">
        <v>8</v>
      </c>
      <c r="B14" s="15">
        <v>58</v>
      </c>
      <c r="C14" s="16">
        <v>61</v>
      </c>
      <c r="D14" s="17">
        <v>119</v>
      </c>
    </row>
    <row r="15" spans="1:4" ht="18" customHeight="1" x14ac:dyDescent="0.2">
      <c r="A15" s="14">
        <v>9</v>
      </c>
      <c r="B15" s="15">
        <v>78</v>
      </c>
      <c r="C15" s="16">
        <v>62</v>
      </c>
      <c r="D15" s="17">
        <v>140</v>
      </c>
    </row>
    <row r="16" spans="1:4" ht="18" customHeight="1" x14ac:dyDescent="0.2">
      <c r="A16" s="18" t="s">
        <v>67</v>
      </c>
      <c r="B16" s="15">
        <v>340</v>
      </c>
      <c r="C16" s="16">
        <v>325</v>
      </c>
      <c r="D16" s="17">
        <v>665</v>
      </c>
    </row>
    <row r="17" spans="1:4" ht="18" customHeight="1" x14ac:dyDescent="0.2">
      <c r="A17" s="14">
        <v>10</v>
      </c>
      <c r="B17" s="15">
        <v>66</v>
      </c>
      <c r="C17" s="16">
        <v>73</v>
      </c>
      <c r="D17" s="17">
        <v>139</v>
      </c>
    </row>
    <row r="18" spans="1:4" ht="18" customHeight="1" x14ac:dyDescent="0.2">
      <c r="A18" s="14">
        <v>11</v>
      </c>
      <c r="B18" s="15">
        <v>53</v>
      </c>
      <c r="C18" s="16">
        <v>70</v>
      </c>
      <c r="D18" s="17">
        <v>123</v>
      </c>
    </row>
    <row r="19" spans="1:4" ht="18" customHeight="1" x14ac:dyDescent="0.2">
      <c r="A19" s="14">
        <v>12</v>
      </c>
      <c r="B19" s="15">
        <v>47</v>
      </c>
      <c r="C19" s="16">
        <v>88</v>
      </c>
      <c r="D19" s="17">
        <v>135</v>
      </c>
    </row>
    <row r="20" spans="1:4" ht="18" customHeight="1" x14ac:dyDescent="0.2">
      <c r="A20" s="14">
        <v>13</v>
      </c>
      <c r="B20" s="15">
        <v>60</v>
      </c>
      <c r="C20" s="16">
        <v>60</v>
      </c>
      <c r="D20" s="17">
        <v>120</v>
      </c>
    </row>
    <row r="21" spans="1:4" ht="18" customHeight="1" x14ac:dyDescent="0.2">
      <c r="A21" s="14">
        <v>14</v>
      </c>
      <c r="B21" s="15">
        <v>48</v>
      </c>
      <c r="C21" s="16">
        <v>68</v>
      </c>
      <c r="D21" s="17">
        <v>116</v>
      </c>
    </row>
    <row r="22" spans="1:4" ht="18" customHeight="1" x14ac:dyDescent="0.2">
      <c r="A22" s="18" t="s">
        <v>68</v>
      </c>
      <c r="B22" s="15">
        <v>274</v>
      </c>
      <c r="C22" s="16">
        <v>359</v>
      </c>
      <c r="D22" s="17">
        <v>633</v>
      </c>
    </row>
    <row r="23" spans="1:4" ht="18" customHeight="1" x14ac:dyDescent="0.2">
      <c r="A23" s="18" t="s">
        <v>69</v>
      </c>
      <c r="B23" s="15">
        <v>1000</v>
      </c>
      <c r="C23" s="16">
        <v>1006</v>
      </c>
      <c r="D23" s="17">
        <v>2006</v>
      </c>
    </row>
    <row r="24" spans="1:4" ht="18" customHeight="1" x14ac:dyDescent="0.2">
      <c r="A24" s="14">
        <v>15</v>
      </c>
      <c r="B24" s="15">
        <v>58</v>
      </c>
      <c r="C24" s="16">
        <v>74</v>
      </c>
      <c r="D24" s="17">
        <v>132</v>
      </c>
    </row>
    <row r="25" spans="1:4" ht="18" customHeight="1" x14ac:dyDescent="0.2">
      <c r="A25" s="14">
        <v>16</v>
      </c>
      <c r="B25" s="15">
        <v>54</v>
      </c>
      <c r="C25" s="16">
        <v>66</v>
      </c>
      <c r="D25" s="17">
        <v>120</v>
      </c>
    </row>
    <row r="26" spans="1:4" ht="18" customHeight="1" x14ac:dyDescent="0.2">
      <c r="A26" s="14">
        <v>17</v>
      </c>
      <c r="B26" s="15">
        <v>61</v>
      </c>
      <c r="C26" s="16">
        <v>76</v>
      </c>
      <c r="D26" s="17">
        <v>137</v>
      </c>
    </row>
    <row r="27" spans="1:4" ht="18" customHeight="1" x14ac:dyDescent="0.2">
      <c r="A27" s="14">
        <v>18</v>
      </c>
      <c r="B27" s="15">
        <v>58</v>
      </c>
      <c r="C27" s="16">
        <v>56</v>
      </c>
      <c r="D27" s="17">
        <v>114</v>
      </c>
    </row>
    <row r="28" spans="1:4" ht="18" customHeight="1" x14ac:dyDescent="0.2">
      <c r="A28" s="14">
        <v>19</v>
      </c>
      <c r="B28" s="15">
        <v>59</v>
      </c>
      <c r="C28" s="16">
        <v>59</v>
      </c>
      <c r="D28" s="17">
        <v>118</v>
      </c>
    </row>
    <row r="29" spans="1:4" ht="18" customHeight="1" x14ac:dyDescent="0.2">
      <c r="A29" s="18" t="s">
        <v>70</v>
      </c>
      <c r="B29" s="15">
        <v>290</v>
      </c>
      <c r="C29" s="16">
        <v>331</v>
      </c>
      <c r="D29" s="17">
        <v>621</v>
      </c>
    </row>
    <row r="30" spans="1:4" ht="18" customHeight="1" x14ac:dyDescent="0.2">
      <c r="A30" s="14">
        <v>20</v>
      </c>
      <c r="B30" s="15">
        <v>73</v>
      </c>
      <c r="C30" s="16">
        <v>51</v>
      </c>
      <c r="D30" s="17">
        <v>124</v>
      </c>
    </row>
    <row r="31" spans="1:4" ht="18" customHeight="1" x14ac:dyDescent="0.2">
      <c r="A31" s="14">
        <v>21</v>
      </c>
      <c r="B31" s="15">
        <v>59</v>
      </c>
      <c r="C31" s="16">
        <v>64</v>
      </c>
      <c r="D31" s="17">
        <v>123</v>
      </c>
    </row>
    <row r="32" spans="1:4" ht="18" customHeight="1" x14ac:dyDescent="0.2">
      <c r="A32" s="14">
        <v>22</v>
      </c>
      <c r="B32" s="15">
        <v>67</v>
      </c>
      <c r="C32" s="16">
        <v>64</v>
      </c>
      <c r="D32" s="17">
        <v>131</v>
      </c>
    </row>
    <row r="33" spans="1:4" ht="18" customHeight="1" x14ac:dyDescent="0.2">
      <c r="A33" s="14">
        <v>23</v>
      </c>
      <c r="B33" s="15">
        <v>59</v>
      </c>
      <c r="C33" s="16">
        <v>65</v>
      </c>
      <c r="D33" s="17">
        <v>124</v>
      </c>
    </row>
    <row r="34" spans="1:4" ht="18" customHeight="1" x14ac:dyDescent="0.2">
      <c r="A34" s="14">
        <v>24</v>
      </c>
      <c r="B34" s="15">
        <v>75</v>
      </c>
      <c r="C34" s="16">
        <v>70</v>
      </c>
      <c r="D34" s="17">
        <v>145</v>
      </c>
    </row>
    <row r="35" spans="1:4" ht="18" customHeight="1" x14ac:dyDescent="0.2">
      <c r="A35" s="18" t="s">
        <v>71</v>
      </c>
      <c r="B35" s="15">
        <v>333</v>
      </c>
      <c r="C35" s="16">
        <v>314</v>
      </c>
      <c r="D35" s="17">
        <v>647</v>
      </c>
    </row>
    <row r="36" spans="1:4" ht="18" customHeight="1" x14ac:dyDescent="0.2">
      <c r="A36" s="14">
        <v>25</v>
      </c>
      <c r="B36" s="15">
        <v>75</v>
      </c>
      <c r="C36" s="16">
        <v>70</v>
      </c>
      <c r="D36" s="17">
        <v>145</v>
      </c>
    </row>
    <row r="37" spans="1:4" ht="18" customHeight="1" x14ac:dyDescent="0.2">
      <c r="A37" s="14">
        <v>26</v>
      </c>
      <c r="B37" s="15">
        <v>84</v>
      </c>
      <c r="C37" s="16">
        <v>80</v>
      </c>
      <c r="D37" s="17">
        <v>164</v>
      </c>
    </row>
    <row r="38" spans="1:4" ht="18" customHeight="1" x14ac:dyDescent="0.2">
      <c r="A38" s="14">
        <v>27</v>
      </c>
      <c r="B38" s="15">
        <v>82</v>
      </c>
      <c r="C38" s="16">
        <v>80</v>
      </c>
      <c r="D38" s="17">
        <v>162</v>
      </c>
    </row>
    <row r="39" spans="1:4" ht="18" customHeight="1" x14ac:dyDescent="0.2">
      <c r="A39" s="14">
        <v>28</v>
      </c>
      <c r="B39" s="15">
        <v>105</v>
      </c>
      <c r="C39" s="16">
        <v>96</v>
      </c>
      <c r="D39" s="17">
        <v>201</v>
      </c>
    </row>
    <row r="40" spans="1:4" ht="18" customHeight="1" x14ac:dyDescent="0.2">
      <c r="A40" s="14">
        <v>29</v>
      </c>
      <c r="B40" s="15">
        <v>86</v>
      </c>
      <c r="C40" s="16">
        <v>75</v>
      </c>
      <c r="D40" s="17">
        <v>161</v>
      </c>
    </row>
    <row r="41" spans="1:4" ht="18" customHeight="1" x14ac:dyDescent="0.2">
      <c r="A41" s="18" t="s">
        <v>72</v>
      </c>
      <c r="B41" s="15">
        <v>432</v>
      </c>
      <c r="C41" s="16">
        <v>401</v>
      </c>
      <c r="D41" s="17">
        <v>833</v>
      </c>
    </row>
    <row r="42" spans="1:4" ht="18" customHeight="1" x14ac:dyDescent="0.2">
      <c r="A42" s="14">
        <v>30</v>
      </c>
      <c r="B42" s="15">
        <v>101</v>
      </c>
      <c r="C42" s="16">
        <v>102</v>
      </c>
      <c r="D42" s="17">
        <v>203</v>
      </c>
    </row>
    <row r="43" spans="1:4" ht="18" customHeight="1" x14ac:dyDescent="0.2">
      <c r="A43" s="14">
        <v>31</v>
      </c>
      <c r="B43" s="15">
        <v>97</v>
      </c>
      <c r="C43" s="16">
        <v>95</v>
      </c>
      <c r="D43" s="17">
        <v>192</v>
      </c>
    </row>
    <row r="44" spans="1:4" ht="18" customHeight="1" x14ac:dyDescent="0.2">
      <c r="A44" s="14">
        <v>32</v>
      </c>
      <c r="B44" s="15">
        <v>109</v>
      </c>
      <c r="C44" s="16">
        <v>87</v>
      </c>
      <c r="D44" s="17">
        <v>196</v>
      </c>
    </row>
    <row r="45" spans="1:4" ht="18" customHeight="1" x14ac:dyDescent="0.2">
      <c r="A45" s="14">
        <v>33</v>
      </c>
      <c r="B45" s="15">
        <v>110</v>
      </c>
      <c r="C45" s="16">
        <v>106</v>
      </c>
      <c r="D45" s="17">
        <v>216</v>
      </c>
    </row>
    <row r="46" spans="1:4" ht="18" customHeight="1" x14ac:dyDescent="0.2">
      <c r="A46" s="14">
        <v>34</v>
      </c>
      <c r="B46" s="15">
        <v>148</v>
      </c>
      <c r="C46" s="16">
        <v>155</v>
      </c>
      <c r="D46" s="17">
        <v>303</v>
      </c>
    </row>
    <row r="47" spans="1:4" ht="18" customHeight="1" x14ac:dyDescent="0.2">
      <c r="A47" s="18" t="s">
        <v>73</v>
      </c>
      <c r="B47" s="15">
        <v>565</v>
      </c>
      <c r="C47" s="16">
        <v>545</v>
      </c>
      <c r="D47" s="17">
        <v>1110</v>
      </c>
    </row>
    <row r="48" spans="1:4" ht="18" customHeight="1" x14ac:dyDescent="0.2">
      <c r="A48" s="14">
        <v>35</v>
      </c>
      <c r="B48" s="15">
        <v>130</v>
      </c>
      <c r="C48" s="16">
        <v>139</v>
      </c>
      <c r="D48" s="17">
        <v>269</v>
      </c>
    </row>
    <row r="49" spans="1:4" ht="18" customHeight="1" x14ac:dyDescent="0.2">
      <c r="A49" s="14">
        <v>36</v>
      </c>
      <c r="B49" s="15">
        <v>111</v>
      </c>
      <c r="C49" s="16">
        <v>120</v>
      </c>
      <c r="D49" s="17">
        <v>231</v>
      </c>
    </row>
    <row r="50" spans="1:4" ht="18" customHeight="1" x14ac:dyDescent="0.2">
      <c r="A50" s="14">
        <v>37</v>
      </c>
      <c r="B50" s="15">
        <v>141</v>
      </c>
      <c r="C50" s="16">
        <v>112</v>
      </c>
      <c r="D50" s="17">
        <v>253</v>
      </c>
    </row>
    <row r="51" spans="1:4" ht="18" customHeight="1" x14ac:dyDescent="0.2">
      <c r="A51" s="14">
        <v>38</v>
      </c>
      <c r="B51" s="15">
        <v>110</v>
      </c>
      <c r="C51" s="16">
        <v>108</v>
      </c>
      <c r="D51" s="17">
        <v>218</v>
      </c>
    </row>
    <row r="52" spans="1:4" ht="18" customHeight="1" x14ac:dyDescent="0.2">
      <c r="A52" s="14">
        <v>39</v>
      </c>
      <c r="B52" s="15">
        <v>96</v>
      </c>
      <c r="C52" s="16">
        <v>93</v>
      </c>
      <c r="D52" s="17">
        <v>189</v>
      </c>
    </row>
    <row r="53" spans="1:4" ht="18" customHeight="1" x14ac:dyDescent="0.2">
      <c r="A53" s="18" t="s">
        <v>74</v>
      </c>
      <c r="B53" s="15">
        <v>588</v>
      </c>
      <c r="C53" s="16">
        <v>572</v>
      </c>
      <c r="D53" s="17">
        <v>1160</v>
      </c>
    </row>
    <row r="54" spans="1:4" ht="18" customHeight="1" x14ac:dyDescent="0.2">
      <c r="A54" s="14">
        <v>40</v>
      </c>
      <c r="B54" s="15">
        <v>94</v>
      </c>
      <c r="C54" s="16">
        <v>107</v>
      </c>
      <c r="D54" s="17">
        <v>201</v>
      </c>
    </row>
    <row r="55" spans="1:4" ht="18" customHeight="1" x14ac:dyDescent="0.2">
      <c r="A55" s="14">
        <v>41</v>
      </c>
      <c r="B55" s="15">
        <v>93</v>
      </c>
      <c r="C55" s="16">
        <v>87</v>
      </c>
      <c r="D55" s="17">
        <v>180</v>
      </c>
    </row>
    <row r="56" spans="1:4" ht="18" customHeight="1" x14ac:dyDescent="0.2">
      <c r="A56" s="14">
        <v>42</v>
      </c>
      <c r="B56" s="15">
        <v>79</v>
      </c>
      <c r="C56" s="16">
        <v>75</v>
      </c>
      <c r="D56" s="17">
        <v>154</v>
      </c>
    </row>
    <row r="57" spans="1:4" ht="18" customHeight="1" x14ac:dyDescent="0.2">
      <c r="A57" s="14">
        <v>43</v>
      </c>
      <c r="B57" s="15">
        <v>65</v>
      </c>
      <c r="C57" s="16">
        <v>66</v>
      </c>
      <c r="D57" s="17">
        <v>131</v>
      </c>
    </row>
    <row r="58" spans="1:4" ht="18" customHeight="1" x14ac:dyDescent="0.2">
      <c r="A58" s="14">
        <v>44</v>
      </c>
      <c r="B58" s="15">
        <v>85</v>
      </c>
      <c r="C58" s="16">
        <v>94</v>
      </c>
      <c r="D58" s="17">
        <v>179</v>
      </c>
    </row>
    <row r="59" spans="1:4" ht="18" customHeight="1" x14ac:dyDescent="0.2">
      <c r="A59" s="18" t="s">
        <v>75</v>
      </c>
      <c r="B59" s="15">
        <v>416</v>
      </c>
      <c r="C59" s="16">
        <v>429</v>
      </c>
      <c r="D59" s="17">
        <v>845</v>
      </c>
    </row>
    <row r="60" spans="1:4" ht="18" customHeight="1" x14ac:dyDescent="0.2">
      <c r="A60" s="14">
        <v>45</v>
      </c>
      <c r="B60" s="15">
        <v>70</v>
      </c>
      <c r="C60" s="16">
        <v>85</v>
      </c>
      <c r="D60" s="17">
        <v>155</v>
      </c>
    </row>
    <row r="61" spans="1:4" ht="18" customHeight="1" x14ac:dyDescent="0.2">
      <c r="A61" s="14">
        <v>46</v>
      </c>
      <c r="B61" s="15">
        <v>78</v>
      </c>
      <c r="C61" s="16">
        <v>84</v>
      </c>
      <c r="D61" s="17">
        <v>162</v>
      </c>
    </row>
    <row r="62" spans="1:4" ht="18" customHeight="1" x14ac:dyDescent="0.2">
      <c r="A62" s="14">
        <v>47</v>
      </c>
      <c r="B62" s="15">
        <v>67</v>
      </c>
      <c r="C62" s="16">
        <v>68</v>
      </c>
      <c r="D62" s="17">
        <v>135</v>
      </c>
    </row>
    <row r="63" spans="1:4" ht="18" customHeight="1" x14ac:dyDescent="0.2">
      <c r="A63" s="14">
        <v>48</v>
      </c>
      <c r="B63" s="15">
        <v>67</v>
      </c>
      <c r="C63" s="16">
        <v>79</v>
      </c>
      <c r="D63" s="17">
        <v>146</v>
      </c>
    </row>
    <row r="64" spans="1:4" ht="18" customHeight="1" x14ac:dyDescent="0.2">
      <c r="A64" s="14">
        <v>49</v>
      </c>
      <c r="B64" s="15">
        <v>72</v>
      </c>
      <c r="C64" s="16">
        <v>71</v>
      </c>
      <c r="D64" s="17">
        <v>143</v>
      </c>
    </row>
    <row r="65" spans="1:4" ht="18" customHeight="1" x14ac:dyDescent="0.2">
      <c r="A65" s="18" t="s">
        <v>76</v>
      </c>
      <c r="B65" s="15">
        <v>354</v>
      </c>
      <c r="C65" s="16">
        <v>387</v>
      </c>
      <c r="D65" s="17">
        <v>741</v>
      </c>
    </row>
    <row r="66" spans="1:4" ht="18" customHeight="1" x14ac:dyDescent="0.2">
      <c r="A66" s="14">
        <v>50</v>
      </c>
      <c r="B66" s="15">
        <v>78</v>
      </c>
      <c r="C66" s="16">
        <v>94</v>
      </c>
      <c r="D66" s="17">
        <v>172</v>
      </c>
    </row>
    <row r="67" spans="1:4" ht="18" customHeight="1" x14ac:dyDescent="0.2">
      <c r="A67" s="14">
        <v>51</v>
      </c>
      <c r="B67" s="15">
        <v>69</v>
      </c>
      <c r="C67" s="16">
        <v>66</v>
      </c>
      <c r="D67" s="17">
        <v>135</v>
      </c>
    </row>
    <row r="68" spans="1:4" ht="18" customHeight="1" x14ac:dyDescent="0.2">
      <c r="A68" s="14">
        <v>52</v>
      </c>
      <c r="B68" s="15">
        <v>66</v>
      </c>
      <c r="C68" s="16">
        <v>70</v>
      </c>
      <c r="D68" s="17">
        <v>136</v>
      </c>
    </row>
    <row r="69" spans="1:4" ht="18" customHeight="1" x14ac:dyDescent="0.2">
      <c r="A69" s="14">
        <v>53</v>
      </c>
      <c r="B69" s="15">
        <v>67</v>
      </c>
      <c r="C69" s="16">
        <v>80</v>
      </c>
      <c r="D69" s="17">
        <v>147</v>
      </c>
    </row>
    <row r="70" spans="1:4" ht="18" customHeight="1" x14ac:dyDescent="0.2">
      <c r="A70" s="14">
        <v>54</v>
      </c>
      <c r="B70" s="15">
        <v>86</v>
      </c>
      <c r="C70" s="16">
        <v>72</v>
      </c>
      <c r="D70" s="17">
        <v>158</v>
      </c>
    </row>
    <row r="71" spans="1:4" ht="18" customHeight="1" x14ac:dyDescent="0.2">
      <c r="A71" s="18" t="s">
        <v>77</v>
      </c>
      <c r="B71" s="15">
        <v>366</v>
      </c>
      <c r="C71" s="16">
        <v>382</v>
      </c>
      <c r="D71" s="17">
        <v>748</v>
      </c>
    </row>
    <row r="72" spans="1:4" ht="18" customHeight="1" x14ac:dyDescent="0.2">
      <c r="A72" s="14">
        <v>55</v>
      </c>
      <c r="B72" s="15">
        <v>78</v>
      </c>
      <c r="C72" s="16">
        <v>98</v>
      </c>
      <c r="D72" s="17">
        <v>176</v>
      </c>
    </row>
    <row r="73" spans="1:4" ht="18" customHeight="1" x14ac:dyDescent="0.2">
      <c r="A73" s="14">
        <v>56</v>
      </c>
      <c r="B73" s="15">
        <v>93</v>
      </c>
      <c r="C73" s="16">
        <v>99</v>
      </c>
      <c r="D73" s="17">
        <v>192</v>
      </c>
    </row>
    <row r="74" spans="1:4" ht="18" customHeight="1" x14ac:dyDescent="0.2">
      <c r="A74" s="14">
        <v>57</v>
      </c>
      <c r="B74" s="15">
        <v>88</v>
      </c>
      <c r="C74" s="16">
        <v>97</v>
      </c>
      <c r="D74" s="17">
        <v>185</v>
      </c>
    </row>
    <row r="75" spans="1:4" ht="18" customHeight="1" x14ac:dyDescent="0.2">
      <c r="A75" s="14">
        <v>58</v>
      </c>
      <c r="B75" s="15">
        <v>91</v>
      </c>
      <c r="C75" s="16">
        <v>108</v>
      </c>
      <c r="D75" s="17">
        <v>199</v>
      </c>
    </row>
    <row r="76" spans="1:4" ht="18" customHeight="1" x14ac:dyDescent="0.2">
      <c r="A76" s="14">
        <v>59</v>
      </c>
      <c r="B76" s="15">
        <v>119</v>
      </c>
      <c r="C76" s="16">
        <v>120</v>
      </c>
      <c r="D76" s="17">
        <v>239</v>
      </c>
    </row>
    <row r="77" spans="1:4" ht="18" customHeight="1" x14ac:dyDescent="0.2">
      <c r="A77" s="18" t="s">
        <v>78</v>
      </c>
      <c r="B77" s="15">
        <v>469</v>
      </c>
      <c r="C77" s="16">
        <v>522</v>
      </c>
      <c r="D77" s="17">
        <v>991</v>
      </c>
    </row>
    <row r="78" spans="1:4" ht="18" customHeight="1" x14ac:dyDescent="0.2">
      <c r="A78" s="14">
        <v>60</v>
      </c>
      <c r="B78" s="15">
        <v>120</v>
      </c>
      <c r="C78" s="16">
        <v>130</v>
      </c>
      <c r="D78" s="17">
        <v>250</v>
      </c>
    </row>
    <row r="79" spans="1:4" ht="18" customHeight="1" x14ac:dyDescent="0.2">
      <c r="A79" s="14">
        <v>61</v>
      </c>
      <c r="B79" s="15">
        <v>130</v>
      </c>
      <c r="C79" s="16">
        <v>177</v>
      </c>
      <c r="D79" s="17">
        <v>307</v>
      </c>
    </row>
    <row r="80" spans="1:4" ht="18" customHeight="1" x14ac:dyDescent="0.2">
      <c r="A80" s="14">
        <v>62</v>
      </c>
      <c r="B80" s="15">
        <v>135</v>
      </c>
      <c r="C80" s="16">
        <v>140</v>
      </c>
      <c r="D80" s="17">
        <v>275</v>
      </c>
    </row>
    <row r="81" spans="1:4" ht="18" customHeight="1" x14ac:dyDescent="0.2">
      <c r="A81" s="14">
        <v>63</v>
      </c>
      <c r="B81" s="15">
        <v>74</v>
      </c>
      <c r="C81" s="16">
        <v>75</v>
      </c>
      <c r="D81" s="17">
        <v>149</v>
      </c>
    </row>
    <row r="82" spans="1:4" ht="18" customHeight="1" x14ac:dyDescent="0.2">
      <c r="A82" s="14">
        <v>64</v>
      </c>
      <c r="B82" s="15">
        <v>97</v>
      </c>
      <c r="C82" s="16">
        <v>93</v>
      </c>
      <c r="D82" s="17">
        <v>190</v>
      </c>
    </row>
    <row r="83" spans="1:4" ht="18" customHeight="1" x14ac:dyDescent="0.2">
      <c r="A83" s="18" t="s">
        <v>79</v>
      </c>
      <c r="B83" s="15">
        <v>556</v>
      </c>
      <c r="C83" s="16">
        <v>615</v>
      </c>
      <c r="D83" s="17">
        <v>1171</v>
      </c>
    </row>
    <row r="84" spans="1:4" ht="18" customHeight="1" x14ac:dyDescent="0.2">
      <c r="A84" s="18" t="s">
        <v>80</v>
      </c>
      <c r="B84" s="15">
        <v>4369</v>
      </c>
      <c r="C84" s="16">
        <v>4498</v>
      </c>
      <c r="D84" s="17">
        <v>8867</v>
      </c>
    </row>
    <row r="85" spans="1:4" ht="18" customHeight="1" x14ac:dyDescent="0.2">
      <c r="A85" s="14">
        <v>65</v>
      </c>
      <c r="B85" s="15">
        <v>113</v>
      </c>
      <c r="C85" s="16">
        <v>123</v>
      </c>
      <c r="D85" s="17">
        <v>236</v>
      </c>
    </row>
    <row r="86" spans="1:4" ht="18" customHeight="1" x14ac:dyDescent="0.2">
      <c r="A86" s="14">
        <v>66</v>
      </c>
      <c r="B86" s="15">
        <v>101</v>
      </c>
      <c r="C86" s="16">
        <v>101</v>
      </c>
      <c r="D86" s="17">
        <v>202</v>
      </c>
    </row>
    <row r="87" spans="1:4" ht="18" customHeight="1" x14ac:dyDescent="0.2">
      <c r="A87" s="14">
        <v>67</v>
      </c>
      <c r="B87" s="15">
        <v>104</v>
      </c>
      <c r="C87" s="16">
        <v>127</v>
      </c>
      <c r="D87" s="17">
        <v>231</v>
      </c>
    </row>
    <row r="88" spans="1:4" ht="18" customHeight="1" x14ac:dyDescent="0.2">
      <c r="A88" s="14">
        <v>68</v>
      </c>
      <c r="B88" s="15">
        <v>96</v>
      </c>
      <c r="C88" s="16">
        <v>98</v>
      </c>
      <c r="D88" s="17">
        <v>194</v>
      </c>
    </row>
    <row r="89" spans="1:4" ht="18" customHeight="1" x14ac:dyDescent="0.2">
      <c r="A89" s="14">
        <v>69</v>
      </c>
      <c r="B89" s="15">
        <v>70</v>
      </c>
      <c r="C89" s="16">
        <v>87</v>
      </c>
      <c r="D89" s="17">
        <v>157</v>
      </c>
    </row>
    <row r="90" spans="1:4" ht="18" customHeight="1" x14ac:dyDescent="0.2">
      <c r="A90" s="18" t="s">
        <v>81</v>
      </c>
      <c r="B90" s="15">
        <v>484</v>
      </c>
      <c r="C90" s="16">
        <v>536</v>
      </c>
      <c r="D90" s="17">
        <v>1020</v>
      </c>
    </row>
    <row r="91" spans="1:4" ht="18" customHeight="1" x14ac:dyDescent="0.2">
      <c r="A91" s="14">
        <v>70</v>
      </c>
      <c r="B91" s="15">
        <v>71</v>
      </c>
      <c r="C91" s="16">
        <v>66</v>
      </c>
      <c r="D91" s="17">
        <v>137</v>
      </c>
    </row>
    <row r="92" spans="1:4" ht="18" customHeight="1" x14ac:dyDescent="0.2">
      <c r="A92" s="14">
        <v>71</v>
      </c>
      <c r="B92" s="15">
        <v>86</v>
      </c>
      <c r="C92" s="16">
        <v>71</v>
      </c>
      <c r="D92" s="17">
        <v>157</v>
      </c>
    </row>
    <row r="93" spans="1:4" ht="18" customHeight="1" x14ac:dyDescent="0.2">
      <c r="A93" s="14">
        <v>72</v>
      </c>
      <c r="B93" s="15">
        <v>69</v>
      </c>
      <c r="C93" s="16">
        <v>72</v>
      </c>
      <c r="D93" s="17">
        <v>141</v>
      </c>
    </row>
    <row r="94" spans="1:4" ht="18" customHeight="1" x14ac:dyDescent="0.2">
      <c r="A94" s="14">
        <v>73</v>
      </c>
      <c r="B94" s="15">
        <v>70</v>
      </c>
      <c r="C94" s="16">
        <v>78</v>
      </c>
      <c r="D94" s="17">
        <v>148</v>
      </c>
    </row>
    <row r="95" spans="1:4" ht="18" customHeight="1" x14ac:dyDescent="0.2">
      <c r="A95" s="14">
        <v>74</v>
      </c>
      <c r="B95" s="15">
        <v>61</v>
      </c>
      <c r="C95" s="16">
        <v>72</v>
      </c>
      <c r="D95" s="17">
        <v>133</v>
      </c>
    </row>
    <row r="96" spans="1:4" ht="18" customHeight="1" x14ac:dyDescent="0.2">
      <c r="A96" s="18" t="s">
        <v>82</v>
      </c>
      <c r="B96" s="15">
        <v>357</v>
      </c>
      <c r="C96" s="16">
        <v>359</v>
      </c>
      <c r="D96" s="17">
        <v>716</v>
      </c>
    </row>
    <row r="97" spans="1:4" ht="18" customHeight="1" x14ac:dyDescent="0.2">
      <c r="A97" s="14">
        <v>75</v>
      </c>
      <c r="B97" s="15">
        <v>57</v>
      </c>
      <c r="C97" s="16">
        <v>50</v>
      </c>
      <c r="D97" s="17">
        <v>107</v>
      </c>
    </row>
    <row r="98" spans="1:4" ht="18" customHeight="1" x14ac:dyDescent="0.2">
      <c r="A98" s="14">
        <v>76</v>
      </c>
      <c r="B98" s="15">
        <v>50</v>
      </c>
      <c r="C98" s="16">
        <v>55</v>
      </c>
      <c r="D98" s="17">
        <v>105</v>
      </c>
    </row>
    <row r="99" spans="1:4" ht="18" customHeight="1" x14ac:dyDescent="0.2">
      <c r="A99" s="14">
        <v>77</v>
      </c>
      <c r="B99" s="15">
        <v>33</v>
      </c>
      <c r="C99" s="16">
        <v>48</v>
      </c>
      <c r="D99" s="17">
        <v>81</v>
      </c>
    </row>
    <row r="100" spans="1:4" ht="18" customHeight="1" x14ac:dyDescent="0.2">
      <c r="A100" s="14">
        <v>78</v>
      </c>
      <c r="B100" s="15">
        <v>44</v>
      </c>
      <c r="C100" s="16">
        <v>55</v>
      </c>
      <c r="D100" s="17">
        <v>99</v>
      </c>
    </row>
    <row r="101" spans="1:4" ht="18" customHeight="1" x14ac:dyDescent="0.2">
      <c r="A101" s="14">
        <v>79</v>
      </c>
      <c r="B101" s="15">
        <v>38</v>
      </c>
      <c r="C101" s="16">
        <v>39</v>
      </c>
      <c r="D101" s="17">
        <v>77</v>
      </c>
    </row>
    <row r="102" spans="1:4" ht="18" customHeight="1" x14ac:dyDescent="0.2">
      <c r="A102" s="18" t="s">
        <v>83</v>
      </c>
      <c r="B102" s="15">
        <v>222</v>
      </c>
      <c r="C102" s="16">
        <v>247</v>
      </c>
      <c r="D102" s="17">
        <v>469</v>
      </c>
    </row>
    <row r="103" spans="1:4" ht="18" customHeight="1" x14ac:dyDescent="0.2">
      <c r="A103" s="14">
        <v>80</v>
      </c>
      <c r="B103" s="15">
        <v>35</v>
      </c>
      <c r="C103" s="16">
        <v>59</v>
      </c>
      <c r="D103" s="17">
        <v>94</v>
      </c>
    </row>
    <row r="104" spans="1:4" ht="18" customHeight="1" x14ac:dyDescent="0.2">
      <c r="A104" s="14">
        <v>81</v>
      </c>
      <c r="B104" s="15">
        <v>31</v>
      </c>
      <c r="C104" s="16">
        <v>41</v>
      </c>
      <c r="D104" s="17">
        <v>72</v>
      </c>
    </row>
    <row r="105" spans="1:4" ht="18" customHeight="1" x14ac:dyDescent="0.2">
      <c r="A105" s="14">
        <v>82</v>
      </c>
      <c r="B105" s="15">
        <v>19</v>
      </c>
      <c r="C105" s="16">
        <v>29</v>
      </c>
      <c r="D105" s="17">
        <v>48</v>
      </c>
    </row>
    <row r="106" spans="1:4" ht="18" customHeight="1" x14ac:dyDescent="0.2">
      <c r="A106" s="14">
        <v>83</v>
      </c>
      <c r="B106" s="15">
        <v>19</v>
      </c>
      <c r="C106" s="16">
        <v>33</v>
      </c>
      <c r="D106" s="17">
        <v>52</v>
      </c>
    </row>
    <row r="107" spans="1:4" ht="18" customHeight="1" x14ac:dyDescent="0.2">
      <c r="A107" s="14">
        <v>84</v>
      </c>
      <c r="B107" s="15">
        <v>25</v>
      </c>
      <c r="C107" s="16">
        <v>42</v>
      </c>
      <c r="D107" s="17">
        <v>67</v>
      </c>
    </row>
    <row r="108" spans="1:4" ht="18" customHeight="1" x14ac:dyDescent="0.2">
      <c r="A108" s="18" t="s">
        <v>84</v>
      </c>
      <c r="B108" s="15">
        <v>129</v>
      </c>
      <c r="C108" s="16">
        <v>204</v>
      </c>
      <c r="D108" s="17">
        <v>333</v>
      </c>
    </row>
    <row r="109" spans="1:4" ht="18" customHeight="1" x14ac:dyDescent="0.2">
      <c r="A109" s="14">
        <v>85</v>
      </c>
      <c r="B109" s="15">
        <v>6</v>
      </c>
      <c r="C109" s="16">
        <v>37</v>
      </c>
      <c r="D109" s="17">
        <v>43</v>
      </c>
    </row>
    <row r="110" spans="1:4" ht="18" customHeight="1" x14ac:dyDescent="0.2">
      <c r="A110" s="14">
        <v>86</v>
      </c>
      <c r="B110" s="15">
        <v>6</v>
      </c>
      <c r="C110" s="16">
        <v>26</v>
      </c>
      <c r="D110" s="17">
        <v>32</v>
      </c>
    </row>
    <row r="111" spans="1:4" ht="18" customHeight="1" x14ac:dyDescent="0.2">
      <c r="A111" s="14">
        <v>87</v>
      </c>
      <c r="B111" s="15">
        <v>12</v>
      </c>
      <c r="C111" s="16">
        <v>30</v>
      </c>
      <c r="D111" s="17">
        <v>42</v>
      </c>
    </row>
    <row r="112" spans="1:4" ht="18" customHeight="1" x14ac:dyDescent="0.2">
      <c r="A112" s="14">
        <v>88</v>
      </c>
      <c r="B112" s="15">
        <v>10</v>
      </c>
      <c r="C112" s="16">
        <v>27</v>
      </c>
      <c r="D112" s="17">
        <v>37</v>
      </c>
    </row>
    <row r="113" spans="1:4" ht="18" customHeight="1" x14ac:dyDescent="0.2">
      <c r="A113" s="14">
        <v>89</v>
      </c>
      <c r="B113" s="15">
        <v>9</v>
      </c>
      <c r="C113" s="16">
        <v>18</v>
      </c>
      <c r="D113" s="17">
        <v>27</v>
      </c>
    </row>
    <row r="114" spans="1:4" ht="18" customHeight="1" x14ac:dyDescent="0.2">
      <c r="A114" s="18" t="s">
        <v>85</v>
      </c>
      <c r="B114" s="15">
        <v>43</v>
      </c>
      <c r="C114" s="16">
        <v>138</v>
      </c>
      <c r="D114" s="17">
        <v>181</v>
      </c>
    </row>
    <row r="115" spans="1:4" ht="18" customHeight="1" x14ac:dyDescent="0.2">
      <c r="A115" s="14">
        <v>90</v>
      </c>
      <c r="B115" s="15">
        <v>3</v>
      </c>
      <c r="C115" s="16">
        <v>10</v>
      </c>
      <c r="D115" s="17">
        <v>13</v>
      </c>
    </row>
    <row r="116" spans="1:4" ht="18" customHeight="1" x14ac:dyDescent="0.2">
      <c r="A116" s="14">
        <v>91</v>
      </c>
      <c r="B116" s="15">
        <v>6</v>
      </c>
      <c r="C116" s="16">
        <v>8</v>
      </c>
      <c r="D116" s="17">
        <v>14</v>
      </c>
    </row>
    <row r="117" spans="1:4" ht="18" customHeight="1" x14ac:dyDescent="0.2">
      <c r="A117" s="14">
        <v>92</v>
      </c>
      <c r="B117" s="15">
        <v>1</v>
      </c>
      <c r="C117" s="16">
        <v>8</v>
      </c>
      <c r="D117" s="17">
        <v>9</v>
      </c>
    </row>
    <row r="118" spans="1:4" ht="18" customHeight="1" x14ac:dyDescent="0.2">
      <c r="A118" s="14">
        <v>93</v>
      </c>
      <c r="B118" s="15">
        <v>4</v>
      </c>
      <c r="C118" s="16">
        <v>9</v>
      </c>
      <c r="D118" s="17">
        <v>13</v>
      </c>
    </row>
    <row r="119" spans="1:4" ht="18" customHeight="1" x14ac:dyDescent="0.2">
      <c r="A119" s="14">
        <v>94</v>
      </c>
      <c r="B119" s="15">
        <v>2</v>
      </c>
      <c r="C119" s="16">
        <v>5</v>
      </c>
      <c r="D119" s="17">
        <v>7</v>
      </c>
    </row>
    <row r="120" spans="1:4" ht="18" customHeight="1" x14ac:dyDescent="0.2">
      <c r="A120" s="18" t="s">
        <v>86</v>
      </c>
      <c r="B120" s="15">
        <v>16</v>
      </c>
      <c r="C120" s="16">
        <v>40</v>
      </c>
      <c r="D120" s="17">
        <v>56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87</v>
      </c>
      <c r="B126" s="15">
        <v>3</v>
      </c>
      <c r="C126" s="16">
        <v>17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90</v>
      </c>
      <c r="B130" s="4">
        <v>1254</v>
      </c>
      <c r="C130" s="5">
        <v>1546</v>
      </c>
      <c r="D130" s="6">
        <v>2800</v>
      </c>
    </row>
    <row r="131" spans="1:4" ht="18" customHeight="1" x14ac:dyDescent="0.2">
      <c r="A131" s="20" t="s">
        <v>65</v>
      </c>
      <c r="B131" s="7">
        <v>6623</v>
      </c>
      <c r="C131" s="8">
        <v>7050</v>
      </c>
      <c r="D131" s="9">
        <v>1367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5</v>
      </c>
      <c r="C5" s="12">
        <v>45</v>
      </c>
      <c r="D5" s="13">
        <v>100</v>
      </c>
    </row>
    <row r="6" spans="1:4" ht="18" customHeight="1" x14ac:dyDescent="0.2">
      <c r="A6" s="14">
        <v>1</v>
      </c>
      <c r="B6" s="15">
        <v>41</v>
      </c>
      <c r="C6" s="16">
        <v>52</v>
      </c>
      <c r="D6" s="17">
        <v>93</v>
      </c>
    </row>
    <row r="7" spans="1:4" ht="18" customHeight="1" x14ac:dyDescent="0.2">
      <c r="A7" s="14">
        <v>2</v>
      </c>
      <c r="B7" s="15">
        <v>54</v>
      </c>
      <c r="C7" s="16">
        <v>48</v>
      </c>
      <c r="D7" s="17">
        <v>102</v>
      </c>
    </row>
    <row r="8" spans="1:4" ht="18" customHeight="1" x14ac:dyDescent="0.2">
      <c r="A8" s="14">
        <v>3</v>
      </c>
      <c r="B8" s="15">
        <v>64</v>
      </c>
      <c r="C8" s="16">
        <v>46</v>
      </c>
      <c r="D8" s="17">
        <v>110</v>
      </c>
    </row>
    <row r="9" spans="1:4" ht="18" customHeight="1" x14ac:dyDescent="0.2">
      <c r="A9" s="14">
        <v>4</v>
      </c>
      <c r="B9" s="15">
        <v>42</v>
      </c>
      <c r="C9" s="16">
        <v>51</v>
      </c>
      <c r="D9" s="17">
        <v>93</v>
      </c>
    </row>
    <row r="10" spans="1:4" ht="18" customHeight="1" x14ac:dyDescent="0.2">
      <c r="A10" s="18" t="s">
        <v>66</v>
      </c>
      <c r="B10" s="15">
        <v>256</v>
      </c>
      <c r="C10" s="16">
        <v>242</v>
      </c>
      <c r="D10" s="17">
        <v>498</v>
      </c>
    </row>
    <row r="11" spans="1:4" ht="18" customHeight="1" x14ac:dyDescent="0.2">
      <c r="A11" s="14">
        <v>5</v>
      </c>
      <c r="B11" s="15">
        <v>37</v>
      </c>
      <c r="C11" s="16">
        <v>43</v>
      </c>
      <c r="D11" s="17">
        <v>80</v>
      </c>
    </row>
    <row r="12" spans="1:4" ht="18" customHeight="1" x14ac:dyDescent="0.2">
      <c r="A12" s="14">
        <v>6</v>
      </c>
      <c r="B12" s="15">
        <v>44</v>
      </c>
      <c r="C12" s="16">
        <v>44</v>
      </c>
      <c r="D12" s="17">
        <v>88</v>
      </c>
    </row>
    <row r="13" spans="1:4" ht="18" customHeight="1" x14ac:dyDescent="0.2">
      <c r="A13" s="14">
        <v>7</v>
      </c>
      <c r="B13" s="15">
        <v>62</v>
      </c>
      <c r="C13" s="16">
        <v>55</v>
      </c>
      <c r="D13" s="17">
        <v>117</v>
      </c>
    </row>
    <row r="14" spans="1:4" ht="18" customHeight="1" x14ac:dyDescent="0.2">
      <c r="A14" s="14">
        <v>8</v>
      </c>
      <c r="B14" s="15">
        <v>52</v>
      </c>
      <c r="C14" s="16">
        <v>46</v>
      </c>
      <c r="D14" s="17">
        <v>98</v>
      </c>
    </row>
    <row r="15" spans="1:4" ht="18" customHeight="1" x14ac:dyDescent="0.2">
      <c r="A15" s="14">
        <v>9</v>
      </c>
      <c r="B15" s="15">
        <v>53</v>
      </c>
      <c r="C15" s="16">
        <v>36</v>
      </c>
      <c r="D15" s="17">
        <v>89</v>
      </c>
    </row>
    <row r="16" spans="1:4" ht="18" customHeight="1" x14ac:dyDescent="0.2">
      <c r="A16" s="18" t="s">
        <v>67</v>
      </c>
      <c r="B16" s="15">
        <v>248</v>
      </c>
      <c r="C16" s="16">
        <v>224</v>
      </c>
      <c r="D16" s="17">
        <v>472</v>
      </c>
    </row>
    <row r="17" spans="1:4" ht="18" customHeight="1" x14ac:dyDescent="0.2">
      <c r="A17" s="14">
        <v>10</v>
      </c>
      <c r="B17" s="15">
        <v>45</v>
      </c>
      <c r="C17" s="16">
        <v>43</v>
      </c>
      <c r="D17" s="17">
        <v>88</v>
      </c>
    </row>
    <row r="18" spans="1:4" ht="18" customHeight="1" x14ac:dyDescent="0.2">
      <c r="A18" s="14">
        <v>11</v>
      </c>
      <c r="B18" s="15">
        <v>54</v>
      </c>
      <c r="C18" s="16">
        <v>44</v>
      </c>
      <c r="D18" s="17">
        <v>98</v>
      </c>
    </row>
    <row r="19" spans="1:4" ht="18" customHeight="1" x14ac:dyDescent="0.2">
      <c r="A19" s="14">
        <v>12</v>
      </c>
      <c r="B19" s="15">
        <v>49</v>
      </c>
      <c r="C19" s="16">
        <v>61</v>
      </c>
      <c r="D19" s="17">
        <v>110</v>
      </c>
    </row>
    <row r="20" spans="1:4" ht="18" customHeight="1" x14ac:dyDescent="0.2">
      <c r="A20" s="14">
        <v>13</v>
      </c>
      <c r="B20" s="15">
        <v>49</v>
      </c>
      <c r="C20" s="16">
        <v>41</v>
      </c>
      <c r="D20" s="17">
        <v>90</v>
      </c>
    </row>
    <row r="21" spans="1:4" ht="18" customHeight="1" x14ac:dyDescent="0.2">
      <c r="A21" s="14">
        <v>14</v>
      </c>
      <c r="B21" s="15">
        <v>52</v>
      </c>
      <c r="C21" s="16">
        <v>61</v>
      </c>
      <c r="D21" s="17">
        <v>113</v>
      </c>
    </row>
    <row r="22" spans="1:4" ht="18" customHeight="1" x14ac:dyDescent="0.2">
      <c r="A22" s="18" t="s">
        <v>68</v>
      </c>
      <c r="B22" s="15">
        <v>249</v>
      </c>
      <c r="C22" s="16">
        <v>250</v>
      </c>
      <c r="D22" s="17">
        <v>499</v>
      </c>
    </row>
    <row r="23" spans="1:4" ht="18" customHeight="1" x14ac:dyDescent="0.2">
      <c r="A23" s="18" t="s">
        <v>69</v>
      </c>
      <c r="B23" s="15">
        <v>753</v>
      </c>
      <c r="C23" s="16">
        <v>716</v>
      </c>
      <c r="D23" s="17">
        <v>1469</v>
      </c>
    </row>
    <row r="24" spans="1:4" ht="18" customHeight="1" x14ac:dyDescent="0.2">
      <c r="A24" s="14">
        <v>15</v>
      </c>
      <c r="B24" s="15">
        <v>56</v>
      </c>
      <c r="C24" s="16">
        <v>50</v>
      </c>
      <c r="D24" s="17">
        <v>106</v>
      </c>
    </row>
    <row r="25" spans="1:4" ht="18" customHeight="1" x14ac:dyDescent="0.2">
      <c r="A25" s="14">
        <v>16</v>
      </c>
      <c r="B25" s="15">
        <v>50</v>
      </c>
      <c r="C25" s="16">
        <v>50</v>
      </c>
      <c r="D25" s="17">
        <v>100</v>
      </c>
    </row>
    <row r="26" spans="1:4" ht="18" customHeight="1" x14ac:dyDescent="0.2">
      <c r="A26" s="14">
        <v>17</v>
      </c>
      <c r="B26" s="15">
        <v>48</v>
      </c>
      <c r="C26" s="16">
        <v>43</v>
      </c>
      <c r="D26" s="17">
        <v>91</v>
      </c>
    </row>
    <row r="27" spans="1:4" ht="18" customHeight="1" x14ac:dyDescent="0.2">
      <c r="A27" s="14">
        <v>18</v>
      </c>
      <c r="B27" s="15">
        <v>47</v>
      </c>
      <c r="C27" s="16">
        <v>44</v>
      </c>
      <c r="D27" s="17">
        <v>91</v>
      </c>
    </row>
    <row r="28" spans="1:4" ht="18" customHeight="1" x14ac:dyDescent="0.2">
      <c r="A28" s="14">
        <v>19</v>
      </c>
      <c r="B28" s="15">
        <v>40</v>
      </c>
      <c r="C28" s="16">
        <v>52</v>
      </c>
      <c r="D28" s="17">
        <v>92</v>
      </c>
    </row>
    <row r="29" spans="1:4" ht="18" customHeight="1" x14ac:dyDescent="0.2">
      <c r="A29" s="18" t="s">
        <v>70</v>
      </c>
      <c r="B29" s="15">
        <v>241</v>
      </c>
      <c r="C29" s="16">
        <v>239</v>
      </c>
      <c r="D29" s="17">
        <v>480</v>
      </c>
    </row>
    <row r="30" spans="1:4" ht="18" customHeight="1" x14ac:dyDescent="0.2">
      <c r="A30" s="14">
        <v>20</v>
      </c>
      <c r="B30" s="15">
        <v>38</v>
      </c>
      <c r="C30" s="16">
        <v>56</v>
      </c>
      <c r="D30" s="17">
        <v>94</v>
      </c>
    </row>
    <row r="31" spans="1:4" ht="18" customHeight="1" x14ac:dyDescent="0.2">
      <c r="A31" s="14">
        <v>21</v>
      </c>
      <c r="B31" s="15">
        <v>56</v>
      </c>
      <c r="C31" s="16">
        <v>60</v>
      </c>
      <c r="D31" s="17">
        <v>116</v>
      </c>
    </row>
    <row r="32" spans="1:4" ht="18" customHeight="1" x14ac:dyDescent="0.2">
      <c r="A32" s="14">
        <v>22</v>
      </c>
      <c r="B32" s="15">
        <v>36</v>
      </c>
      <c r="C32" s="16">
        <v>52</v>
      </c>
      <c r="D32" s="17">
        <v>88</v>
      </c>
    </row>
    <row r="33" spans="1:4" ht="18" customHeight="1" x14ac:dyDescent="0.2">
      <c r="A33" s="14">
        <v>23</v>
      </c>
      <c r="B33" s="15">
        <v>57</v>
      </c>
      <c r="C33" s="16">
        <v>46</v>
      </c>
      <c r="D33" s="17">
        <v>103</v>
      </c>
    </row>
    <row r="34" spans="1:4" ht="18" customHeight="1" x14ac:dyDescent="0.2">
      <c r="A34" s="14">
        <v>24</v>
      </c>
      <c r="B34" s="15">
        <v>67</v>
      </c>
      <c r="C34" s="16">
        <v>50</v>
      </c>
      <c r="D34" s="17">
        <v>117</v>
      </c>
    </row>
    <row r="35" spans="1:4" ht="18" customHeight="1" x14ac:dyDescent="0.2">
      <c r="A35" s="18" t="s">
        <v>71</v>
      </c>
      <c r="B35" s="15">
        <v>254</v>
      </c>
      <c r="C35" s="16">
        <v>264</v>
      </c>
      <c r="D35" s="17">
        <v>518</v>
      </c>
    </row>
    <row r="36" spans="1:4" ht="18" customHeight="1" x14ac:dyDescent="0.2">
      <c r="A36" s="14">
        <v>25</v>
      </c>
      <c r="B36" s="15">
        <v>53</v>
      </c>
      <c r="C36" s="16">
        <v>52</v>
      </c>
      <c r="D36" s="17">
        <v>105</v>
      </c>
    </row>
    <row r="37" spans="1:4" ht="18" customHeight="1" x14ac:dyDescent="0.2">
      <c r="A37" s="14">
        <v>26</v>
      </c>
      <c r="B37" s="15">
        <v>52</v>
      </c>
      <c r="C37" s="16">
        <v>63</v>
      </c>
      <c r="D37" s="17">
        <v>115</v>
      </c>
    </row>
    <row r="38" spans="1:4" ht="18" customHeight="1" x14ac:dyDescent="0.2">
      <c r="A38" s="14">
        <v>27</v>
      </c>
      <c r="B38" s="15">
        <v>65</v>
      </c>
      <c r="C38" s="16">
        <v>56</v>
      </c>
      <c r="D38" s="17">
        <v>121</v>
      </c>
    </row>
    <row r="39" spans="1:4" ht="18" customHeight="1" x14ac:dyDescent="0.2">
      <c r="A39" s="14">
        <v>28</v>
      </c>
      <c r="B39" s="15">
        <v>66</v>
      </c>
      <c r="C39" s="16">
        <v>62</v>
      </c>
      <c r="D39" s="17">
        <v>128</v>
      </c>
    </row>
    <row r="40" spans="1:4" ht="18" customHeight="1" x14ac:dyDescent="0.2">
      <c r="A40" s="14">
        <v>29</v>
      </c>
      <c r="B40" s="15">
        <v>60</v>
      </c>
      <c r="C40" s="16">
        <v>60</v>
      </c>
      <c r="D40" s="17">
        <v>120</v>
      </c>
    </row>
    <row r="41" spans="1:4" ht="18" customHeight="1" x14ac:dyDescent="0.2">
      <c r="A41" s="18" t="s">
        <v>72</v>
      </c>
      <c r="B41" s="15">
        <v>296</v>
      </c>
      <c r="C41" s="16">
        <v>293</v>
      </c>
      <c r="D41" s="17">
        <v>589</v>
      </c>
    </row>
    <row r="42" spans="1:4" ht="18" customHeight="1" x14ac:dyDescent="0.2">
      <c r="A42" s="14">
        <v>30</v>
      </c>
      <c r="B42" s="15">
        <v>60</v>
      </c>
      <c r="C42" s="16">
        <v>72</v>
      </c>
      <c r="D42" s="17">
        <v>132</v>
      </c>
    </row>
    <row r="43" spans="1:4" ht="18" customHeight="1" x14ac:dyDescent="0.2">
      <c r="A43" s="14">
        <v>31</v>
      </c>
      <c r="B43" s="15">
        <v>71</v>
      </c>
      <c r="C43" s="16">
        <v>88</v>
      </c>
      <c r="D43" s="17">
        <v>159</v>
      </c>
    </row>
    <row r="44" spans="1:4" ht="18" customHeight="1" x14ac:dyDescent="0.2">
      <c r="A44" s="14">
        <v>32</v>
      </c>
      <c r="B44" s="15">
        <v>76</v>
      </c>
      <c r="C44" s="16">
        <v>67</v>
      </c>
      <c r="D44" s="17">
        <v>143</v>
      </c>
    </row>
    <row r="45" spans="1:4" ht="18" customHeight="1" x14ac:dyDescent="0.2">
      <c r="A45" s="14">
        <v>33</v>
      </c>
      <c r="B45" s="15">
        <v>94</v>
      </c>
      <c r="C45" s="16">
        <v>89</v>
      </c>
      <c r="D45" s="17">
        <v>183</v>
      </c>
    </row>
    <row r="46" spans="1:4" ht="18" customHeight="1" x14ac:dyDescent="0.2">
      <c r="A46" s="14">
        <v>34</v>
      </c>
      <c r="B46" s="15">
        <v>109</v>
      </c>
      <c r="C46" s="16">
        <v>87</v>
      </c>
      <c r="D46" s="17">
        <v>196</v>
      </c>
    </row>
    <row r="47" spans="1:4" ht="18" customHeight="1" x14ac:dyDescent="0.2">
      <c r="A47" s="18" t="s">
        <v>73</v>
      </c>
      <c r="B47" s="15">
        <v>410</v>
      </c>
      <c r="C47" s="16">
        <v>403</v>
      </c>
      <c r="D47" s="17">
        <v>813</v>
      </c>
    </row>
    <row r="48" spans="1:4" ht="18" customHeight="1" x14ac:dyDescent="0.2">
      <c r="A48" s="14">
        <v>35</v>
      </c>
      <c r="B48" s="15">
        <v>84</v>
      </c>
      <c r="C48" s="16">
        <v>85</v>
      </c>
      <c r="D48" s="17">
        <v>169</v>
      </c>
    </row>
    <row r="49" spans="1:4" ht="18" customHeight="1" x14ac:dyDescent="0.2">
      <c r="A49" s="14">
        <v>36</v>
      </c>
      <c r="B49" s="15">
        <v>80</v>
      </c>
      <c r="C49" s="16">
        <v>78</v>
      </c>
      <c r="D49" s="17">
        <v>158</v>
      </c>
    </row>
    <row r="50" spans="1:4" ht="18" customHeight="1" x14ac:dyDescent="0.2">
      <c r="A50" s="14">
        <v>37</v>
      </c>
      <c r="B50" s="15">
        <v>93</v>
      </c>
      <c r="C50" s="16">
        <v>99</v>
      </c>
      <c r="D50" s="17">
        <v>192</v>
      </c>
    </row>
    <row r="51" spans="1:4" ht="18" customHeight="1" x14ac:dyDescent="0.2">
      <c r="A51" s="14">
        <v>38</v>
      </c>
      <c r="B51" s="15">
        <v>73</v>
      </c>
      <c r="C51" s="16">
        <v>83</v>
      </c>
      <c r="D51" s="17">
        <v>156</v>
      </c>
    </row>
    <row r="52" spans="1:4" ht="18" customHeight="1" x14ac:dyDescent="0.2">
      <c r="A52" s="14">
        <v>39</v>
      </c>
      <c r="B52" s="15">
        <v>80</v>
      </c>
      <c r="C52" s="16">
        <v>71</v>
      </c>
      <c r="D52" s="17">
        <v>151</v>
      </c>
    </row>
    <row r="53" spans="1:4" ht="18" customHeight="1" x14ac:dyDescent="0.2">
      <c r="A53" s="18" t="s">
        <v>74</v>
      </c>
      <c r="B53" s="15">
        <v>410</v>
      </c>
      <c r="C53" s="16">
        <v>416</v>
      </c>
      <c r="D53" s="17">
        <v>826</v>
      </c>
    </row>
    <row r="54" spans="1:4" ht="18" customHeight="1" x14ac:dyDescent="0.2">
      <c r="A54" s="14">
        <v>40</v>
      </c>
      <c r="B54" s="15">
        <v>70</v>
      </c>
      <c r="C54" s="16">
        <v>72</v>
      </c>
      <c r="D54" s="17">
        <v>142</v>
      </c>
    </row>
    <row r="55" spans="1:4" ht="18" customHeight="1" x14ac:dyDescent="0.2">
      <c r="A55" s="14">
        <v>41</v>
      </c>
      <c r="B55" s="15">
        <v>81</v>
      </c>
      <c r="C55" s="16">
        <v>74</v>
      </c>
      <c r="D55" s="17">
        <v>155</v>
      </c>
    </row>
    <row r="56" spans="1:4" ht="18" customHeight="1" x14ac:dyDescent="0.2">
      <c r="A56" s="14">
        <v>42</v>
      </c>
      <c r="B56" s="15">
        <v>46</v>
      </c>
      <c r="C56" s="16">
        <v>67</v>
      </c>
      <c r="D56" s="17">
        <v>113</v>
      </c>
    </row>
    <row r="57" spans="1:4" ht="18" customHeight="1" x14ac:dyDescent="0.2">
      <c r="A57" s="14">
        <v>43</v>
      </c>
      <c r="B57" s="15">
        <v>54</v>
      </c>
      <c r="C57" s="16">
        <v>74</v>
      </c>
      <c r="D57" s="17">
        <v>128</v>
      </c>
    </row>
    <row r="58" spans="1:4" ht="18" customHeight="1" x14ac:dyDescent="0.2">
      <c r="A58" s="14">
        <v>44</v>
      </c>
      <c r="B58" s="15">
        <v>64</v>
      </c>
      <c r="C58" s="16">
        <v>60</v>
      </c>
      <c r="D58" s="17">
        <v>124</v>
      </c>
    </row>
    <row r="59" spans="1:4" ht="18" customHeight="1" x14ac:dyDescent="0.2">
      <c r="A59" s="18" t="s">
        <v>75</v>
      </c>
      <c r="B59" s="15">
        <v>315</v>
      </c>
      <c r="C59" s="16">
        <v>347</v>
      </c>
      <c r="D59" s="17">
        <v>662</v>
      </c>
    </row>
    <row r="60" spans="1:4" ht="18" customHeight="1" x14ac:dyDescent="0.2">
      <c r="A60" s="14">
        <v>45</v>
      </c>
      <c r="B60" s="15">
        <v>74</v>
      </c>
      <c r="C60" s="16">
        <v>77</v>
      </c>
      <c r="D60" s="17">
        <v>151</v>
      </c>
    </row>
    <row r="61" spans="1:4" ht="18" customHeight="1" x14ac:dyDescent="0.2">
      <c r="A61" s="14">
        <v>46</v>
      </c>
      <c r="B61" s="15">
        <v>67</v>
      </c>
      <c r="C61" s="16">
        <v>66</v>
      </c>
      <c r="D61" s="17">
        <v>133</v>
      </c>
    </row>
    <row r="62" spans="1:4" ht="18" customHeight="1" x14ac:dyDescent="0.2">
      <c r="A62" s="14">
        <v>47</v>
      </c>
      <c r="B62" s="15">
        <v>59</v>
      </c>
      <c r="C62" s="16">
        <v>60</v>
      </c>
      <c r="D62" s="17">
        <v>119</v>
      </c>
    </row>
    <row r="63" spans="1:4" ht="18" customHeight="1" x14ac:dyDescent="0.2">
      <c r="A63" s="14">
        <v>48</v>
      </c>
      <c r="B63" s="15">
        <v>51</v>
      </c>
      <c r="C63" s="16">
        <v>65</v>
      </c>
      <c r="D63" s="17">
        <v>116</v>
      </c>
    </row>
    <row r="64" spans="1:4" ht="18" customHeight="1" x14ac:dyDescent="0.2">
      <c r="A64" s="14">
        <v>49</v>
      </c>
      <c r="B64" s="15">
        <v>71</v>
      </c>
      <c r="C64" s="16">
        <v>60</v>
      </c>
      <c r="D64" s="17">
        <v>131</v>
      </c>
    </row>
    <row r="65" spans="1:4" ht="18" customHeight="1" x14ac:dyDescent="0.2">
      <c r="A65" s="18" t="s">
        <v>76</v>
      </c>
      <c r="B65" s="15">
        <v>322</v>
      </c>
      <c r="C65" s="16">
        <v>328</v>
      </c>
      <c r="D65" s="17">
        <v>650</v>
      </c>
    </row>
    <row r="66" spans="1:4" ht="18" customHeight="1" x14ac:dyDescent="0.2">
      <c r="A66" s="14">
        <v>50</v>
      </c>
      <c r="B66" s="15">
        <v>62</v>
      </c>
      <c r="C66" s="16">
        <v>59</v>
      </c>
      <c r="D66" s="17">
        <v>121</v>
      </c>
    </row>
    <row r="67" spans="1:4" ht="18" customHeight="1" x14ac:dyDescent="0.2">
      <c r="A67" s="14">
        <v>51</v>
      </c>
      <c r="B67" s="15">
        <v>53</v>
      </c>
      <c r="C67" s="16">
        <v>51</v>
      </c>
      <c r="D67" s="17">
        <v>104</v>
      </c>
    </row>
    <row r="68" spans="1:4" ht="18" customHeight="1" x14ac:dyDescent="0.2">
      <c r="A68" s="14">
        <v>52</v>
      </c>
      <c r="B68" s="15">
        <v>51</v>
      </c>
      <c r="C68" s="16">
        <v>62</v>
      </c>
      <c r="D68" s="17">
        <v>113</v>
      </c>
    </row>
    <row r="69" spans="1:4" ht="18" customHeight="1" x14ac:dyDescent="0.2">
      <c r="A69" s="14">
        <v>53</v>
      </c>
      <c r="B69" s="15">
        <v>50</v>
      </c>
      <c r="C69" s="16">
        <v>77</v>
      </c>
      <c r="D69" s="17">
        <v>127</v>
      </c>
    </row>
    <row r="70" spans="1:4" ht="18" customHeight="1" x14ac:dyDescent="0.2">
      <c r="A70" s="14">
        <v>54</v>
      </c>
      <c r="B70" s="15">
        <v>75</v>
      </c>
      <c r="C70" s="16">
        <v>67</v>
      </c>
      <c r="D70" s="17">
        <v>142</v>
      </c>
    </row>
    <row r="71" spans="1:4" ht="18" customHeight="1" x14ac:dyDescent="0.2">
      <c r="A71" s="18" t="s">
        <v>77</v>
      </c>
      <c r="B71" s="15">
        <v>291</v>
      </c>
      <c r="C71" s="16">
        <v>316</v>
      </c>
      <c r="D71" s="17">
        <v>607</v>
      </c>
    </row>
    <row r="72" spans="1:4" ht="18" customHeight="1" x14ac:dyDescent="0.2">
      <c r="A72" s="14">
        <v>55</v>
      </c>
      <c r="B72" s="15">
        <v>57</v>
      </c>
      <c r="C72" s="16">
        <v>60</v>
      </c>
      <c r="D72" s="17">
        <v>117</v>
      </c>
    </row>
    <row r="73" spans="1:4" ht="18" customHeight="1" x14ac:dyDescent="0.2">
      <c r="A73" s="14">
        <v>56</v>
      </c>
      <c r="B73" s="15">
        <v>73</v>
      </c>
      <c r="C73" s="16">
        <v>68</v>
      </c>
      <c r="D73" s="17">
        <v>141</v>
      </c>
    </row>
    <row r="74" spans="1:4" ht="18" customHeight="1" x14ac:dyDescent="0.2">
      <c r="A74" s="14">
        <v>57</v>
      </c>
      <c r="B74" s="15">
        <v>66</v>
      </c>
      <c r="C74" s="16">
        <v>87</v>
      </c>
      <c r="D74" s="17">
        <v>153</v>
      </c>
    </row>
    <row r="75" spans="1:4" ht="18" customHeight="1" x14ac:dyDescent="0.2">
      <c r="A75" s="14">
        <v>58</v>
      </c>
      <c r="B75" s="15">
        <v>79</v>
      </c>
      <c r="C75" s="16">
        <v>92</v>
      </c>
      <c r="D75" s="17">
        <v>171</v>
      </c>
    </row>
    <row r="76" spans="1:4" ht="18" customHeight="1" x14ac:dyDescent="0.2">
      <c r="A76" s="14">
        <v>59</v>
      </c>
      <c r="B76" s="15">
        <v>76</v>
      </c>
      <c r="C76" s="16">
        <v>91</v>
      </c>
      <c r="D76" s="17">
        <v>167</v>
      </c>
    </row>
    <row r="77" spans="1:4" ht="18" customHeight="1" x14ac:dyDescent="0.2">
      <c r="A77" s="18" t="s">
        <v>78</v>
      </c>
      <c r="B77" s="15">
        <v>351</v>
      </c>
      <c r="C77" s="16">
        <v>398</v>
      </c>
      <c r="D77" s="17">
        <v>749</v>
      </c>
    </row>
    <row r="78" spans="1:4" ht="18" customHeight="1" x14ac:dyDescent="0.2">
      <c r="A78" s="14">
        <v>60</v>
      </c>
      <c r="B78" s="15">
        <v>94</v>
      </c>
      <c r="C78" s="16">
        <v>102</v>
      </c>
      <c r="D78" s="17">
        <v>196</v>
      </c>
    </row>
    <row r="79" spans="1:4" ht="18" customHeight="1" x14ac:dyDescent="0.2">
      <c r="A79" s="14">
        <v>61</v>
      </c>
      <c r="B79" s="15">
        <v>96</v>
      </c>
      <c r="C79" s="16">
        <v>104</v>
      </c>
      <c r="D79" s="17">
        <v>200</v>
      </c>
    </row>
    <row r="80" spans="1:4" ht="18" customHeight="1" x14ac:dyDescent="0.2">
      <c r="A80" s="14">
        <v>62</v>
      </c>
      <c r="B80" s="15">
        <v>85</v>
      </c>
      <c r="C80" s="16">
        <v>116</v>
      </c>
      <c r="D80" s="17">
        <v>201</v>
      </c>
    </row>
    <row r="81" spans="1:4" ht="18" customHeight="1" x14ac:dyDescent="0.2">
      <c r="A81" s="14">
        <v>63</v>
      </c>
      <c r="B81" s="15">
        <v>48</v>
      </c>
      <c r="C81" s="16">
        <v>69</v>
      </c>
      <c r="D81" s="17">
        <v>117</v>
      </c>
    </row>
    <row r="82" spans="1:4" ht="18" customHeight="1" x14ac:dyDescent="0.2">
      <c r="A82" s="14">
        <v>64</v>
      </c>
      <c r="B82" s="15">
        <v>73</v>
      </c>
      <c r="C82" s="16">
        <v>87</v>
      </c>
      <c r="D82" s="17">
        <v>160</v>
      </c>
    </row>
    <row r="83" spans="1:4" ht="18" customHeight="1" x14ac:dyDescent="0.2">
      <c r="A83" s="18" t="s">
        <v>79</v>
      </c>
      <c r="B83" s="15">
        <v>396</v>
      </c>
      <c r="C83" s="16">
        <v>478</v>
      </c>
      <c r="D83" s="17">
        <v>874</v>
      </c>
    </row>
    <row r="84" spans="1:4" ht="18" customHeight="1" x14ac:dyDescent="0.2">
      <c r="A84" s="18" t="s">
        <v>80</v>
      </c>
      <c r="B84" s="15">
        <v>3286</v>
      </c>
      <c r="C84" s="16">
        <v>3482</v>
      </c>
      <c r="D84" s="17">
        <v>6768</v>
      </c>
    </row>
    <row r="85" spans="1:4" ht="18" customHeight="1" x14ac:dyDescent="0.2">
      <c r="A85" s="14">
        <v>65</v>
      </c>
      <c r="B85" s="15">
        <v>90</v>
      </c>
      <c r="C85" s="16">
        <v>83</v>
      </c>
      <c r="D85" s="17">
        <v>173</v>
      </c>
    </row>
    <row r="86" spans="1:4" ht="18" customHeight="1" x14ac:dyDescent="0.2">
      <c r="A86" s="14">
        <v>66</v>
      </c>
      <c r="B86" s="15">
        <v>72</v>
      </c>
      <c r="C86" s="16">
        <v>103</v>
      </c>
      <c r="D86" s="17">
        <v>175</v>
      </c>
    </row>
    <row r="87" spans="1:4" ht="18" customHeight="1" x14ac:dyDescent="0.2">
      <c r="A87" s="14">
        <v>67</v>
      </c>
      <c r="B87" s="15">
        <v>71</v>
      </c>
      <c r="C87" s="16">
        <v>98</v>
      </c>
      <c r="D87" s="17">
        <v>169</v>
      </c>
    </row>
    <row r="88" spans="1:4" ht="18" customHeight="1" x14ac:dyDescent="0.2">
      <c r="A88" s="14">
        <v>68</v>
      </c>
      <c r="B88" s="15">
        <v>80</v>
      </c>
      <c r="C88" s="16">
        <v>81</v>
      </c>
      <c r="D88" s="17">
        <v>161</v>
      </c>
    </row>
    <row r="89" spans="1:4" ht="18" customHeight="1" x14ac:dyDescent="0.2">
      <c r="A89" s="14">
        <v>69</v>
      </c>
      <c r="B89" s="15">
        <v>77</v>
      </c>
      <c r="C89" s="16">
        <v>72</v>
      </c>
      <c r="D89" s="17">
        <v>149</v>
      </c>
    </row>
    <row r="90" spans="1:4" ht="18" customHeight="1" x14ac:dyDescent="0.2">
      <c r="A90" s="18" t="s">
        <v>81</v>
      </c>
      <c r="B90" s="15">
        <v>390</v>
      </c>
      <c r="C90" s="16">
        <v>437</v>
      </c>
      <c r="D90" s="17">
        <v>827</v>
      </c>
    </row>
    <row r="91" spans="1:4" ht="18" customHeight="1" x14ac:dyDescent="0.2">
      <c r="A91" s="14">
        <v>70</v>
      </c>
      <c r="B91" s="15">
        <v>62</v>
      </c>
      <c r="C91" s="16">
        <v>61</v>
      </c>
      <c r="D91" s="17">
        <v>123</v>
      </c>
    </row>
    <row r="92" spans="1:4" ht="18" customHeight="1" x14ac:dyDescent="0.2">
      <c r="A92" s="14">
        <v>71</v>
      </c>
      <c r="B92" s="15">
        <v>60</v>
      </c>
      <c r="C92" s="16">
        <v>89</v>
      </c>
      <c r="D92" s="17">
        <v>149</v>
      </c>
    </row>
    <row r="93" spans="1:4" ht="18" customHeight="1" x14ac:dyDescent="0.2">
      <c r="A93" s="14">
        <v>72</v>
      </c>
      <c r="B93" s="15">
        <v>59</v>
      </c>
      <c r="C93" s="16">
        <v>66</v>
      </c>
      <c r="D93" s="17">
        <v>125</v>
      </c>
    </row>
    <row r="94" spans="1:4" ht="18" customHeight="1" x14ac:dyDescent="0.2">
      <c r="A94" s="14">
        <v>73</v>
      </c>
      <c r="B94" s="15">
        <v>63</v>
      </c>
      <c r="C94" s="16">
        <v>86</v>
      </c>
      <c r="D94" s="17">
        <v>149</v>
      </c>
    </row>
    <row r="95" spans="1:4" ht="18" customHeight="1" x14ac:dyDescent="0.2">
      <c r="A95" s="14">
        <v>74</v>
      </c>
      <c r="B95" s="15">
        <v>51</v>
      </c>
      <c r="C95" s="16">
        <v>60</v>
      </c>
      <c r="D95" s="17">
        <v>111</v>
      </c>
    </row>
    <row r="96" spans="1:4" ht="18" customHeight="1" x14ac:dyDescent="0.2">
      <c r="A96" s="18" t="s">
        <v>82</v>
      </c>
      <c r="B96" s="15">
        <v>295</v>
      </c>
      <c r="C96" s="16">
        <v>362</v>
      </c>
      <c r="D96" s="17">
        <v>657</v>
      </c>
    </row>
    <row r="97" spans="1:4" ht="18" customHeight="1" x14ac:dyDescent="0.2">
      <c r="A97" s="14">
        <v>75</v>
      </c>
      <c r="B97" s="15">
        <v>58</v>
      </c>
      <c r="C97" s="16">
        <v>68</v>
      </c>
      <c r="D97" s="17">
        <v>126</v>
      </c>
    </row>
    <row r="98" spans="1:4" ht="18" customHeight="1" x14ac:dyDescent="0.2">
      <c r="A98" s="14">
        <v>76</v>
      </c>
      <c r="B98" s="15">
        <v>53</v>
      </c>
      <c r="C98" s="16">
        <v>84</v>
      </c>
      <c r="D98" s="17">
        <v>137</v>
      </c>
    </row>
    <row r="99" spans="1:4" ht="18" customHeight="1" x14ac:dyDescent="0.2">
      <c r="A99" s="14">
        <v>77</v>
      </c>
      <c r="B99" s="15">
        <v>37</v>
      </c>
      <c r="C99" s="16">
        <v>68</v>
      </c>
      <c r="D99" s="17">
        <v>105</v>
      </c>
    </row>
    <row r="100" spans="1:4" ht="18" customHeight="1" x14ac:dyDescent="0.2">
      <c r="A100" s="14">
        <v>78</v>
      </c>
      <c r="B100" s="15">
        <v>43</v>
      </c>
      <c r="C100" s="16">
        <v>63</v>
      </c>
      <c r="D100" s="17">
        <v>106</v>
      </c>
    </row>
    <row r="101" spans="1:4" ht="18" customHeight="1" x14ac:dyDescent="0.2">
      <c r="A101" s="14">
        <v>79</v>
      </c>
      <c r="B101" s="15">
        <v>38</v>
      </c>
      <c r="C101" s="16">
        <v>54</v>
      </c>
      <c r="D101" s="17">
        <v>92</v>
      </c>
    </row>
    <row r="102" spans="1:4" ht="18" customHeight="1" x14ac:dyDescent="0.2">
      <c r="A102" s="18" t="s">
        <v>83</v>
      </c>
      <c r="B102" s="15">
        <v>229</v>
      </c>
      <c r="C102" s="16">
        <v>337</v>
      </c>
      <c r="D102" s="17">
        <v>566</v>
      </c>
    </row>
    <row r="103" spans="1:4" ht="18" customHeight="1" x14ac:dyDescent="0.2">
      <c r="A103" s="14">
        <v>80</v>
      </c>
      <c r="B103" s="15">
        <v>42</v>
      </c>
      <c r="C103" s="16">
        <v>58</v>
      </c>
      <c r="D103" s="17">
        <v>100</v>
      </c>
    </row>
    <row r="104" spans="1:4" ht="18" customHeight="1" x14ac:dyDescent="0.2">
      <c r="A104" s="14">
        <v>81</v>
      </c>
      <c r="B104" s="15">
        <v>23</v>
      </c>
      <c r="C104" s="16">
        <v>51</v>
      </c>
      <c r="D104" s="17">
        <v>74</v>
      </c>
    </row>
    <row r="105" spans="1:4" ht="18" customHeight="1" x14ac:dyDescent="0.2">
      <c r="A105" s="14">
        <v>82</v>
      </c>
      <c r="B105" s="15">
        <v>27</v>
      </c>
      <c r="C105" s="16">
        <v>38</v>
      </c>
      <c r="D105" s="17">
        <v>65</v>
      </c>
    </row>
    <row r="106" spans="1:4" ht="18" customHeight="1" x14ac:dyDescent="0.2">
      <c r="A106" s="14">
        <v>83</v>
      </c>
      <c r="B106" s="15">
        <v>28</v>
      </c>
      <c r="C106" s="16">
        <v>35</v>
      </c>
      <c r="D106" s="17">
        <v>63</v>
      </c>
    </row>
    <row r="107" spans="1:4" ht="18" customHeight="1" x14ac:dyDescent="0.2">
      <c r="A107" s="14">
        <v>84</v>
      </c>
      <c r="B107" s="15">
        <v>22</v>
      </c>
      <c r="C107" s="16">
        <v>34</v>
      </c>
      <c r="D107" s="17">
        <v>56</v>
      </c>
    </row>
    <row r="108" spans="1:4" ht="18" customHeight="1" x14ac:dyDescent="0.2">
      <c r="A108" s="18" t="s">
        <v>84</v>
      </c>
      <c r="B108" s="15">
        <v>142</v>
      </c>
      <c r="C108" s="16">
        <v>216</v>
      </c>
      <c r="D108" s="17">
        <v>358</v>
      </c>
    </row>
    <row r="109" spans="1:4" ht="18" customHeight="1" x14ac:dyDescent="0.2">
      <c r="A109" s="14">
        <v>85</v>
      </c>
      <c r="B109" s="15">
        <v>13</v>
      </c>
      <c r="C109" s="16">
        <v>40</v>
      </c>
      <c r="D109" s="17">
        <v>53</v>
      </c>
    </row>
    <row r="110" spans="1:4" ht="18" customHeight="1" x14ac:dyDescent="0.2">
      <c r="A110" s="14">
        <v>86</v>
      </c>
      <c r="B110" s="15">
        <v>9</v>
      </c>
      <c r="C110" s="16">
        <v>27</v>
      </c>
      <c r="D110" s="17">
        <v>36</v>
      </c>
    </row>
    <row r="111" spans="1:4" ht="18" customHeight="1" x14ac:dyDescent="0.2">
      <c r="A111" s="14">
        <v>87</v>
      </c>
      <c r="B111" s="15">
        <v>8</v>
      </c>
      <c r="C111" s="16">
        <v>32</v>
      </c>
      <c r="D111" s="17">
        <v>40</v>
      </c>
    </row>
    <row r="112" spans="1:4" ht="18" customHeight="1" x14ac:dyDescent="0.2">
      <c r="A112" s="14">
        <v>88</v>
      </c>
      <c r="B112" s="15">
        <v>10</v>
      </c>
      <c r="C112" s="16">
        <v>31</v>
      </c>
      <c r="D112" s="17">
        <v>41</v>
      </c>
    </row>
    <row r="113" spans="1:4" ht="18" customHeight="1" x14ac:dyDescent="0.2">
      <c r="A113" s="14">
        <v>89</v>
      </c>
      <c r="B113" s="15">
        <v>5</v>
      </c>
      <c r="C113" s="16">
        <v>21</v>
      </c>
      <c r="D113" s="17">
        <v>26</v>
      </c>
    </row>
    <row r="114" spans="1:4" ht="18" customHeight="1" x14ac:dyDescent="0.2">
      <c r="A114" s="18" t="s">
        <v>85</v>
      </c>
      <c r="B114" s="15">
        <v>45</v>
      </c>
      <c r="C114" s="16">
        <v>151</v>
      </c>
      <c r="D114" s="17">
        <v>196</v>
      </c>
    </row>
    <row r="115" spans="1:4" ht="18" customHeight="1" x14ac:dyDescent="0.2">
      <c r="A115" s="14">
        <v>90</v>
      </c>
      <c r="B115" s="15">
        <v>5</v>
      </c>
      <c r="C115" s="16">
        <v>18</v>
      </c>
      <c r="D115" s="17">
        <v>23</v>
      </c>
    </row>
    <row r="116" spans="1:4" ht="18" customHeight="1" x14ac:dyDescent="0.2">
      <c r="A116" s="14">
        <v>91</v>
      </c>
      <c r="B116" s="15">
        <v>6</v>
      </c>
      <c r="C116" s="16">
        <v>17</v>
      </c>
      <c r="D116" s="17">
        <v>23</v>
      </c>
    </row>
    <row r="117" spans="1:4" ht="18" customHeight="1" x14ac:dyDescent="0.2">
      <c r="A117" s="14">
        <v>92</v>
      </c>
      <c r="B117" s="15">
        <v>5</v>
      </c>
      <c r="C117" s="16">
        <v>13</v>
      </c>
      <c r="D117" s="17">
        <v>18</v>
      </c>
    </row>
    <row r="118" spans="1:4" ht="18" customHeight="1" x14ac:dyDescent="0.2">
      <c r="A118" s="14">
        <v>93</v>
      </c>
      <c r="B118" s="15">
        <v>5</v>
      </c>
      <c r="C118" s="16">
        <v>10</v>
      </c>
      <c r="D118" s="17">
        <v>15</v>
      </c>
    </row>
    <row r="119" spans="1:4" ht="18" customHeight="1" x14ac:dyDescent="0.2">
      <c r="A119" s="14">
        <v>94</v>
      </c>
      <c r="B119" s="15">
        <v>2</v>
      </c>
      <c r="C119" s="16">
        <v>12</v>
      </c>
      <c r="D119" s="17">
        <v>14</v>
      </c>
    </row>
    <row r="120" spans="1:4" ht="18" customHeight="1" x14ac:dyDescent="0.2">
      <c r="A120" s="18" t="s">
        <v>86</v>
      </c>
      <c r="B120" s="15">
        <v>23</v>
      </c>
      <c r="C120" s="16">
        <v>70</v>
      </c>
      <c r="D120" s="17">
        <v>93</v>
      </c>
    </row>
    <row r="121" spans="1:4" ht="18" customHeight="1" x14ac:dyDescent="0.2">
      <c r="A121" s="14">
        <v>95</v>
      </c>
      <c r="B121" s="15">
        <v>3</v>
      </c>
      <c r="C121" s="16">
        <v>4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2</v>
      </c>
      <c r="C123" s="16">
        <v>2</v>
      </c>
      <c r="D123" s="17">
        <v>4</v>
      </c>
    </row>
    <row r="124" spans="1:4" ht="18" customHeight="1" x14ac:dyDescent="0.2">
      <c r="A124" s="14">
        <v>98</v>
      </c>
      <c r="B124" s="15">
        <v>2</v>
      </c>
      <c r="C124" s="16">
        <v>1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8</v>
      </c>
      <c r="C126" s="16">
        <v>11</v>
      </c>
      <c r="D126" s="17">
        <v>19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1</v>
      </c>
      <c r="C129" s="16">
        <v>3</v>
      </c>
      <c r="D129" s="17">
        <v>4</v>
      </c>
    </row>
    <row r="130" spans="1:4" ht="18" customHeight="1" x14ac:dyDescent="0.2">
      <c r="A130" s="18" t="s">
        <v>90</v>
      </c>
      <c r="B130" s="4">
        <v>1133</v>
      </c>
      <c r="C130" s="5">
        <v>1587</v>
      </c>
      <c r="D130" s="6">
        <v>2720</v>
      </c>
    </row>
    <row r="131" spans="1:4" ht="18" customHeight="1" x14ac:dyDescent="0.2">
      <c r="A131" s="20" t="s">
        <v>65</v>
      </c>
      <c r="B131" s="7">
        <v>5172</v>
      </c>
      <c r="C131" s="8">
        <v>5785</v>
      </c>
      <c r="D131" s="9">
        <v>1095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3</v>
      </c>
      <c r="C5" s="12">
        <v>50</v>
      </c>
      <c r="D5" s="13">
        <v>103</v>
      </c>
    </row>
    <row r="6" spans="1:4" ht="18" customHeight="1" x14ac:dyDescent="0.2">
      <c r="A6" s="14">
        <v>1</v>
      </c>
      <c r="B6" s="15">
        <v>59</v>
      </c>
      <c r="C6" s="16">
        <v>55</v>
      </c>
      <c r="D6" s="17">
        <v>114</v>
      </c>
    </row>
    <row r="7" spans="1:4" ht="18" customHeight="1" x14ac:dyDescent="0.2">
      <c r="A7" s="14">
        <v>2</v>
      </c>
      <c r="B7" s="15">
        <v>67</v>
      </c>
      <c r="C7" s="16">
        <v>56</v>
      </c>
      <c r="D7" s="17">
        <v>123</v>
      </c>
    </row>
    <row r="8" spans="1:4" ht="18" customHeight="1" x14ac:dyDescent="0.2">
      <c r="A8" s="14">
        <v>3</v>
      </c>
      <c r="B8" s="15">
        <v>60</v>
      </c>
      <c r="C8" s="16">
        <v>68</v>
      </c>
      <c r="D8" s="17">
        <v>128</v>
      </c>
    </row>
    <row r="9" spans="1:4" ht="18" customHeight="1" x14ac:dyDescent="0.2">
      <c r="A9" s="14">
        <v>4</v>
      </c>
      <c r="B9" s="15">
        <v>72</v>
      </c>
      <c r="C9" s="16">
        <v>61</v>
      </c>
      <c r="D9" s="17">
        <v>133</v>
      </c>
    </row>
    <row r="10" spans="1:4" ht="18" customHeight="1" x14ac:dyDescent="0.2">
      <c r="A10" s="18" t="s">
        <v>66</v>
      </c>
      <c r="B10" s="15">
        <v>311</v>
      </c>
      <c r="C10" s="16">
        <v>290</v>
      </c>
      <c r="D10" s="17">
        <v>601</v>
      </c>
    </row>
    <row r="11" spans="1:4" ht="18" customHeight="1" x14ac:dyDescent="0.2">
      <c r="A11" s="14">
        <v>5</v>
      </c>
      <c r="B11" s="15">
        <v>65</v>
      </c>
      <c r="C11" s="16">
        <v>60</v>
      </c>
      <c r="D11" s="17">
        <v>125</v>
      </c>
    </row>
    <row r="12" spans="1:4" ht="18" customHeight="1" x14ac:dyDescent="0.2">
      <c r="A12" s="14">
        <v>6</v>
      </c>
      <c r="B12" s="15">
        <v>57</v>
      </c>
      <c r="C12" s="16">
        <v>63</v>
      </c>
      <c r="D12" s="17">
        <v>120</v>
      </c>
    </row>
    <row r="13" spans="1:4" ht="18" customHeight="1" x14ac:dyDescent="0.2">
      <c r="A13" s="14">
        <v>7</v>
      </c>
      <c r="B13" s="15">
        <v>72</v>
      </c>
      <c r="C13" s="16">
        <v>67</v>
      </c>
      <c r="D13" s="17">
        <v>139</v>
      </c>
    </row>
    <row r="14" spans="1:4" ht="18" customHeight="1" x14ac:dyDescent="0.2">
      <c r="A14" s="14">
        <v>8</v>
      </c>
      <c r="B14" s="15">
        <v>72</v>
      </c>
      <c r="C14" s="16">
        <v>65</v>
      </c>
      <c r="D14" s="17">
        <v>137</v>
      </c>
    </row>
    <row r="15" spans="1:4" ht="18" customHeight="1" x14ac:dyDescent="0.2">
      <c r="A15" s="14">
        <v>9</v>
      </c>
      <c r="B15" s="15">
        <v>58</v>
      </c>
      <c r="C15" s="16">
        <v>66</v>
      </c>
      <c r="D15" s="17">
        <v>124</v>
      </c>
    </row>
    <row r="16" spans="1:4" ht="18" customHeight="1" x14ac:dyDescent="0.2">
      <c r="A16" s="18" t="s">
        <v>67</v>
      </c>
      <c r="B16" s="15">
        <v>324</v>
      </c>
      <c r="C16" s="16">
        <v>321</v>
      </c>
      <c r="D16" s="17">
        <v>645</v>
      </c>
    </row>
    <row r="17" spans="1:4" ht="18" customHeight="1" x14ac:dyDescent="0.2">
      <c r="A17" s="14">
        <v>10</v>
      </c>
      <c r="B17" s="15">
        <v>82</v>
      </c>
      <c r="C17" s="16">
        <v>68</v>
      </c>
      <c r="D17" s="17">
        <v>150</v>
      </c>
    </row>
    <row r="18" spans="1:4" ht="18" customHeight="1" x14ac:dyDescent="0.2">
      <c r="A18" s="14">
        <v>11</v>
      </c>
      <c r="B18" s="15">
        <v>65</v>
      </c>
      <c r="C18" s="16">
        <v>79</v>
      </c>
      <c r="D18" s="17">
        <v>144</v>
      </c>
    </row>
    <row r="19" spans="1:4" ht="18" customHeight="1" x14ac:dyDescent="0.2">
      <c r="A19" s="14">
        <v>12</v>
      </c>
      <c r="B19" s="15">
        <v>84</v>
      </c>
      <c r="C19" s="16">
        <v>68</v>
      </c>
      <c r="D19" s="17">
        <v>152</v>
      </c>
    </row>
    <row r="20" spans="1:4" ht="18" customHeight="1" x14ac:dyDescent="0.2">
      <c r="A20" s="14">
        <v>13</v>
      </c>
      <c r="B20" s="15">
        <v>66</v>
      </c>
      <c r="C20" s="16">
        <v>59</v>
      </c>
      <c r="D20" s="17">
        <v>125</v>
      </c>
    </row>
    <row r="21" spans="1:4" ht="18" customHeight="1" x14ac:dyDescent="0.2">
      <c r="A21" s="14">
        <v>14</v>
      </c>
      <c r="B21" s="15">
        <v>93</v>
      </c>
      <c r="C21" s="16">
        <v>72</v>
      </c>
      <c r="D21" s="17">
        <v>165</v>
      </c>
    </row>
    <row r="22" spans="1:4" ht="18" customHeight="1" x14ac:dyDescent="0.2">
      <c r="A22" s="18" t="s">
        <v>68</v>
      </c>
      <c r="B22" s="15">
        <v>390</v>
      </c>
      <c r="C22" s="16">
        <v>346</v>
      </c>
      <c r="D22" s="17">
        <v>736</v>
      </c>
    </row>
    <row r="23" spans="1:4" ht="18" customHeight="1" x14ac:dyDescent="0.2">
      <c r="A23" s="18" t="s">
        <v>69</v>
      </c>
      <c r="B23" s="15">
        <v>1025</v>
      </c>
      <c r="C23" s="16">
        <v>957</v>
      </c>
      <c r="D23" s="17">
        <v>1982</v>
      </c>
    </row>
    <row r="24" spans="1:4" ht="18" customHeight="1" x14ac:dyDescent="0.2">
      <c r="A24" s="14">
        <v>15</v>
      </c>
      <c r="B24" s="15">
        <v>58</v>
      </c>
      <c r="C24" s="16">
        <v>65</v>
      </c>
      <c r="D24" s="17">
        <v>123</v>
      </c>
    </row>
    <row r="25" spans="1:4" ht="18" customHeight="1" x14ac:dyDescent="0.2">
      <c r="A25" s="14">
        <v>16</v>
      </c>
      <c r="B25" s="15">
        <v>55</v>
      </c>
      <c r="C25" s="16">
        <v>55</v>
      </c>
      <c r="D25" s="17">
        <v>110</v>
      </c>
    </row>
    <row r="26" spans="1:4" ht="18" customHeight="1" x14ac:dyDescent="0.2">
      <c r="A26" s="14">
        <v>17</v>
      </c>
      <c r="B26" s="15">
        <v>71</v>
      </c>
      <c r="C26" s="16">
        <v>48</v>
      </c>
      <c r="D26" s="17">
        <v>119</v>
      </c>
    </row>
    <row r="27" spans="1:4" ht="18" customHeight="1" x14ac:dyDescent="0.2">
      <c r="A27" s="14">
        <v>18</v>
      </c>
      <c r="B27" s="15">
        <v>54</v>
      </c>
      <c r="C27" s="16">
        <v>49</v>
      </c>
      <c r="D27" s="17">
        <v>103</v>
      </c>
    </row>
    <row r="28" spans="1:4" ht="18" customHeight="1" x14ac:dyDescent="0.2">
      <c r="A28" s="14">
        <v>19</v>
      </c>
      <c r="B28" s="15">
        <v>61</v>
      </c>
      <c r="C28" s="16">
        <v>34</v>
      </c>
      <c r="D28" s="17">
        <v>95</v>
      </c>
    </row>
    <row r="29" spans="1:4" ht="18" customHeight="1" x14ac:dyDescent="0.2">
      <c r="A29" s="18" t="s">
        <v>70</v>
      </c>
      <c r="B29" s="15">
        <v>299</v>
      </c>
      <c r="C29" s="16">
        <v>251</v>
      </c>
      <c r="D29" s="17">
        <v>550</v>
      </c>
    </row>
    <row r="30" spans="1:4" ht="18" customHeight="1" x14ac:dyDescent="0.2">
      <c r="A30" s="14">
        <v>20</v>
      </c>
      <c r="B30" s="15">
        <v>47</v>
      </c>
      <c r="C30" s="16">
        <v>36</v>
      </c>
      <c r="D30" s="17">
        <v>83</v>
      </c>
    </row>
    <row r="31" spans="1:4" ht="18" customHeight="1" x14ac:dyDescent="0.2">
      <c r="A31" s="14">
        <v>21</v>
      </c>
      <c r="B31" s="15">
        <v>41</v>
      </c>
      <c r="C31" s="16">
        <v>54</v>
      </c>
      <c r="D31" s="17">
        <v>95</v>
      </c>
    </row>
    <row r="32" spans="1:4" ht="18" customHeight="1" x14ac:dyDescent="0.2">
      <c r="A32" s="14">
        <v>22</v>
      </c>
      <c r="B32" s="15">
        <v>27</v>
      </c>
      <c r="C32" s="16">
        <v>60</v>
      </c>
      <c r="D32" s="17">
        <v>87</v>
      </c>
    </row>
    <row r="33" spans="1:4" ht="18" customHeight="1" x14ac:dyDescent="0.2">
      <c r="A33" s="14">
        <v>23</v>
      </c>
      <c r="B33" s="15">
        <v>55</v>
      </c>
      <c r="C33" s="16">
        <v>41</v>
      </c>
      <c r="D33" s="17">
        <v>96</v>
      </c>
    </row>
    <row r="34" spans="1:4" ht="18" customHeight="1" x14ac:dyDescent="0.2">
      <c r="A34" s="14">
        <v>24</v>
      </c>
      <c r="B34" s="15">
        <v>56</v>
      </c>
      <c r="C34" s="16">
        <v>54</v>
      </c>
      <c r="D34" s="17">
        <v>110</v>
      </c>
    </row>
    <row r="35" spans="1:4" ht="18" customHeight="1" x14ac:dyDescent="0.2">
      <c r="A35" s="18" t="s">
        <v>71</v>
      </c>
      <c r="B35" s="15">
        <v>226</v>
      </c>
      <c r="C35" s="16">
        <v>245</v>
      </c>
      <c r="D35" s="17">
        <v>471</v>
      </c>
    </row>
    <row r="36" spans="1:4" ht="18" customHeight="1" x14ac:dyDescent="0.2">
      <c r="A36" s="14">
        <v>25</v>
      </c>
      <c r="B36" s="15">
        <v>46</v>
      </c>
      <c r="C36" s="16">
        <v>61</v>
      </c>
      <c r="D36" s="17">
        <v>107</v>
      </c>
    </row>
    <row r="37" spans="1:4" ht="18" customHeight="1" x14ac:dyDescent="0.2">
      <c r="A37" s="14">
        <v>26</v>
      </c>
      <c r="B37" s="15">
        <v>54</v>
      </c>
      <c r="C37" s="16">
        <v>46</v>
      </c>
      <c r="D37" s="17">
        <v>100</v>
      </c>
    </row>
    <row r="38" spans="1:4" ht="18" customHeight="1" x14ac:dyDescent="0.2">
      <c r="A38" s="14">
        <v>27</v>
      </c>
      <c r="B38" s="15">
        <v>60</v>
      </c>
      <c r="C38" s="16">
        <v>65</v>
      </c>
      <c r="D38" s="17">
        <v>125</v>
      </c>
    </row>
    <row r="39" spans="1:4" ht="18" customHeight="1" x14ac:dyDescent="0.2">
      <c r="A39" s="14">
        <v>28</v>
      </c>
      <c r="B39" s="15">
        <v>54</v>
      </c>
      <c r="C39" s="16">
        <v>59</v>
      </c>
      <c r="D39" s="17">
        <v>113</v>
      </c>
    </row>
    <row r="40" spans="1:4" ht="18" customHeight="1" x14ac:dyDescent="0.2">
      <c r="A40" s="14">
        <v>29</v>
      </c>
      <c r="B40" s="15">
        <v>71</v>
      </c>
      <c r="C40" s="16">
        <v>67</v>
      </c>
      <c r="D40" s="17">
        <v>138</v>
      </c>
    </row>
    <row r="41" spans="1:4" ht="18" customHeight="1" x14ac:dyDescent="0.2">
      <c r="A41" s="18" t="s">
        <v>72</v>
      </c>
      <c r="B41" s="15">
        <v>285</v>
      </c>
      <c r="C41" s="16">
        <v>298</v>
      </c>
      <c r="D41" s="17">
        <v>583</v>
      </c>
    </row>
    <row r="42" spans="1:4" ht="18" customHeight="1" x14ac:dyDescent="0.2">
      <c r="A42" s="14">
        <v>30</v>
      </c>
      <c r="B42" s="15">
        <v>81</v>
      </c>
      <c r="C42" s="16">
        <v>63</v>
      </c>
      <c r="D42" s="17">
        <v>144</v>
      </c>
    </row>
    <row r="43" spans="1:4" ht="18" customHeight="1" x14ac:dyDescent="0.2">
      <c r="A43" s="14">
        <v>31</v>
      </c>
      <c r="B43" s="15">
        <v>81</v>
      </c>
      <c r="C43" s="16">
        <v>81</v>
      </c>
      <c r="D43" s="17">
        <v>162</v>
      </c>
    </row>
    <row r="44" spans="1:4" ht="18" customHeight="1" x14ac:dyDescent="0.2">
      <c r="A44" s="14">
        <v>32</v>
      </c>
      <c r="B44" s="15">
        <v>76</v>
      </c>
      <c r="C44" s="16">
        <v>92</v>
      </c>
      <c r="D44" s="17">
        <v>168</v>
      </c>
    </row>
    <row r="45" spans="1:4" ht="18" customHeight="1" x14ac:dyDescent="0.2">
      <c r="A45" s="14">
        <v>33</v>
      </c>
      <c r="B45" s="15">
        <v>89</v>
      </c>
      <c r="C45" s="16">
        <v>82</v>
      </c>
      <c r="D45" s="17">
        <v>171</v>
      </c>
    </row>
    <row r="46" spans="1:4" ht="18" customHeight="1" x14ac:dyDescent="0.2">
      <c r="A46" s="14">
        <v>34</v>
      </c>
      <c r="B46" s="15">
        <v>117</v>
      </c>
      <c r="C46" s="16">
        <v>104</v>
      </c>
      <c r="D46" s="17">
        <v>221</v>
      </c>
    </row>
    <row r="47" spans="1:4" ht="18" customHeight="1" x14ac:dyDescent="0.2">
      <c r="A47" s="18" t="s">
        <v>73</v>
      </c>
      <c r="B47" s="15">
        <v>444</v>
      </c>
      <c r="C47" s="16">
        <v>422</v>
      </c>
      <c r="D47" s="17">
        <v>866</v>
      </c>
    </row>
    <row r="48" spans="1:4" ht="18" customHeight="1" x14ac:dyDescent="0.2">
      <c r="A48" s="14">
        <v>35</v>
      </c>
      <c r="B48" s="15">
        <v>102</v>
      </c>
      <c r="C48" s="16">
        <v>99</v>
      </c>
      <c r="D48" s="17">
        <v>201</v>
      </c>
    </row>
    <row r="49" spans="1:4" ht="18" customHeight="1" x14ac:dyDescent="0.2">
      <c r="A49" s="14">
        <v>36</v>
      </c>
      <c r="B49" s="15">
        <v>126</v>
      </c>
      <c r="C49" s="16">
        <v>111</v>
      </c>
      <c r="D49" s="17">
        <v>237</v>
      </c>
    </row>
    <row r="50" spans="1:4" ht="18" customHeight="1" x14ac:dyDescent="0.2">
      <c r="A50" s="14">
        <v>37</v>
      </c>
      <c r="B50" s="15">
        <v>101</v>
      </c>
      <c r="C50" s="16">
        <v>107</v>
      </c>
      <c r="D50" s="17">
        <v>208</v>
      </c>
    </row>
    <row r="51" spans="1:4" ht="18" customHeight="1" x14ac:dyDescent="0.2">
      <c r="A51" s="14">
        <v>38</v>
      </c>
      <c r="B51" s="15">
        <v>99</v>
      </c>
      <c r="C51" s="16">
        <v>93</v>
      </c>
      <c r="D51" s="17">
        <v>192</v>
      </c>
    </row>
    <row r="52" spans="1:4" ht="18" customHeight="1" x14ac:dyDescent="0.2">
      <c r="A52" s="14">
        <v>39</v>
      </c>
      <c r="B52" s="15">
        <v>92</v>
      </c>
      <c r="C52" s="16">
        <v>81</v>
      </c>
      <c r="D52" s="17">
        <v>173</v>
      </c>
    </row>
    <row r="53" spans="1:4" ht="18" customHeight="1" x14ac:dyDescent="0.2">
      <c r="A53" s="18" t="s">
        <v>74</v>
      </c>
      <c r="B53" s="15">
        <v>520</v>
      </c>
      <c r="C53" s="16">
        <v>491</v>
      </c>
      <c r="D53" s="17">
        <v>1011</v>
      </c>
    </row>
    <row r="54" spans="1:4" ht="18" customHeight="1" x14ac:dyDescent="0.2">
      <c r="A54" s="14">
        <v>40</v>
      </c>
      <c r="B54" s="15">
        <v>99</v>
      </c>
      <c r="C54" s="16">
        <v>81</v>
      </c>
      <c r="D54" s="17">
        <v>180</v>
      </c>
    </row>
    <row r="55" spans="1:4" ht="18" customHeight="1" x14ac:dyDescent="0.2">
      <c r="A55" s="14">
        <v>41</v>
      </c>
      <c r="B55" s="15">
        <v>87</v>
      </c>
      <c r="C55" s="16">
        <v>93</v>
      </c>
      <c r="D55" s="17">
        <v>180</v>
      </c>
    </row>
    <row r="56" spans="1:4" ht="18" customHeight="1" x14ac:dyDescent="0.2">
      <c r="A56" s="14">
        <v>42</v>
      </c>
      <c r="B56" s="15">
        <v>61</v>
      </c>
      <c r="C56" s="16">
        <v>103</v>
      </c>
      <c r="D56" s="17">
        <v>164</v>
      </c>
    </row>
    <row r="57" spans="1:4" ht="18" customHeight="1" x14ac:dyDescent="0.2">
      <c r="A57" s="14">
        <v>43</v>
      </c>
      <c r="B57" s="15">
        <v>86</v>
      </c>
      <c r="C57" s="16">
        <v>66</v>
      </c>
      <c r="D57" s="17">
        <v>152</v>
      </c>
    </row>
    <row r="58" spans="1:4" ht="18" customHeight="1" x14ac:dyDescent="0.2">
      <c r="A58" s="14">
        <v>44</v>
      </c>
      <c r="B58" s="15">
        <v>82</v>
      </c>
      <c r="C58" s="16">
        <v>93</v>
      </c>
      <c r="D58" s="17">
        <v>175</v>
      </c>
    </row>
    <row r="59" spans="1:4" ht="18" customHeight="1" x14ac:dyDescent="0.2">
      <c r="A59" s="18" t="s">
        <v>75</v>
      </c>
      <c r="B59" s="15">
        <v>415</v>
      </c>
      <c r="C59" s="16">
        <v>436</v>
      </c>
      <c r="D59" s="17">
        <v>851</v>
      </c>
    </row>
    <row r="60" spans="1:4" ht="18" customHeight="1" x14ac:dyDescent="0.2">
      <c r="A60" s="14">
        <v>45</v>
      </c>
      <c r="B60" s="15">
        <v>88</v>
      </c>
      <c r="C60" s="16">
        <v>65</v>
      </c>
      <c r="D60" s="17">
        <v>153</v>
      </c>
    </row>
    <row r="61" spans="1:4" ht="18" customHeight="1" x14ac:dyDescent="0.2">
      <c r="A61" s="14">
        <v>46</v>
      </c>
      <c r="B61" s="15">
        <v>83</v>
      </c>
      <c r="C61" s="16">
        <v>77</v>
      </c>
      <c r="D61" s="17">
        <v>160</v>
      </c>
    </row>
    <row r="62" spans="1:4" ht="18" customHeight="1" x14ac:dyDescent="0.2">
      <c r="A62" s="14">
        <v>47</v>
      </c>
      <c r="B62" s="15">
        <v>62</v>
      </c>
      <c r="C62" s="16">
        <v>53</v>
      </c>
      <c r="D62" s="17">
        <v>115</v>
      </c>
    </row>
    <row r="63" spans="1:4" ht="18" customHeight="1" x14ac:dyDescent="0.2">
      <c r="A63" s="14">
        <v>48</v>
      </c>
      <c r="B63" s="15">
        <v>71</v>
      </c>
      <c r="C63" s="16">
        <v>62</v>
      </c>
      <c r="D63" s="17">
        <v>133</v>
      </c>
    </row>
    <row r="64" spans="1:4" ht="18" customHeight="1" x14ac:dyDescent="0.2">
      <c r="A64" s="14">
        <v>49</v>
      </c>
      <c r="B64" s="15">
        <v>71</v>
      </c>
      <c r="C64" s="16">
        <v>56</v>
      </c>
      <c r="D64" s="17">
        <v>127</v>
      </c>
    </row>
    <row r="65" spans="1:4" ht="18" customHeight="1" x14ac:dyDescent="0.2">
      <c r="A65" s="18" t="s">
        <v>76</v>
      </c>
      <c r="B65" s="15">
        <v>375</v>
      </c>
      <c r="C65" s="16">
        <v>313</v>
      </c>
      <c r="D65" s="17">
        <v>688</v>
      </c>
    </row>
    <row r="66" spans="1:4" ht="18" customHeight="1" x14ac:dyDescent="0.2">
      <c r="A66" s="14">
        <v>50</v>
      </c>
      <c r="B66" s="15">
        <v>63</v>
      </c>
      <c r="C66" s="16">
        <v>62</v>
      </c>
      <c r="D66" s="17">
        <v>125</v>
      </c>
    </row>
    <row r="67" spans="1:4" ht="18" customHeight="1" x14ac:dyDescent="0.2">
      <c r="A67" s="14">
        <v>51</v>
      </c>
      <c r="B67" s="15">
        <v>56</v>
      </c>
      <c r="C67" s="16">
        <v>59</v>
      </c>
      <c r="D67" s="17">
        <v>115</v>
      </c>
    </row>
    <row r="68" spans="1:4" ht="18" customHeight="1" x14ac:dyDescent="0.2">
      <c r="A68" s="14">
        <v>52</v>
      </c>
      <c r="B68" s="15">
        <v>63</v>
      </c>
      <c r="C68" s="16">
        <v>61</v>
      </c>
      <c r="D68" s="17">
        <v>124</v>
      </c>
    </row>
    <row r="69" spans="1:4" ht="18" customHeight="1" x14ac:dyDescent="0.2">
      <c r="A69" s="14">
        <v>53</v>
      </c>
      <c r="B69" s="15">
        <v>60</v>
      </c>
      <c r="C69" s="16">
        <v>63</v>
      </c>
      <c r="D69" s="17">
        <v>123</v>
      </c>
    </row>
    <row r="70" spans="1:4" ht="18" customHeight="1" x14ac:dyDescent="0.2">
      <c r="A70" s="14">
        <v>54</v>
      </c>
      <c r="B70" s="15">
        <v>47</v>
      </c>
      <c r="C70" s="16">
        <v>69</v>
      </c>
      <c r="D70" s="17">
        <v>116</v>
      </c>
    </row>
    <row r="71" spans="1:4" ht="18" customHeight="1" x14ac:dyDescent="0.2">
      <c r="A71" s="18" t="s">
        <v>77</v>
      </c>
      <c r="B71" s="15">
        <v>289</v>
      </c>
      <c r="C71" s="16">
        <v>314</v>
      </c>
      <c r="D71" s="17">
        <v>603</v>
      </c>
    </row>
    <row r="72" spans="1:4" ht="18" customHeight="1" x14ac:dyDescent="0.2">
      <c r="A72" s="14">
        <v>55</v>
      </c>
      <c r="B72" s="15">
        <v>58</v>
      </c>
      <c r="C72" s="16">
        <v>54</v>
      </c>
      <c r="D72" s="17">
        <v>112</v>
      </c>
    </row>
    <row r="73" spans="1:4" ht="18" customHeight="1" x14ac:dyDescent="0.2">
      <c r="A73" s="14">
        <v>56</v>
      </c>
      <c r="B73" s="15">
        <v>63</v>
      </c>
      <c r="C73" s="16">
        <v>68</v>
      </c>
      <c r="D73" s="17">
        <v>131</v>
      </c>
    </row>
    <row r="74" spans="1:4" ht="18" customHeight="1" x14ac:dyDescent="0.2">
      <c r="A74" s="14">
        <v>57</v>
      </c>
      <c r="B74" s="15">
        <v>65</v>
      </c>
      <c r="C74" s="16">
        <v>62</v>
      </c>
      <c r="D74" s="17">
        <v>127</v>
      </c>
    </row>
    <row r="75" spans="1:4" ht="18" customHeight="1" x14ac:dyDescent="0.2">
      <c r="A75" s="14">
        <v>58</v>
      </c>
      <c r="B75" s="15">
        <v>68</v>
      </c>
      <c r="C75" s="16">
        <v>86</v>
      </c>
      <c r="D75" s="17">
        <v>154</v>
      </c>
    </row>
    <row r="76" spans="1:4" ht="18" customHeight="1" x14ac:dyDescent="0.2">
      <c r="A76" s="14">
        <v>59</v>
      </c>
      <c r="B76" s="15">
        <v>88</v>
      </c>
      <c r="C76" s="16">
        <v>109</v>
      </c>
      <c r="D76" s="17">
        <v>197</v>
      </c>
    </row>
    <row r="77" spans="1:4" ht="18" customHeight="1" x14ac:dyDescent="0.2">
      <c r="A77" s="18" t="s">
        <v>78</v>
      </c>
      <c r="B77" s="15">
        <v>342</v>
      </c>
      <c r="C77" s="16">
        <v>379</v>
      </c>
      <c r="D77" s="17">
        <v>721</v>
      </c>
    </row>
    <row r="78" spans="1:4" ht="18" customHeight="1" x14ac:dyDescent="0.2">
      <c r="A78" s="14">
        <v>60</v>
      </c>
      <c r="B78" s="15">
        <v>98</v>
      </c>
      <c r="C78" s="16">
        <v>100</v>
      </c>
      <c r="D78" s="17">
        <v>198</v>
      </c>
    </row>
    <row r="79" spans="1:4" ht="18" customHeight="1" x14ac:dyDescent="0.2">
      <c r="A79" s="14">
        <v>61</v>
      </c>
      <c r="B79" s="15">
        <v>85</v>
      </c>
      <c r="C79" s="16">
        <v>103</v>
      </c>
      <c r="D79" s="17">
        <v>188</v>
      </c>
    </row>
    <row r="80" spans="1:4" ht="18" customHeight="1" x14ac:dyDescent="0.2">
      <c r="A80" s="14">
        <v>62</v>
      </c>
      <c r="B80" s="15">
        <v>102</v>
      </c>
      <c r="C80" s="16">
        <v>107</v>
      </c>
      <c r="D80" s="17">
        <v>209</v>
      </c>
    </row>
    <row r="81" spans="1:4" ht="18" customHeight="1" x14ac:dyDescent="0.2">
      <c r="A81" s="14">
        <v>63</v>
      </c>
      <c r="B81" s="15">
        <v>52</v>
      </c>
      <c r="C81" s="16">
        <v>51</v>
      </c>
      <c r="D81" s="17">
        <v>103</v>
      </c>
    </row>
    <row r="82" spans="1:4" ht="18" customHeight="1" x14ac:dyDescent="0.2">
      <c r="A82" s="14">
        <v>64</v>
      </c>
      <c r="B82" s="15">
        <v>77</v>
      </c>
      <c r="C82" s="16">
        <v>63</v>
      </c>
      <c r="D82" s="17">
        <v>140</v>
      </c>
    </row>
    <row r="83" spans="1:4" ht="18" customHeight="1" x14ac:dyDescent="0.2">
      <c r="A83" s="18" t="s">
        <v>79</v>
      </c>
      <c r="B83" s="15">
        <v>414</v>
      </c>
      <c r="C83" s="16">
        <v>424</v>
      </c>
      <c r="D83" s="17">
        <v>838</v>
      </c>
    </row>
    <row r="84" spans="1:4" ht="18" customHeight="1" x14ac:dyDescent="0.2">
      <c r="A84" s="18" t="s">
        <v>80</v>
      </c>
      <c r="B84" s="15">
        <v>3609</v>
      </c>
      <c r="C84" s="16">
        <v>3573</v>
      </c>
      <c r="D84" s="17">
        <v>7182</v>
      </c>
    </row>
    <row r="85" spans="1:4" ht="18" customHeight="1" x14ac:dyDescent="0.2">
      <c r="A85" s="14">
        <v>65</v>
      </c>
      <c r="B85" s="15">
        <v>71</v>
      </c>
      <c r="C85" s="16">
        <v>88</v>
      </c>
      <c r="D85" s="17">
        <v>159</v>
      </c>
    </row>
    <row r="86" spans="1:4" ht="18" customHeight="1" x14ac:dyDescent="0.2">
      <c r="A86" s="14">
        <v>66</v>
      </c>
      <c r="B86" s="15">
        <v>72</v>
      </c>
      <c r="C86" s="16">
        <v>75</v>
      </c>
      <c r="D86" s="17">
        <v>147</v>
      </c>
    </row>
    <row r="87" spans="1:4" ht="18" customHeight="1" x14ac:dyDescent="0.2">
      <c r="A87" s="14">
        <v>67</v>
      </c>
      <c r="B87" s="15">
        <v>73</v>
      </c>
      <c r="C87" s="16">
        <v>84</v>
      </c>
      <c r="D87" s="17">
        <v>157</v>
      </c>
    </row>
    <row r="88" spans="1:4" ht="18" customHeight="1" x14ac:dyDescent="0.2">
      <c r="A88" s="14">
        <v>68</v>
      </c>
      <c r="B88" s="15">
        <v>64</v>
      </c>
      <c r="C88" s="16">
        <v>70</v>
      </c>
      <c r="D88" s="17">
        <v>134</v>
      </c>
    </row>
    <row r="89" spans="1:4" ht="18" customHeight="1" x14ac:dyDescent="0.2">
      <c r="A89" s="14">
        <v>69</v>
      </c>
      <c r="B89" s="15">
        <v>65</v>
      </c>
      <c r="C89" s="16">
        <v>67</v>
      </c>
      <c r="D89" s="17">
        <v>132</v>
      </c>
    </row>
    <row r="90" spans="1:4" ht="18" customHeight="1" x14ac:dyDescent="0.2">
      <c r="A90" s="18" t="s">
        <v>81</v>
      </c>
      <c r="B90" s="15">
        <v>345</v>
      </c>
      <c r="C90" s="16">
        <v>384</v>
      </c>
      <c r="D90" s="17">
        <v>729</v>
      </c>
    </row>
    <row r="91" spans="1:4" ht="18" customHeight="1" x14ac:dyDescent="0.2">
      <c r="A91" s="14">
        <v>70</v>
      </c>
      <c r="B91" s="15">
        <v>50</v>
      </c>
      <c r="C91" s="16">
        <v>48</v>
      </c>
      <c r="D91" s="17">
        <v>98</v>
      </c>
    </row>
    <row r="92" spans="1:4" ht="18" customHeight="1" x14ac:dyDescent="0.2">
      <c r="A92" s="14">
        <v>71</v>
      </c>
      <c r="B92" s="15">
        <v>58</v>
      </c>
      <c r="C92" s="16">
        <v>64</v>
      </c>
      <c r="D92" s="17">
        <v>122</v>
      </c>
    </row>
    <row r="93" spans="1:4" ht="18" customHeight="1" x14ac:dyDescent="0.2">
      <c r="A93" s="14">
        <v>72</v>
      </c>
      <c r="B93" s="15">
        <v>54</v>
      </c>
      <c r="C93" s="16">
        <v>64</v>
      </c>
      <c r="D93" s="17">
        <v>118</v>
      </c>
    </row>
    <row r="94" spans="1:4" ht="18" customHeight="1" x14ac:dyDescent="0.2">
      <c r="A94" s="14">
        <v>73</v>
      </c>
      <c r="B94" s="15">
        <v>46</v>
      </c>
      <c r="C94" s="16">
        <v>71</v>
      </c>
      <c r="D94" s="17">
        <v>117</v>
      </c>
    </row>
    <row r="95" spans="1:4" ht="18" customHeight="1" x14ac:dyDescent="0.2">
      <c r="A95" s="14">
        <v>74</v>
      </c>
      <c r="B95" s="15">
        <v>47</v>
      </c>
      <c r="C95" s="16">
        <v>55</v>
      </c>
      <c r="D95" s="17">
        <v>102</v>
      </c>
    </row>
    <row r="96" spans="1:4" ht="18" customHeight="1" x14ac:dyDescent="0.2">
      <c r="A96" s="18" t="s">
        <v>82</v>
      </c>
      <c r="B96" s="15">
        <v>255</v>
      </c>
      <c r="C96" s="16">
        <v>302</v>
      </c>
      <c r="D96" s="17">
        <v>557</v>
      </c>
    </row>
    <row r="97" spans="1:4" ht="18" customHeight="1" x14ac:dyDescent="0.2">
      <c r="A97" s="14">
        <v>75</v>
      </c>
      <c r="B97" s="15">
        <v>35</v>
      </c>
      <c r="C97" s="16">
        <v>45</v>
      </c>
      <c r="D97" s="17">
        <v>80</v>
      </c>
    </row>
    <row r="98" spans="1:4" ht="18" customHeight="1" x14ac:dyDescent="0.2">
      <c r="A98" s="14">
        <v>76</v>
      </c>
      <c r="B98" s="15">
        <v>39</v>
      </c>
      <c r="C98" s="16">
        <v>57</v>
      </c>
      <c r="D98" s="17">
        <v>96</v>
      </c>
    </row>
    <row r="99" spans="1:4" ht="18" customHeight="1" x14ac:dyDescent="0.2">
      <c r="A99" s="14">
        <v>77</v>
      </c>
      <c r="B99" s="15">
        <v>45</v>
      </c>
      <c r="C99" s="16">
        <v>45</v>
      </c>
      <c r="D99" s="17">
        <v>90</v>
      </c>
    </row>
    <row r="100" spans="1:4" ht="18" customHeight="1" x14ac:dyDescent="0.2">
      <c r="A100" s="14">
        <v>78</v>
      </c>
      <c r="B100" s="15">
        <v>39</v>
      </c>
      <c r="C100" s="16">
        <v>50</v>
      </c>
      <c r="D100" s="17">
        <v>89</v>
      </c>
    </row>
    <row r="101" spans="1:4" ht="18" customHeight="1" x14ac:dyDescent="0.2">
      <c r="A101" s="14">
        <v>79</v>
      </c>
      <c r="B101" s="15">
        <v>29</v>
      </c>
      <c r="C101" s="16">
        <v>31</v>
      </c>
      <c r="D101" s="17">
        <v>60</v>
      </c>
    </row>
    <row r="102" spans="1:4" ht="18" customHeight="1" x14ac:dyDescent="0.2">
      <c r="A102" s="18" t="s">
        <v>83</v>
      </c>
      <c r="B102" s="15">
        <v>187</v>
      </c>
      <c r="C102" s="16">
        <v>228</v>
      </c>
      <c r="D102" s="17">
        <v>415</v>
      </c>
    </row>
    <row r="103" spans="1:4" ht="18" customHeight="1" x14ac:dyDescent="0.2">
      <c r="A103" s="14">
        <v>80</v>
      </c>
      <c r="B103" s="15">
        <v>27</v>
      </c>
      <c r="C103" s="16">
        <v>35</v>
      </c>
      <c r="D103" s="17">
        <v>62</v>
      </c>
    </row>
    <row r="104" spans="1:4" ht="18" customHeight="1" x14ac:dyDescent="0.2">
      <c r="A104" s="14">
        <v>81</v>
      </c>
      <c r="B104" s="15">
        <v>16</v>
      </c>
      <c r="C104" s="16">
        <v>36</v>
      </c>
      <c r="D104" s="17">
        <v>52</v>
      </c>
    </row>
    <row r="105" spans="1:4" ht="18" customHeight="1" x14ac:dyDescent="0.2">
      <c r="A105" s="14">
        <v>82</v>
      </c>
      <c r="B105" s="15">
        <v>23</v>
      </c>
      <c r="C105" s="16">
        <v>28</v>
      </c>
      <c r="D105" s="17">
        <v>51</v>
      </c>
    </row>
    <row r="106" spans="1:4" ht="18" customHeight="1" x14ac:dyDescent="0.2">
      <c r="A106" s="14">
        <v>83</v>
      </c>
      <c r="B106" s="15">
        <v>14</v>
      </c>
      <c r="C106" s="16">
        <v>32</v>
      </c>
      <c r="D106" s="17">
        <v>46</v>
      </c>
    </row>
    <row r="107" spans="1:4" ht="18" customHeight="1" x14ac:dyDescent="0.2">
      <c r="A107" s="14">
        <v>84</v>
      </c>
      <c r="B107" s="15">
        <v>18</v>
      </c>
      <c r="C107" s="16">
        <v>38</v>
      </c>
      <c r="D107" s="17">
        <v>56</v>
      </c>
    </row>
    <row r="108" spans="1:4" ht="18" customHeight="1" x14ac:dyDescent="0.2">
      <c r="A108" s="18" t="s">
        <v>84</v>
      </c>
      <c r="B108" s="15">
        <v>98</v>
      </c>
      <c r="C108" s="16">
        <v>169</v>
      </c>
      <c r="D108" s="17">
        <v>267</v>
      </c>
    </row>
    <row r="109" spans="1:4" ht="18" customHeight="1" x14ac:dyDescent="0.2">
      <c r="A109" s="14">
        <v>85</v>
      </c>
      <c r="B109" s="15">
        <v>17</v>
      </c>
      <c r="C109" s="16">
        <v>32</v>
      </c>
      <c r="D109" s="17">
        <v>49</v>
      </c>
    </row>
    <row r="110" spans="1:4" ht="18" customHeight="1" x14ac:dyDescent="0.2">
      <c r="A110" s="14">
        <v>86</v>
      </c>
      <c r="B110" s="15">
        <v>10</v>
      </c>
      <c r="C110" s="16">
        <v>25</v>
      </c>
      <c r="D110" s="17">
        <v>35</v>
      </c>
    </row>
    <row r="111" spans="1:4" ht="18" customHeight="1" x14ac:dyDescent="0.2">
      <c r="A111" s="14">
        <v>87</v>
      </c>
      <c r="B111" s="15">
        <v>4</v>
      </c>
      <c r="C111" s="16">
        <v>20</v>
      </c>
      <c r="D111" s="17">
        <v>24</v>
      </c>
    </row>
    <row r="112" spans="1:4" ht="18" customHeight="1" x14ac:dyDescent="0.2">
      <c r="A112" s="14">
        <v>88</v>
      </c>
      <c r="B112" s="15">
        <v>4</v>
      </c>
      <c r="C112" s="16">
        <v>25</v>
      </c>
      <c r="D112" s="17">
        <v>29</v>
      </c>
    </row>
    <row r="113" spans="1:4" ht="18" customHeight="1" x14ac:dyDescent="0.2">
      <c r="A113" s="14">
        <v>89</v>
      </c>
      <c r="B113" s="15">
        <v>6</v>
      </c>
      <c r="C113" s="16">
        <v>26</v>
      </c>
      <c r="D113" s="17">
        <v>32</v>
      </c>
    </row>
    <row r="114" spans="1:4" ht="18" customHeight="1" x14ac:dyDescent="0.2">
      <c r="A114" s="18" t="s">
        <v>85</v>
      </c>
      <c r="B114" s="15">
        <v>41</v>
      </c>
      <c r="C114" s="16">
        <v>128</v>
      </c>
      <c r="D114" s="17">
        <v>169</v>
      </c>
    </row>
    <row r="115" spans="1:4" ht="18" customHeight="1" x14ac:dyDescent="0.2">
      <c r="A115" s="14">
        <v>90</v>
      </c>
      <c r="B115" s="15">
        <v>4</v>
      </c>
      <c r="C115" s="16">
        <v>10</v>
      </c>
      <c r="D115" s="17">
        <v>14</v>
      </c>
    </row>
    <row r="116" spans="1:4" ht="18" customHeight="1" x14ac:dyDescent="0.2">
      <c r="A116" s="14">
        <v>91</v>
      </c>
      <c r="B116" s="15">
        <v>8</v>
      </c>
      <c r="C116" s="16">
        <v>7</v>
      </c>
      <c r="D116" s="17">
        <v>15</v>
      </c>
    </row>
    <row r="117" spans="1:4" ht="18" customHeight="1" x14ac:dyDescent="0.2">
      <c r="A117" s="14">
        <v>92</v>
      </c>
      <c r="B117" s="15">
        <v>6</v>
      </c>
      <c r="C117" s="16">
        <v>13</v>
      </c>
      <c r="D117" s="17">
        <v>19</v>
      </c>
    </row>
    <row r="118" spans="1:4" ht="18" customHeight="1" x14ac:dyDescent="0.2">
      <c r="A118" s="14">
        <v>93</v>
      </c>
      <c r="B118" s="15">
        <v>3</v>
      </c>
      <c r="C118" s="16">
        <v>7</v>
      </c>
      <c r="D118" s="17">
        <v>10</v>
      </c>
    </row>
    <row r="119" spans="1:4" ht="18" customHeight="1" x14ac:dyDescent="0.2">
      <c r="A119" s="14">
        <v>94</v>
      </c>
      <c r="B119" s="15">
        <v>3</v>
      </c>
      <c r="C119" s="16">
        <v>4</v>
      </c>
      <c r="D119" s="17">
        <v>7</v>
      </c>
    </row>
    <row r="120" spans="1:4" ht="18" customHeight="1" x14ac:dyDescent="0.2">
      <c r="A120" s="18" t="s">
        <v>86</v>
      </c>
      <c r="B120" s="15">
        <v>24</v>
      </c>
      <c r="C120" s="16">
        <v>41</v>
      </c>
      <c r="D120" s="17">
        <v>65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3</v>
      </c>
      <c r="C122" s="16">
        <v>2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3</v>
      </c>
      <c r="C126" s="16">
        <v>15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1</v>
      </c>
      <c r="C128" s="16">
        <v>4</v>
      </c>
      <c r="D128" s="17">
        <v>5</v>
      </c>
    </row>
    <row r="129" spans="1:4" ht="18" customHeight="1" x14ac:dyDescent="0.2">
      <c r="A129" s="18" t="s">
        <v>89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90</v>
      </c>
      <c r="B130" s="4">
        <v>954</v>
      </c>
      <c r="C130" s="5">
        <v>1272</v>
      </c>
      <c r="D130" s="6">
        <v>2226</v>
      </c>
    </row>
    <row r="131" spans="1:4" ht="18" customHeight="1" x14ac:dyDescent="0.2">
      <c r="A131" s="20" t="s">
        <v>65</v>
      </c>
      <c r="B131" s="7">
        <v>5588</v>
      </c>
      <c r="C131" s="8">
        <v>5802</v>
      </c>
      <c r="D131" s="9">
        <v>1139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1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7</v>
      </c>
      <c r="C5" s="12">
        <v>15</v>
      </c>
      <c r="D5" s="13">
        <v>32</v>
      </c>
    </row>
    <row r="6" spans="1:4" ht="18" customHeight="1" x14ac:dyDescent="0.2">
      <c r="A6" s="14">
        <v>1</v>
      </c>
      <c r="B6" s="15">
        <v>18</v>
      </c>
      <c r="C6" s="16">
        <v>14</v>
      </c>
      <c r="D6" s="17">
        <v>32</v>
      </c>
    </row>
    <row r="7" spans="1:4" ht="18" customHeight="1" x14ac:dyDescent="0.2">
      <c r="A7" s="14">
        <v>2</v>
      </c>
      <c r="B7" s="15">
        <v>16</v>
      </c>
      <c r="C7" s="16">
        <v>23</v>
      </c>
      <c r="D7" s="17">
        <v>39</v>
      </c>
    </row>
    <row r="8" spans="1:4" ht="18" customHeight="1" x14ac:dyDescent="0.2">
      <c r="A8" s="14">
        <v>3</v>
      </c>
      <c r="B8" s="15">
        <v>16</v>
      </c>
      <c r="C8" s="16">
        <v>14</v>
      </c>
      <c r="D8" s="17">
        <v>30</v>
      </c>
    </row>
    <row r="9" spans="1:4" ht="18" customHeight="1" x14ac:dyDescent="0.2">
      <c r="A9" s="14">
        <v>4</v>
      </c>
      <c r="B9" s="15">
        <v>22</v>
      </c>
      <c r="C9" s="16">
        <v>13</v>
      </c>
      <c r="D9" s="17">
        <v>35</v>
      </c>
    </row>
    <row r="10" spans="1:4" ht="18" customHeight="1" x14ac:dyDescent="0.2">
      <c r="A10" s="18" t="s">
        <v>66</v>
      </c>
      <c r="B10" s="15">
        <v>89</v>
      </c>
      <c r="C10" s="16">
        <v>79</v>
      </c>
      <c r="D10" s="17">
        <v>168</v>
      </c>
    </row>
    <row r="11" spans="1:4" ht="18" customHeight="1" x14ac:dyDescent="0.2">
      <c r="A11" s="14">
        <v>5</v>
      </c>
      <c r="B11" s="15">
        <v>16</v>
      </c>
      <c r="C11" s="16">
        <v>20</v>
      </c>
      <c r="D11" s="17">
        <v>36</v>
      </c>
    </row>
    <row r="12" spans="1:4" ht="18" customHeight="1" x14ac:dyDescent="0.2">
      <c r="A12" s="14">
        <v>6</v>
      </c>
      <c r="B12" s="15">
        <v>18</v>
      </c>
      <c r="C12" s="16">
        <v>19</v>
      </c>
      <c r="D12" s="17">
        <v>37</v>
      </c>
    </row>
    <row r="13" spans="1:4" ht="18" customHeight="1" x14ac:dyDescent="0.2">
      <c r="A13" s="14">
        <v>7</v>
      </c>
      <c r="B13" s="15">
        <v>20</v>
      </c>
      <c r="C13" s="16">
        <v>12</v>
      </c>
      <c r="D13" s="17">
        <v>32</v>
      </c>
    </row>
    <row r="14" spans="1:4" ht="18" customHeight="1" x14ac:dyDescent="0.2">
      <c r="A14" s="14">
        <v>8</v>
      </c>
      <c r="B14" s="15">
        <v>11</v>
      </c>
      <c r="C14" s="16">
        <v>22</v>
      </c>
      <c r="D14" s="17">
        <v>33</v>
      </c>
    </row>
    <row r="15" spans="1:4" ht="18" customHeight="1" x14ac:dyDescent="0.2">
      <c r="A15" s="14">
        <v>9</v>
      </c>
      <c r="B15" s="15">
        <v>16</v>
      </c>
      <c r="C15" s="16">
        <v>14</v>
      </c>
      <c r="D15" s="17">
        <v>30</v>
      </c>
    </row>
    <row r="16" spans="1:4" ht="18" customHeight="1" x14ac:dyDescent="0.2">
      <c r="A16" s="18" t="s">
        <v>67</v>
      </c>
      <c r="B16" s="15">
        <v>81</v>
      </c>
      <c r="C16" s="16">
        <v>87</v>
      </c>
      <c r="D16" s="17">
        <v>168</v>
      </c>
    </row>
    <row r="17" spans="1:4" ht="18" customHeight="1" x14ac:dyDescent="0.2">
      <c r="A17" s="14">
        <v>10</v>
      </c>
      <c r="B17" s="15">
        <v>13</v>
      </c>
      <c r="C17" s="16">
        <v>11</v>
      </c>
      <c r="D17" s="17">
        <v>24</v>
      </c>
    </row>
    <row r="18" spans="1:4" ht="18" customHeight="1" x14ac:dyDescent="0.2">
      <c r="A18" s="14">
        <v>11</v>
      </c>
      <c r="B18" s="15">
        <v>21</v>
      </c>
      <c r="C18" s="16">
        <v>14</v>
      </c>
      <c r="D18" s="17">
        <v>35</v>
      </c>
    </row>
    <row r="19" spans="1:4" ht="18" customHeight="1" x14ac:dyDescent="0.2">
      <c r="A19" s="14">
        <v>12</v>
      </c>
      <c r="B19" s="15">
        <v>14</v>
      </c>
      <c r="C19" s="16">
        <v>15</v>
      </c>
      <c r="D19" s="17">
        <v>29</v>
      </c>
    </row>
    <row r="20" spans="1:4" ht="18" customHeight="1" x14ac:dyDescent="0.2">
      <c r="A20" s="14">
        <v>13</v>
      </c>
      <c r="B20" s="15">
        <v>21</v>
      </c>
      <c r="C20" s="16">
        <v>20</v>
      </c>
      <c r="D20" s="17">
        <v>41</v>
      </c>
    </row>
    <row r="21" spans="1:4" ht="18" customHeight="1" x14ac:dyDescent="0.2">
      <c r="A21" s="14">
        <v>14</v>
      </c>
      <c r="B21" s="15">
        <v>12</v>
      </c>
      <c r="C21" s="16">
        <v>11</v>
      </c>
      <c r="D21" s="17">
        <v>23</v>
      </c>
    </row>
    <row r="22" spans="1:4" ht="18" customHeight="1" x14ac:dyDescent="0.2">
      <c r="A22" s="18" t="s">
        <v>68</v>
      </c>
      <c r="B22" s="15">
        <v>81</v>
      </c>
      <c r="C22" s="16">
        <v>71</v>
      </c>
      <c r="D22" s="17">
        <v>152</v>
      </c>
    </row>
    <row r="23" spans="1:4" ht="18" customHeight="1" x14ac:dyDescent="0.2">
      <c r="A23" s="18" t="s">
        <v>69</v>
      </c>
      <c r="B23" s="15">
        <v>251</v>
      </c>
      <c r="C23" s="16">
        <v>237</v>
      </c>
      <c r="D23" s="17">
        <v>488</v>
      </c>
    </row>
    <row r="24" spans="1:4" ht="18" customHeight="1" x14ac:dyDescent="0.2">
      <c r="A24" s="14">
        <v>15</v>
      </c>
      <c r="B24" s="15">
        <v>15</v>
      </c>
      <c r="C24" s="16">
        <v>6</v>
      </c>
      <c r="D24" s="17">
        <v>21</v>
      </c>
    </row>
    <row r="25" spans="1:4" ht="18" customHeight="1" x14ac:dyDescent="0.2">
      <c r="A25" s="14">
        <v>16</v>
      </c>
      <c r="B25" s="15">
        <v>17</v>
      </c>
      <c r="C25" s="16">
        <v>8</v>
      </c>
      <c r="D25" s="17">
        <v>25</v>
      </c>
    </row>
    <row r="26" spans="1:4" ht="18" customHeight="1" x14ac:dyDescent="0.2">
      <c r="A26" s="14">
        <v>17</v>
      </c>
      <c r="B26" s="15">
        <v>17</v>
      </c>
      <c r="C26" s="16">
        <v>22</v>
      </c>
      <c r="D26" s="17">
        <v>39</v>
      </c>
    </row>
    <row r="27" spans="1:4" ht="18" customHeight="1" x14ac:dyDescent="0.2">
      <c r="A27" s="14">
        <v>18</v>
      </c>
      <c r="B27" s="15">
        <v>17</v>
      </c>
      <c r="C27" s="16">
        <v>16</v>
      </c>
      <c r="D27" s="17">
        <v>33</v>
      </c>
    </row>
    <row r="28" spans="1:4" ht="18" customHeight="1" x14ac:dyDescent="0.2">
      <c r="A28" s="14">
        <v>19</v>
      </c>
      <c r="B28" s="15">
        <v>13</v>
      </c>
      <c r="C28" s="16">
        <v>18</v>
      </c>
      <c r="D28" s="17">
        <v>31</v>
      </c>
    </row>
    <row r="29" spans="1:4" ht="18" customHeight="1" x14ac:dyDescent="0.2">
      <c r="A29" s="18" t="s">
        <v>70</v>
      </c>
      <c r="B29" s="15">
        <v>79</v>
      </c>
      <c r="C29" s="16">
        <v>70</v>
      </c>
      <c r="D29" s="17">
        <v>149</v>
      </c>
    </row>
    <row r="30" spans="1:4" ht="18" customHeight="1" x14ac:dyDescent="0.2">
      <c r="A30" s="14">
        <v>20</v>
      </c>
      <c r="B30" s="15">
        <v>7</v>
      </c>
      <c r="C30" s="16">
        <v>18</v>
      </c>
      <c r="D30" s="17">
        <v>25</v>
      </c>
    </row>
    <row r="31" spans="1:4" ht="18" customHeight="1" x14ac:dyDescent="0.2">
      <c r="A31" s="14">
        <v>21</v>
      </c>
      <c r="B31" s="15">
        <v>19</v>
      </c>
      <c r="C31" s="16">
        <v>28</v>
      </c>
      <c r="D31" s="17">
        <v>47</v>
      </c>
    </row>
    <row r="32" spans="1:4" ht="18" customHeight="1" x14ac:dyDescent="0.2">
      <c r="A32" s="14">
        <v>22</v>
      </c>
      <c r="B32" s="15">
        <v>16</v>
      </c>
      <c r="C32" s="16">
        <v>14</v>
      </c>
      <c r="D32" s="17">
        <v>30</v>
      </c>
    </row>
    <row r="33" spans="1:4" ht="18" customHeight="1" x14ac:dyDescent="0.2">
      <c r="A33" s="14">
        <v>23</v>
      </c>
      <c r="B33" s="15">
        <v>19</v>
      </c>
      <c r="C33" s="16">
        <v>21</v>
      </c>
      <c r="D33" s="17">
        <v>40</v>
      </c>
    </row>
    <row r="34" spans="1:4" ht="18" customHeight="1" x14ac:dyDescent="0.2">
      <c r="A34" s="14">
        <v>24</v>
      </c>
      <c r="B34" s="15">
        <v>28</v>
      </c>
      <c r="C34" s="16">
        <v>21</v>
      </c>
      <c r="D34" s="17">
        <v>49</v>
      </c>
    </row>
    <row r="35" spans="1:4" ht="18" customHeight="1" x14ac:dyDescent="0.2">
      <c r="A35" s="18" t="s">
        <v>71</v>
      </c>
      <c r="B35" s="15">
        <v>89</v>
      </c>
      <c r="C35" s="16">
        <v>102</v>
      </c>
      <c r="D35" s="17">
        <v>191</v>
      </c>
    </row>
    <row r="36" spans="1:4" ht="18" customHeight="1" x14ac:dyDescent="0.2">
      <c r="A36" s="14">
        <v>25</v>
      </c>
      <c r="B36" s="15">
        <v>30</v>
      </c>
      <c r="C36" s="16">
        <v>20</v>
      </c>
      <c r="D36" s="17">
        <v>50</v>
      </c>
    </row>
    <row r="37" spans="1:4" ht="18" customHeight="1" x14ac:dyDescent="0.2">
      <c r="A37" s="14">
        <v>26</v>
      </c>
      <c r="B37" s="15">
        <v>26</v>
      </c>
      <c r="C37" s="16">
        <v>19</v>
      </c>
      <c r="D37" s="17">
        <v>45</v>
      </c>
    </row>
    <row r="38" spans="1:4" ht="18" customHeight="1" x14ac:dyDescent="0.2">
      <c r="A38" s="14">
        <v>27</v>
      </c>
      <c r="B38" s="15">
        <v>32</v>
      </c>
      <c r="C38" s="16">
        <v>22</v>
      </c>
      <c r="D38" s="17">
        <v>54</v>
      </c>
    </row>
    <row r="39" spans="1:4" ht="18" customHeight="1" x14ac:dyDescent="0.2">
      <c r="A39" s="14">
        <v>28</v>
      </c>
      <c r="B39" s="15">
        <v>22</v>
      </c>
      <c r="C39" s="16">
        <v>17</v>
      </c>
      <c r="D39" s="17">
        <v>39</v>
      </c>
    </row>
    <row r="40" spans="1:4" ht="18" customHeight="1" x14ac:dyDescent="0.2">
      <c r="A40" s="14">
        <v>29</v>
      </c>
      <c r="B40" s="15">
        <v>36</v>
      </c>
      <c r="C40" s="16">
        <v>26</v>
      </c>
      <c r="D40" s="17">
        <v>62</v>
      </c>
    </row>
    <row r="41" spans="1:4" ht="18" customHeight="1" x14ac:dyDescent="0.2">
      <c r="A41" s="18" t="s">
        <v>72</v>
      </c>
      <c r="B41" s="15">
        <v>146</v>
      </c>
      <c r="C41" s="16">
        <v>104</v>
      </c>
      <c r="D41" s="17">
        <v>250</v>
      </c>
    </row>
    <row r="42" spans="1:4" ht="18" customHeight="1" x14ac:dyDescent="0.2">
      <c r="A42" s="14">
        <v>30</v>
      </c>
      <c r="B42" s="15">
        <v>34</v>
      </c>
      <c r="C42" s="16">
        <v>21</v>
      </c>
      <c r="D42" s="17">
        <v>55</v>
      </c>
    </row>
    <row r="43" spans="1:4" ht="18" customHeight="1" x14ac:dyDescent="0.2">
      <c r="A43" s="14">
        <v>31</v>
      </c>
      <c r="B43" s="15">
        <v>28</v>
      </c>
      <c r="C43" s="16">
        <v>21</v>
      </c>
      <c r="D43" s="17">
        <v>49</v>
      </c>
    </row>
    <row r="44" spans="1:4" ht="18" customHeight="1" x14ac:dyDescent="0.2">
      <c r="A44" s="14">
        <v>32</v>
      </c>
      <c r="B44" s="15">
        <v>31</v>
      </c>
      <c r="C44" s="16">
        <v>24</v>
      </c>
      <c r="D44" s="17">
        <v>55</v>
      </c>
    </row>
    <row r="45" spans="1:4" ht="18" customHeight="1" x14ac:dyDescent="0.2">
      <c r="A45" s="14">
        <v>33</v>
      </c>
      <c r="B45" s="15">
        <v>28</v>
      </c>
      <c r="C45" s="16">
        <v>27</v>
      </c>
      <c r="D45" s="17">
        <v>55</v>
      </c>
    </row>
    <row r="46" spans="1:4" ht="18" customHeight="1" x14ac:dyDescent="0.2">
      <c r="A46" s="14">
        <v>34</v>
      </c>
      <c r="B46" s="15">
        <v>28</v>
      </c>
      <c r="C46" s="16">
        <v>32</v>
      </c>
      <c r="D46" s="17">
        <v>60</v>
      </c>
    </row>
    <row r="47" spans="1:4" ht="18" customHeight="1" x14ac:dyDescent="0.2">
      <c r="A47" s="18" t="s">
        <v>73</v>
      </c>
      <c r="B47" s="15">
        <v>149</v>
      </c>
      <c r="C47" s="16">
        <v>125</v>
      </c>
      <c r="D47" s="17">
        <v>274</v>
      </c>
    </row>
    <row r="48" spans="1:4" ht="18" customHeight="1" x14ac:dyDescent="0.2">
      <c r="A48" s="14">
        <v>35</v>
      </c>
      <c r="B48" s="15">
        <v>30</v>
      </c>
      <c r="C48" s="16">
        <v>27</v>
      </c>
      <c r="D48" s="17">
        <v>57</v>
      </c>
    </row>
    <row r="49" spans="1:4" ht="18" customHeight="1" x14ac:dyDescent="0.2">
      <c r="A49" s="14">
        <v>36</v>
      </c>
      <c r="B49" s="15">
        <v>36</v>
      </c>
      <c r="C49" s="16">
        <v>28</v>
      </c>
      <c r="D49" s="17">
        <v>64</v>
      </c>
    </row>
    <row r="50" spans="1:4" ht="18" customHeight="1" x14ac:dyDescent="0.2">
      <c r="A50" s="14">
        <v>37</v>
      </c>
      <c r="B50" s="15">
        <v>30</v>
      </c>
      <c r="C50" s="16">
        <v>25</v>
      </c>
      <c r="D50" s="17">
        <v>55</v>
      </c>
    </row>
    <row r="51" spans="1:4" ht="18" customHeight="1" x14ac:dyDescent="0.2">
      <c r="A51" s="14">
        <v>38</v>
      </c>
      <c r="B51" s="15">
        <v>44</v>
      </c>
      <c r="C51" s="16">
        <v>21</v>
      </c>
      <c r="D51" s="17">
        <v>65</v>
      </c>
    </row>
    <row r="52" spans="1:4" ht="18" customHeight="1" x14ac:dyDescent="0.2">
      <c r="A52" s="14">
        <v>39</v>
      </c>
      <c r="B52" s="15">
        <v>25</v>
      </c>
      <c r="C52" s="16">
        <v>27</v>
      </c>
      <c r="D52" s="17">
        <v>52</v>
      </c>
    </row>
    <row r="53" spans="1:4" ht="18" customHeight="1" x14ac:dyDescent="0.2">
      <c r="A53" s="18" t="s">
        <v>74</v>
      </c>
      <c r="B53" s="15">
        <v>165</v>
      </c>
      <c r="C53" s="16">
        <v>128</v>
      </c>
      <c r="D53" s="17">
        <v>293</v>
      </c>
    </row>
    <row r="54" spans="1:4" ht="18" customHeight="1" x14ac:dyDescent="0.2">
      <c r="A54" s="14">
        <v>40</v>
      </c>
      <c r="B54" s="15">
        <v>47</v>
      </c>
      <c r="C54" s="16">
        <v>34</v>
      </c>
      <c r="D54" s="17">
        <v>81</v>
      </c>
    </row>
    <row r="55" spans="1:4" ht="18" customHeight="1" x14ac:dyDescent="0.2">
      <c r="A55" s="14">
        <v>41</v>
      </c>
      <c r="B55" s="15">
        <v>25</v>
      </c>
      <c r="C55" s="16">
        <v>27</v>
      </c>
      <c r="D55" s="17">
        <v>52</v>
      </c>
    </row>
    <row r="56" spans="1:4" ht="18" customHeight="1" x14ac:dyDescent="0.2">
      <c r="A56" s="14">
        <v>42</v>
      </c>
      <c r="B56" s="15">
        <v>23</v>
      </c>
      <c r="C56" s="16">
        <v>28</v>
      </c>
      <c r="D56" s="17">
        <v>51</v>
      </c>
    </row>
    <row r="57" spans="1:4" ht="18" customHeight="1" x14ac:dyDescent="0.2">
      <c r="A57" s="14">
        <v>43</v>
      </c>
      <c r="B57" s="15">
        <v>21</v>
      </c>
      <c r="C57" s="16">
        <v>23</v>
      </c>
      <c r="D57" s="17">
        <v>44</v>
      </c>
    </row>
    <row r="58" spans="1:4" ht="18" customHeight="1" x14ac:dyDescent="0.2">
      <c r="A58" s="14">
        <v>44</v>
      </c>
      <c r="B58" s="15">
        <v>31</v>
      </c>
      <c r="C58" s="16">
        <v>30</v>
      </c>
      <c r="D58" s="17">
        <v>61</v>
      </c>
    </row>
    <row r="59" spans="1:4" ht="18" customHeight="1" x14ac:dyDescent="0.2">
      <c r="A59" s="18" t="s">
        <v>75</v>
      </c>
      <c r="B59" s="15">
        <v>147</v>
      </c>
      <c r="C59" s="16">
        <v>142</v>
      </c>
      <c r="D59" s="17">
        <v>289</v>
      </c>
    </row>
    <row r="60" spans="1:4" ht="18" customHeight="1" x14ac:dyDescent="0.2">
      <c r="A60" s="14">
        <v>45</v>
      </c>
      <c r="B60" s="15">
        <v>36</v>
      </c>
      <c r="C60" s="16">
        <v>30</v>
      </c>
      <c r="D60" s="17">
        <v>66</v>
      </c>
    </row>
    <row r="61" spans="1:4" ht="18" customHeight="1" x14ac:dyDescent="0.2">
      <c r="A61" s="14">
        <v>46</v>
      </c>
      <c r="B61" s="15">
        <v>32</v>
      </c>
      <c r="C61" s="16">
        <v>31</v>
      </c>
      <c r="D61" s="17">
        <v>63</v>
      </c>
    </row>
    <row r="62" spans="1:4" ht="18" customHeight="1" x14ac:dyDescent="0.2">
      <c r="A62" s="14">
        <v>47</v>
      </c>
      <c r="B62" s="15">
        <v>28</v>
      </c>
      <c r="C62" s="16">
        <v>22</v>
      </c>
      <c r="D62" s="17">
        <v>50</v>
      </c>
    </row>
    <row r="63" spans="1:4" ht="18" customHeight="1" x14ac:dyDescent="0.2">
      <c r="A63" s="14">
        <v>48</v>
      </c>
      <c r="B63" s="15">
        <v>30</v>
      </c>
      <c r="C63" s="16">
        <v>22</v>
      </c>
      <c r="D63" s="17">
        <v>52</v>
      </c>
    </row>
    <row r="64" spans="1:4" ht="18" customHeight="1" x14ac:dyDescent="0.2">
      <c r="A64" s="14">
        <v>49</v>
      </c>
      <c r="B64" s="15">
        <v>29</v>
      </c>
      <c r="C64" s="16">
        <v>41</v>
      </c>
      <c r="D64" s="17">
        <v>70</v>
      </c>
    </row>
    <row r="65" spans="1:4" ht="18" customHeight="1" x14ac:dyDescent="0.2">
      <c r="A65" s="18" t="s">
        <v>76</v>
      </c>
      <c r="B65" s="15">
        <v>155</v>
      </c>
      <c r="C65" s="16">
        <v>146</v>
      </c>
      <c r="D65" s="17">
        <v>301</v>
      </c>
    </row>
    <row r="66" spans="1:4" ht="18" customHeight="1" x14ac:dyDescent="0.2">
      <c r="A66" s="14">
        <v>50</v>
      </c>
      <c r="B66" s="15">
        <v>33</v>
      </c>
      <c r="C66" s="16">
        <v>31</v>
      </c>
      <c r="D66" s="17">
        <v>64</v>
      </c>
    </row>
    <row r="67" spans="1:4" ht="18" customHeight="1" x14ac:dyDescent="0.2">
      <c r="A67" s="14">
        <v>51</v>
      </c>
      <c r="B67" s="15">
        <v>32</v>
      </c>
      <c r="C67" s="16">
        <v>30</v>
      </c>
      <c r="D67" s="17">
        <v>62</v>
      </c>
    </row>
    <row r="68" spans="1:4" ht="18" customHeight="1" x14ac:dyDescent="0.2">
      <c r="A68" s="14">
        <v>52</v>
      </c>
      <c r="B68" s="15">
        <v>31</v>
      </c>
      <c r="C68" s="16">
        <v>28</v>
      </c>
      <c r="D68" s="17">
        <v>59</v>
      </c>
    </row>
    <row r="69" spans="1:4" ht="18" customHeight="1" x14ac:dyDescent="0.2">
      <c r="A69" s="14">
        <v>53</v>
      </c>
      <c r="B69" s="15">
        <v>27</v>
      </c>
      <c r="C69" s="16">
        <v>29</v>
      </c>
      <c r="D69" s="17">
        <v>56</v>
      </c>
    </row>
    <row r="70" spans="1:4" ht="18" customHeight="1" x14ac:dyDescent="0.2">
      <c r="A70" s="14">
        <v>54</v>
      </c>
      <c r="B70" s="15">
        <v>28</v>
      </c>
      <c r="C70" s="16">
        <v>27</v>
      </c>
      <c r="D70" s="17">
        <v>55</v>
      </c>
    </row>
    <row r="71" spans="1:4" ht="18" customHeight="1" x14ac:dyDescent="0.2">
      <c r="A71" s="18" t="s">
        <v>77</v>
      </c>
      <c r="B71" s="15">
        <v>151</v>
      </c>
      <c r="C71" s="16">
        <v>145</v>
      </c>
      <c r="D71" s="17">
        <v>296</v>
      </c>
    </row>
    <row r="72" spans="1:4" ht="18" customHeight="1" x14ac:dyDescent="0.2">
      <c r="A72" s="14">
        <v>55</v>
      </c>
      <c r="B72" s="15">
        <v>30</v>
      </c>
      <c r="C72" s="16">
        <v>30</v>
      </c>
      <c r="D72" s="17">
        <v>60</v>
      </c>
    </row>
    <row r="73" spans="1:4" ht="18" customHeight="1" x14ac:dyDescent="0.2">
      <c r="A73" s="14">
        <v>56</v>
      </c>
      <c r="B73" s="15">
        <v>35</v>
      </c>
      <c r="C73" s="16">
        <v>29</v>
      </c>
      <c r="D73" s="17">
        <v>64</v>
      </c>
    </row>
    <row r="74" spans="1:4" ht="18" customHeight="1" x14ac:dyDescent="0.2">
      <c r="A74" s="14">
        <v>57</v>
      </c>
      <c r="B74" s="15">
        <v>23</v>
      </c>
      <c r="C74" s="16">
        <v>34</v>
      </c>
      <c r="D74" s="17">
        <v>57</v>
      </c>
    </row>
    <row r="75" spans="1:4" ht="18" customHeight="1" x14ac:dyDescent="0.2">
      <c r="A75" s="14">
        <v>58</v>
      </c>
      <c r="B75" s="15">
        <v>38</v>
      </c>
      <c r="C75" s="16">
        <v>33</v>
      </c>
      <c r="D75" s="17">
        <v>71</v>
      </c>
    </row>
    <row r="76" spans="1:4" ht="18" customHeight="1" x14ac:dyDescent="0.2">
      <c r="A76" s="14">
        <v>59</v>
      </c>
      <c r="B76" s="15">
        <v>44</v>
      </c>
      <c r="C76" s="16">
        <v>29</v>
      </c>
      <c r="D76" s="17">
        <v>73</v>
      </c>
    </row>
    <row r="77" spans="1:4" ht="18" customHeight="1" x14ac:dyDescent="0.2">
      <c r="A77" s="18" t="s">
        <v>78</v>
      </c>
      <c r="B77" s="15">
        <v>170</v>
      </c>
      <c r="C77" s="16">
        <v>155</v>
      </c>
      <c r="D77" s="17">
        <v>325</v>
      </c>
    </row>
    <row r="78" spans="1:4" ht="18" customHeight="1" x14ac:dyDescent="0.2">
      <c r="A78" s="14">
        <v>60</v>
      </c>
      <c r="B78" s="15">
        <v>42</v>
      </c>
      <c r="C78" s="16">
        <v>50</v>
      </c>
      <c r="D78" s="17">
        <v>92</v>
      </c>
    </row>
    <row r="79" spans="1:4" ht="18" customHeight="1" x14ac:dyDescent="0.2">
      <c r="A79" s="14">
        <v>61</v>
      </c>
      <c r="B79" s="15">
        <v>43</v>
      </c>
      <c r="C79" s="16">
        <v>38</v>
      </c>
      <c r="D79" s="17">
        <v>81</v>
      </c>
    </row>
    <row r="80" spans="1:4" ht="18" customHeight="1" x14ac:dyDescent="0.2">
      <c r="A80" s="14">
        <v>62</v>
      </c>
      <c r="B80" s="15">
        <v>31</v>
      </c>
      <c r="C80" s="16">
        <v>37</v>
      </c>
      <c r="D80" s="17">
        <v>68</v>
      </c>
    </row>
    <row r="81" spans="1:4" ht="18" customHeight="1" x14ac:dyDescent="0.2">
      <c r="A81" s="14">
        <v>63</v>
      </c>
      <c r="B81" s="15">
        <v>14</v>
      </c>
      <c r="C81" s="16">
        <v>16</v>
      </c>
      <c r="D81" s="17">
        <v>30</v>
      </c>
    </row>
    <row r="82" spans="1:4" ht="18" customHeight="1" x14ac:dyDescent="0.2">
      <c r="A82" s="14">
        <v>64</v>
      </c>
      <c r="B82" s="15">
        <v>26</v>
      </c>
      <c r="C82" s="16">
        <v>38</v>
      </c>
      <c r="D82" s="17">
        <v>64</v>
      </c>
    </row>
    <row r="83" spans="1:4" ht="18" customHeight="1" x14ac:dyDescent="0.2">
      <c r="A83" s="18" t="s">
        <v>79</v>
      </c>
      <c r="B83" s="15">
        <v>156</v>
      </c>
      <c r="C83" s="16">
        <v>179</v>
      </c>
      <c r="D83" s="17">
        <v>335</v>
      </c>
    </row>
    <row r="84" spans="1:4" ht="18" customHeight="1" x14ac:dyDescent="0.2">
      <c r="A84" s="18" t="s">
        <v>80</v>
      </c>
      <c r="B84" s="15">
        <v>1407</v>
      </c>
      <c r="C84" s="16">
        <v>1296</v>
      </c>
      <c r="D84" s="17">
        <v>2703</v>
      </c>
    </row>
    <row r="85" spans="1:4" ht="18" customHeight="1" x14ac:dyDescent="0.2">
      <c r="A85" s="14">
        <v>65</v>
      </c>
      <c r="B85" s="15">
        <v>24</v>
      </c>
      <c r="C85" s="16">
        <v>32</v>
      </c>
      <c r="D85" s="17">
        <v>56</v>
      </c>
    </row>
    <row r="86" spans="1:4" ht="18" customHeight="1" x14ac:dyDescent="0.2">
      <c r="A86" s="14">
        <v>66</v>
      </c>
      <c r="B86" s="15">
        <v>38</v>
      </c>
      <c r="C86" s="16">
        <v>33</v>
      </c>
      <c r="D86" s="17">
        <v>71</v>
      </c>
    </row>
    <row r="87" spans="1:4" ht="18" customHeight="1" x14ac:dyDescent="0.2">
      <c r="A87" s="14">
        <v>67</v>
      </c>
      <c r="B87" s="15">
        <v>37</v>
      </c>
      <c r="C87" s="16">
        <v>28</v>
      </c>
      <c r="D87" s="17">
        <v>65</v>
      </c>
    </row>
    <row r="88" spans="1:4" ht="18" customHeight="1" x14ac:dyDescent="0.2">
      <c r="A88" s="14">
        <v>68</v>
      </c>
      <c r="B88" s="15">
        <v>25</v>
      </c>
      <c r="C88" s="16">
        <v>35</v>
      </c>
      <c r="D88" s="17">
        <v>60</v>
      </c>
    </row>
    <row r="89" spans="1:4" ht="18" customHeight="1" x14ac:dyDescent="0.2">
      <c r="A89" s="14">
        <v>69</v>
      </c>
      <c r="B89" s="15">
        <v>25</v>
      </c>
      <c r="C89" s="16">
        <v>35</v>
      </c>
      <c r="D89" s="17">
        <v>60</v>
      </c>
    </row>
    <row r="90" spans="1:4" ht="18" customHeight="1" x14ac:dyDescent="0.2">
      <c r="A90" s="18" t="s">
        <v>81</v>
      </c>
      <c r="B90" s="15">
        <v>149</v>
      </c>
      <c r="C90" s="16">
        <v>163</v>
      </c>
      <c r="D90" s="17">
        <v>312</v>
      </c>
    </row>
    <row r="91" spans="1:4" ht="18" customHeight="1" x14ac:dyDescent="0.2">
      <c r="A91" s="14">
        <v>70</v>
      </c>
      <c r="B91" s="15">
        <v>20</v>
      </c>
      <c r="C91" s="16">
        <v>19</v>
      </c>
      <c r="D91" s="17">
        <v>39</v>
      </c>
    </row>
    <row r="92" spans="1:4" ht="18" customHeight="1" x14ac:dyDescent="0.2">
      <c r="A92" s="14">
        <v>71</v>
      </c>
      <c r="B92" s="15">
        <v>13</v>
      </c>
      <c r="C92" s="16">
        <v>40</v>
      </c>
      <c r="D92" s="17">
        <v>53</v>
      </c>
    </row>
    <row r="93" spans="1:4" ht="18" customHeight="1" x14ac:dyDescent="0.2">
      <c r="A93" s="14">
        <v>72</v>
      </c>
      <c r="B93" s="15">
        <v>19</v>
      </c>
      <c r="C93" s="16">
        <v>22</v>
      </c>
      <c r="D93" s="17">
        <v>41</v>
      </c>
    </row>
    <row r="94" spans="1:4" ht="18" customHeight="1" x14ac:dyDescent="0.2">
      <c r="A94" s="14">
        <v>73</v>
      </c>
      <c r="B94" s="15">
        <v>21</v>
      </c>
      <c r="C94" s="16">
        <v>39</v>
      </c>
      <c r="D94" s="17">
        <v>60</v>
      </c>
    </row>
    <row r="95" spans="1:4" ht="18" customHeight="1" x14ac:dyDescent="0.2">
      <c r="A95" s="14">
        <v>74</v>
      </c>
      <c r="B95" s="15">
        <v>27</v>
      </c>
      <c r="C95" s="16">
        <v>30</v>
      </c>
      <c r="D95" s="17">
        <v>57</v>
      </c>
    </row>
    <row r="96" spans="1:4" ht="18" customHeight="1" x14ac:dyDescent="0.2">
      <c r="A96" s="18" t="s">
        <v>82</v>
      </c>
      <c r="B96" s="15">
        <v>100</v>
      </c>
      <c r="C96" s="16">
        <v>150</v>
      </c>
      <c r="D96" s="17">
        <v>250</v>
      </c>
    </row>
    <row r="97" spans="1:4" ht="18" customHeight="1" x14ac:dyDescent="0.2">
      <c r="A97" s="14">
        <v>75</v>
      </c>
      <c r="B97" s="15">
        <v>16</v>
      </c>
      <c r="C97" s="16">
        <v>33</v>
      </c>
      <c r="D97" s="17">
        <v>49</v>
      </c>
    </row>
    <row r="98" spans="1:4" ht="18" customHeight="1" x14ac:dyDescent="0.2">
      <c r="A98" s="14">
        <v>76</v>
      </c>
      <c r="B98" s="15">
        <v>18</v>
      </c>
      <c r="C98" s="16">
        <v>38</v>
      </c>
      <c r="D98" s="17">
        <v>56</v>
      </c>
    </row>
    <row r="99" spans="1:4" ht="18" customHeight="1" x14ac:dyDescent="0.2">
      <c r="A99" s="14">
        <v>77</v>
      </c>
      <c r="B99" s="15">
        <v>18</v>
      </c>
      <c r="C99" s="16">
        <v>17</v>
      </c>
      <c r="D99" s="17">
        <v>35</v>
      </c>
    </row>
    <row r="100" spans="1:4" ht="18" customHeight="1" x14ac:dyDescent="0.2">
      <c r="A100" s="14">
        <v>78</v>
      </c>
      <c r="B100" s="15">
        <v>21</v>
      </c>
      <c r="C100" s="16">
        <v>26</v>
      </c>
      <c r="D100" s="17">
        <v>47</v>
      </c>
    </row>
    <row r="101" spans="1:4" ht="18" customHeight="1" x14ac:dyDescent="0.2">
      <c r="A101" s="14">
        <v>79</v>
      </c>
      <c r="B101" s="15">
        <v>24</v>
      </c>
      <c r="C101" s="16">
        <v>36</v>
      </c>
      <c r="D101" s="17">
        <v>60</v>
      </c>
    </row>
    <row r="102" spans="1:4" ht="18" customHeight="1" x14ac:dyDescent="0.2">
      <c r="A102" s="18" t="s">
        <v>83</v>
      </c>
      <c r="B102" s="15">
        <v>97</v>
      </c>
      <c r="C102" s="16">
        <v>150</v>
      </c>
      <c r="D102" s="17">
        <v>247</v>
      </c>
    </row>
    <row r="103" spans="1:4" ht="18" customHeight="1" x14ac:dyDescent="0.2">
      <c r="A103" s="14">
        <v>80</v>
      </c>
      <c r="B103" s="15">
        <v>15</v>
      </c>
      <c r="C103" s="16">
        <v>19</v>
      </c>
      <c r="D103" s="17">
        <v>34</v>
      </c>
    </row>
    <row r="104" spans="1:4" ht="18" customHeight="1" x14ac:dyDescent="0.2">
      <c r="A104" s="14">
        <v>81</v>
      </c>
      <c r="B104" s="15">
        <v>23</v>
      </c>
      <c r="C104" s="16">
        <v>30</v>
      </c>
      <c r="D104" s="17">
        <v>53</v>
      </c>
    </row>
    <row r="105" spans="1:4" ht="18" customHeight="1" x14ac:dyDescent="0.2">
      <c r="A105" s="14">
        <v>82</v>
      </c>
      <c r="B105" s="15">
        <v>15</v>
      </c>
      <c r="C105" s="16">
        <v>25</v>
      </c>
      <c r="D105" s="17">
        <v>40</v>
      </c>
    </row>
    <row r="106" spans="1:4" ht="18" customHeight="1" x14ac:dyDescent="0.2">
      <c r="A106" s="14">
        <v>83</v>
      </c>
      <c r="B106" s="15">
        <v>7</v>
      </c>
      <c r="C106" s="16">
        <v>23</v>
      </c>
      <c r="D106" s="17">
        <v>30</v>
      </c>
    </row>
    <row r="107" spans="1:4" ht="18" customHeight="1" x14ac:dyDescent="0.2">
      <c r="A107" s="14">
        <v>84</v>
      </c>
      <c r="B107" s="15">
        <v>11</v>
      </c>
      <c r="C107" s="16">
        <v>22</v>
      </c>
      <c r="D107" s="17">
        <v>33</v>
      </c>
    </row>
    <row r="108" spans="1:4" ht="18" customHeight="1" x14ac:dyDescent="0.2">
      <c r="A108" s="18" t="s">
        <v>84</v>
      </c>
      <c r="B108" s="15">
        <v>71</v>
      </c>
      <c r="C108" s="16">
        <v>119</v>
      </c>
      <c r="D108" s="17">
        <v>190</v>
      </c>
    </row>
    <row r="109" spans="1:4" ht="18" customHeight="1" x14ac:dyDescent="0.2">
      <c r="A109" s="14">
        <v>85</v>
      </c>
      <c r="B109" s="15">
        <v>4</v>
      </c>
      <c r="C109" s="16">
        <v>12</v>
      </c>
      <c r="D109" s="17">
        <v>16</v>
      </c>
    </row>
    <row r="110" spans="1:4" ht="18" customHeight="1" x14ac:dyDescent="0.2">
      <c r="A110" s="14">
        <v>86</v>
      </c>
      <c r="B110" s="15">
        <v>4</v>
      </c>
      <c r="C110" s="16">
        <v>13</v>
      </c>
      <c r="D110" s="17">
        <v>17</v>
      </c>
    </row>
    <row r="111" spans="1:4" ht="18" customHeight="1" x14ac:dyDescent="0.2">
      <c r="A111" s="14">
        <v>87</v>
      </c>
      <c r="B111" s="15">
        <v>4</v>
      </c>
      <c r="C111" s="16">
        <v>20</v>
      </c>
      <c r="D111" s="17">
        <v>24</v>
      </c>
    </row>
    <row r="112" spans="1:4" ht="18" customHeight="1" x14ac:dyDescent="0.2">
      <c r="A112" s="14">
        <v>88</v>
      </c>
      <c r="B112" s="15">
        <v>6</v>
      </c>
      <c r="C112" s="16">
        <v>17</v>
      </c>
      <c r="D112" s="17">
        <v>23</v>
      </c>
    </row>
    <row r="113" spans="1:4" ht="18" customHeight="1" x14ac:dyDescent="0.2">
      <c r="A113" s="14">
        <v>89</v>
      </c>
      <c r="B113" s="15">
        <v>3</v>
      </c>
      <c r="C113" s="16">
        <v>10</v>
      </c>
      <c r="D113" s="17">
        <v>13</v>
      </c>
    </row>
    <row r="114" spans="1:4" ht="18" customHeight="1" x14ac:dyDescent="0.2">
      <c r="A114" s="18" t="s">
        <v>85</v>
      </c>
      <c r="B114" s="15">
        <v>21</v>
      </c>
      <c r="C114" s="16">
        <v>72</v>
      </c>
      <c r="D114" s="17">
        <v>93</v>
      </c>
    </row>
    <row r="115" spans="1:4" ht="18" customHeight="1" x14ac:dyDescent="0.2">
      <c r="A115" s="14">
        <v>90</v>
      </c>
      <c r="B115" s="15">
        <v>0</v>
      </c>
      <c r="C115" s="16">
        <v>12</v>
      </c>
      <c r="D115" s="17">
        <v>12</v>
      </c>
    </row>
    <row r="116" spans="1:4" ht="18" customHeight="1" x14ac:dyDescent="0.2">
      <c r="A116" s="14">
        <v>91</v>
      </c>
      <c r="B116" s="15">
        <v>2</v>
      </c>
      <c r="C116" s="16">
        <v>14</v>
      </c>
      <c r="D116" s="17">
        <v>16</v>
      </c>
    </row>
    <row r="117" spans="1:4" ht="18" customHeight="1" x14ac:dyDescent="0.2">
      <c r="A117" s="14">
        <v>92</v>
      </c>
      <c r="B117" s="15">
        <v>1</v>
      </c>
      <c r="C117" s="16">
        <v>11</v>
      </c>
      <c r="D117" s="17">
        <v>12</v>
      </c>
    </row>
    <row r="118" spans="1:4" ht="18" customHeight="1" x14ac:dyDescent="0.2">
      <c r="A118" s="14">
        <v>93</v>
      </c>
      <c r="B118" s="15">
        <v>3</v>
      </c>
      <c r="C118" s="16">
        <v>8</v>
      </c>
      <c r="D118" s="17">
        <v>11</v>
      </c>
    </row>
    <row r="119" spans="1:4" ht="18" customHeight="1" x14ac:dyDescent="0.2">
      <c r="A119" s="14">
        <v>94</v>
      </c>
      <c r="B119" s="15">
        <v>3</v>
      </c>
      <c r="C119" s="16">
        <v>2</v>
      </c>
      <c r="D119" s="17">
        <v>5</v>
      </c>
    </row>
    <row r="120" spans="1:4" ht="18" customHeight="1" x14ac:dyDescent="0.2">
      <c r="A120" s="18" t="s">
        <v>86</v>
      </c>
      <c r="B120" s="15">
        <v>9</v>
      </c>
      <c r="C120" s="16">
        <v>47</v>
      </c>
      <c r="D120" s="17">
        <v>56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2</v>
      </c>
      <c r="C122" s="16">
        <v>4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3</v>
      </c>
      <c r="C126" s="16">
        <v>10</v>
      </c>
      <c r="D126" s="17">
        <v>1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450</v>
      </c>
      <c r="C130" s="5">
        <v>713</v>
      </c>
      <c r="D130" s="6">
        <v>1163</v>
      </c>
    </row>
    <row r="131" spans="1:4" ht="18" customHeight="1" x14ac:dyDescent="0.2">
      <c r="A131" s="20" t="s">
        <v>65</v>
      </c>
      <c r="B131" s="7">
        <v>2108</v>
      </c>
      <c r="C131" s="8">
        <v>2246</v>
      </c>
      <c r="D131" s="9">
        <v>435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8</v>
      </c>
      <c r="C5" s="12">
        <v>20</v>
      </c>
      <c r="D5" s="13">
        <v>38</v>
      </c>
    </row>
    <row r="6" spans="1:4" ht="18" customHeight="1" x14ac:dyDescent="0.2">
      <c r="A6" s="14">
        <v>1</v>
      </c>
      <c r="B6" s="15">
        <v>16</v>
      </c>
      <c r="C6" s="16">
        <v>21</v>
      </c>
      <c r="D6" s="17">
        <v>37</v>
      </c>
    </row>
    <row r="7" spans="1:4" ht="18" customHeight="1" x14ac:dyDescent="0.2">
      <c r="A7" s="14">
        <v>2</v>
      </c>
      <c r="B7" s="15">
        <v>20</v>
      </c>
      <c r="C7" s="16">
        <v>28</v>
      </c>
      <c r="D7" s="17">
        <v>48</v>
      </c>
    </row>
    <row r="8" spans="1:4" ht="18" customHeight="1" x14ac:dyDescent="0.2">
      <c r="A8" s="14">
        <v>3</v>
      </c>
      <c r="B8" s="15">
        <v>23</v>
      </c>
      <c r="C8" s="16">
        <v>25</v>
      </c>
      <c r="D8" s="17">
        <v>48</v>
      </c>
    </row>
    <row r="9" spans="1:4" ht="18" customHeight="1" x14ac:dyDescent="0.2">
      <c r="A9" s="14">
        <v>4</v>
      </c>
      <c r="B9" s="15">
        <v>19</v>
      </c>
      <c r="C9" s="16">
        <v>21</v>
      </c>
      <c r="D9" s="17">
        <v>40</v>
      </c>
    </row>
    <row r="10" spans="1:4" ht="18" customHeight="1" x14ac:dyDescent="0.2">
      <c r="A10" s="18" t="s">
        <v>66</v>
      </c>
      <c r="B10" s="15">
        <v>96</v>
      </c>
      <c r="C10" s="16">
        <v>115</v>
      </c>
      <c r="D10" s="17">
        <v>211</v>
      </c>
    </row>
    <row r="11" spans="1:4" ht="18" customHeight="1" x14ac:dyDescent="0.2">
      <c r="A11" s="14">
        <v>5</v>
      </c>
      <c r="B11" s="15">
        <v>22</v>
      </c>
      <c r="C11" s="16">
        <v>31</v>
      </c>
      <c r="D11" s="17">
        <v>53</v>
      </c>
    </row>
    <row r="12" spans="1:4" ht="18" customHeight="1" x14ac:dyDescent="0.2">
      <c r="A12" s="14">
        <v>6</v>
      </c>
      <c r="B12" s="15">
        <v>25</v>
      </c>
      <c r="C12" s="16">
        <v>24</v>
      </c>
      <c r="D12" s="17">
        <v>49</v>
      </c>
    </row>
    <row r="13" spans="1:4" ht="18" customHeight="1" x14ac:dyDescent="0.2">
      <c r="A13" s="14">
        <v>7</v>
      </c>
      <c r="B13" s="15">
        <v>29</v>
      </c>
      <c r="C13" s="16">
        <v>25</v>
      </c>
      <c r="D13" s="17">
        <v>54</v>
      </c>
    </row>
    <row r="14" spans="1:4" ht="18" customHeight="1" x14ac:dyDescent="0.2">
      <c r="A14" s="14">
        <v>8</v>
      </c>
      <c r="B14" s="15">
        <v>29</v>
      </c>
      <c r="C14" s="16">
        <v>25</v>
      </c>
      <c r="D14" s="17">
        <v>54</v>
      </c>
    </row>
    <row r="15" spans="1:4" ht="18" customHeight="1" x14ac:dyDescent="0.2">
      <c r="A15" s="14">
        <v>9</v>
      </c>
      <c r="B15" s="15">
        <v>31</v>
      </c>
      <c r="C15" s="16">
        <v>29</v>
      </c>
      <c r="D15" s="17">
        <v>60</v>
      </c>
    </row>
    <row r="16" spans="1:4" ht="18" customHeight="1" x14ac:dyDescent="0.2">
      <c r="A16" s="18" t="s">
        <v>67</v>
      </c>
      <c r="B16" s="15">
        <v>136</v>
      </c>
      <c r="C16" s="16">
        <v>134</v>
      </c>
      <c r="D16" s="17">
        <v>270</v>
      </c>
    </row>
    <row r="17" spans="1:4" ht="18" customHeight="1" x14ac:dyDescent="0.2">
      <c r="A17" s="14">
        <v>10</v>
      </c>
      <c r="B17" s="15">
        <v>25</v>
      </c>
      <c r="C17" s="16">
        <v>20</v>
      </c>
      <c r="D17" s="17">
        <v>45</v>
      </c>
    </row>
    <row r="18" spans="1:4" ht="18" customHeight="1" x14ac:dyDescent="0.2">
      <c r="A18" s="14">
        <v>11</v>
      </c>
      <c r="B18" s="15">
        <v>26</v>
      </c>
      <c r="C18" s="16">
        <v>35</v>
      </c>
      <c r="D18" s="17">
        <v>61</v>
      </c>
    </row>
    <row r="19" spans="1:4" ht="18" customHeight="1" x14ac:dyDescent="0.2">
      <c r="A19" s="14">
        <v>12</v>
      </c>
      <c r="B19" s="15">
        <v>24</v>
      </c>
      <c r="C19" s="16">
        <v>26</v>
      </c>
      <c r="D19" s="17">
        <v>50</v>
      </c>
    </row>
    <row r="20" spans="1:4" ht="18" customHeight="1" x14ac:dyDescent="0.2">
      <c r="A20" s="14">
        <v>13</v>
      </c>
      <c r="B20" s="15">
        <v>32</v>
      </c>
      <c r="C20" s="16">
        <v>21</v>
      </c>
      <c r="D20" s="17">
        <v>53</v>
      </c>
    </row>
    <row r="21" spans="1:4" ht="18" customHeight="1" x14ac:dyDescent="0.2">
      <c r="A21" s="14">
        <v>14</v>
      </c>
      <c r="B21" s="15">
        <v>25</v>
      </c>
      <c r="C21" s="16">
        <v>26</v>
      </c>
      <c r="D21" s="17">
        <v>51</v>
      </c>
    </row>
    <row r="22" spans="1:4" ht="18" customHeight="1" x14ac:dyDescent="0.2">
      <c r="A22" s="18" t="s">
        <v>68</v>
      </c>
      <c r="B22" s="15">
        <v>132</v>
      </c>
      <c r="C22" s="16">
        <v>128</v>
      </c>
      <c r="D22" s="17">
        <v>260</v>
      </c>
    </row>
    <row r="23" spans="1:4" ht="18" customHeight="1" x14ac:dyDescent="0.2">
      <c r="A23" s="18" t="s">
        <v>69</v>
      </c>
      <c r="B23" s="15">
        <v>364</v>
      </c>
      <c r="C23" s="16">
        <v>377</v>
      </c>
      <c r="D23" s="17">
        <v>741</v>
      </c>
    </row>
    <row r="24" spans="1:4" ht="18" customHeight="1" x14ac:dyDescent="0.2">
      <c r="A24" s="14">
        <v>15</v>
      </c>
      <c r="B24" s="15">
        <v>27</v>
      </c>
      <c r="C24" s="16">
        <v>27</v>
      </c>
      <c r="D24" s="17">
        <v>54</v>
      </c>
    </row>
    <row r="25" spans="1:4" ht="18" customHeight="1" x14ac:dyDescent="0.2">
      <c r="A25" s="14">
        <v>16</v>
      </c>
      <c r="B25" s="15">
        <v>28</v>
      </c>
      <c r="C25" s="16">
        <v>26</v>
      </c>
      <c r="D25" s="17">
        <v>54</v>
      </c>
    </row>
    <row r="26" spans="1:4" ht="18" customHeight="1" x14ac:dyDescent="0.2">
      <c r="A26" s="14">
        <v>17</v>
      </c>
      <c r="B26" s="15">
        <v>31</v>
      </c>
      <c r="C26" s="16">
        <v>27</v>
      </c>
      <c r="D26" s="17">
        <v>58</v>
      </c>
    </row>
    <row r="27" spans="1:4" ht="18" customHeight="1" x14ac:dyDescent="0.2">
      <c r="A27" s="14">
        <v>18</v>
      </c>
      <c r="B27" s="15">
        <v>27</v>
      </c>
      <c r="C27" s="16">
        <v>23</v>
      </c>
      <c r="D27" s="17">
        <v>50</v>
      </c>
    </row>
    <row r="28" spans="1:4" ht="18" customHeight="1" x14ac:dyDescent="0.2">
      <c r="A28" s="14">
        <v>19</v>
      </c>
      <c r="B28" s="15">
        <v>29</v>
      </c>
      <c r="C28" s="16">
        <v>32</v>
      </c>
      <c r="D28" s="17">
        <v>61</v>
      </c>
    </row>
    <row r="29" spans="1:4" ht="18" customHeight="1" x14ac:dyDescent="0.2">
      <c r="A29" s="18" t="s">
        <v>70</v>
      </c>
      <c r="B29" s="15">
        <v>142</v>
      </c>
      <c r="C29" s="16">
        <v>135</v>
      </c>
      <c r="D29" s="17">
        <v>277</v>
      </c>
    </row>
    <row r="30" spans="1:4" ht="18" customHeight="1" x14ac:dyDescent="0.2">
      <c r="A30" s="14">
        <v>20</v>
      </c>
      <c r="B30" s="15">
        <v>22</v>
      </c>
      <c r="C30" s="16">
        <v>30</v>
      </c>
      <c r="D30" s="17">
        <v>52</v>
      </c>
    </row>
    <row r="31" spans="1:4" ht="18" customHeight="1" x14ac:dyDescent="0.2">
      <c r="A31" s="14">
        <v>21</v>
      </c>
      <c r="B31" s="15">
        <v>24</v>
      </c>
      <c r="C31" s="16">
        <v>25</v>
      </c>
      <c r="D31" s="17">
        <v>49</v>
      </c>
    </row>
    <row r="32" spans="1:4" ht="18" customHeight="1" x14ac:dyDescent="0.2">
      <c r="A32" s="14">
        <v>22</v>
      </c>
      <c r="B32" s="15">
        <v>28</v>
      </c>
      <c r="C32" s="16">
        <v>26</v>
      </c>
      <c r="D32" s="17">
        <v>54</v>
      </c>
    </row>
    <row r="33" spans="1:4" ht="18" customHeight="1" x14ac:dyDescent="0.2">
      <c r="A33" s="14">
        <v>23</v>
      </c>
      <c r="B33" s="15">
        <v>25</v>
      </c>
      <c r="C33" s="16">
        <v>36</v>
      </c>
      <c r="D33" s="17">
        <v>61</v>
      </c>
    </row>
    <row r="34" spans="1:4" ht="18" customHeight="1" x14ac:dyDescent="0.2">
      <c r="A34" s="14">
        <v>24</v>
      </c>
      <c r="B34" s="15">
        <v>35</v>
      </c>
      <c r="C34" s="16">
        <v>39</v>
      </c>
      <c r="D34" s="17">
        <v>74</v>
      </c>
    </row>
    <row r="35" spans="1:4" ht="18" customHeight="1" x14ac:dyDescent="0.2">
      <c r="A35" s="18" t="s">
        <v>71</v>
      </c>
      <c r="B35" s="15">
        <v>134</v>
      </c>
      <c r="C35" s="16">
        <v>156</v>
      </c>
      <c r="D35" s="17">
        <v>290</v>
      </c>
    </row>
    <row r="36" spans="1:4" ht="18" customHeight="1" x14ac:dyDescent="0.2">
      <c r="A36" s="14">
        <v>25</v>
      </c>
      <c r="B36" s="15">
        <v>28</v>
      </c>
      <c r="C36" s="16">
        <v>24</v>
      </c>
      <c r="D36" s="17">
        <v>52</v>
      </c>
    </row>
    <row r="37" spans="1:4" ht="18" customHeight="1" x14ac:dyDescent="0.2">
      <c r="A37" s="14">
        <v>26</v>
      </c>
      <c r="B37" s="15">
        <v>39</v>
      </c>
      <c r="C37" s="16">
        <v>32</v>
      </c>
      <c r="D37" s="17">
        <v>71</v>
      </c>
    </row>
    <row r="38" spans="1:4" ht="18" customHeight="1" x14ac:dyDescent="0.2">
      <c r="A38" s="14">
        <v>27</v>
      </c>
      <c r="B38" s="15">
        <v>31</v>
      </c>
      <c r="C38" s="16">
        <v>33</v>
      </c>
      <c r="D38" s="17">
        <v>64</v>
      </c>
    </row>
    <row r="39" spans="1:4" ht="18" customHeight="1" x14ac:dyDescent="0.2">
      <c r="A39" s="14">
        <v>28</v>
      </c>
      <c r="B39" s="15">
        <v>36</v>
      </c>
      <c r="C39" s="16">
        <v>31</v>
      </c>
      <c r="D39" s="17">
        <v>67</v>
      </c>
    </row>
    <row r="40" spans="1:4" ht="18" customHeight="1" x14ac:dyDescent="0.2">
      <c r="A40" s="14">
        <v>29</v>
      </c>
      <c r="B40" s="15">
        <v>41</v>
      </c>
      <c r="C40" s="16">
        <v>31</v>
      </c>
      <c r="D40" s="17">
        <v>72</v>
      </c>
    </row>
    <row r="41" spans="1:4" ht="18" customHeight="1" x14ac:dyDescent="0.2">
      <c r="A41" s="18" t="s">
        <v>72</v>
      </c>
      <c r="B41" s="15">
        <v>175</v>
      </c>
      <c r="C41" s="16">
        <v>151</v>
      </c>
      <c r="D41" s="17">
        <v>326</v>
      </c>
    </row>
    <row r="42" spans="1:4" ht="18" customHeight="1" x14ac:dyDescent="0.2">
      <c r="A42" s="14">
        <v>30</v>
      </c>
      <c r="B42" s="15">
        <v>30</v>
      </c>
      <c r="C42" s="16">
        <v>31</v>
      </c>
      <c r="D42" s="17">
        <v>61</v>
      </c>
    </row>
    <row r="43" spans="1:4" ht="18" customHeight="1" x14ac:dyDescent="0.2">
      <c r="A43" s="14">
        <v>31</v>
      </c>
      <c r="B43" s="15">
        <v>45</v>
      </c>
      <c r="C43" s="16">
        <v>32</v>
      </c>
      <c r="D43" s="17">
        <v>77</v>
      </c>
    </row>
    <row r="44" spans="1:4" ht="18" customHeight="1" x14ac:dyDescent="0.2">
      <c r="A44" s="14">
        <v>32</v>
      </c>
      <c r="B44" s="15">
        <v>39</v>
      </c>
      <c r="C44" s="16">
        <v>30</v>
      </c>
      <c r="D44" s="17">
        <v>69</v>
      </c>
    </row>
    <row r="45" spans="1:4" ht="18" customHeight="1" x14ac:dyDescent="0.2">
      <c r="A45" s="14">
        <v>33</v>
      </c>
      <c r="B45" s="15">
        <v>46</v>
      </c>
      <c r="C45" s="16">
        <v>35</v>
      </c>
      <c r="D45" s="17">
        <v>81</v>
      </c>
    </row>
    <row r="46" spans="1:4" ht="18" customHeight="1" x14ac:dyDescent="0.2">
      <c r="A46" s="14">
        <v>34</v>
      </c>
      <c r="B46" s="15">
        <v>54</v>
      </c>
      <c r="C46" s="16">
        <v>50</v>
      </c>
      <c r="D46" s="17">
        <v>104</v>
      </c>
    </row>
    <row r="47" spans="1:4" ht="18" customHeight="1" x14ac:dyDescent="0.2">
      <c r="A47" s="18" t="s">
        <v>73</v>
      </c>
      <c r="B47" s="15">
        <v>214</v>
      </c>
      <c r="C47" s="16">
        <v>178</v>
      </c>
      <c r="D47" s="17">
        <v>392</v>
      </c>
    </row>
    <row r="48" spans="1:4" ht="18" customHeight="1" x14ac:dyDescent="0.2">
      <c r="A48" s="14">
        <v>35</v>
      </c>
      <c r="B48" s="15">
        <v>35</v>
      </c>
      <c r="C48" s="16">
        <v>42</v>
      </c>
      <c r="D48" s="17">
        <v>77</v>
      </c>
    </row>
    <row r="49" spans="1:4" ht="18" customHeight="1" x14ac:dyDescent="0.2">
      <c r="A49" s="14">
        <v>36</v>
      </c>
      <c r="B49" s="15">
        <v>60</v>
      </c>
      <c r="C49" s="16">
        <v>35</v>
      </c>
      <c r="D49" s="17">
        <v>95</v>
      </c>
    </row>
    <row r="50" spans="1:4" ht="18" customHeight="1" x14ac:dyDescent="0.2">
      <c r="A50" s="14">
        <v>37</v>
      </c>
      <c r="B50" s="15">
        <v>56</v>
      </c>
      <c r="C50" s="16">
        <v>37</v>
      </c>
      <c r="D50" s="17">
        <v>93</v>
      </c>
    </row>
    <row r="51" spans="1:4" ht="18" customHeight="1" x14ac:dyDescent="0.2">
      <c r="A51" s="14">
        <v>38</v>
      </c>
      <c r="B51" s="15">
        <v>52</v>
      </c>
      <c r="C51" s="16">
        <v>39</v>
      </c>
      <c r="D51" s="17">
        <v>91</v>
      </c>
    </row>
    <row r="52" spans="1:4" ht="18" customHeight="1" x14ac:dyDescent="0.2">
      <c r="A52" s="14">
        <v>39</v>
      </c>
      <c r="B52" s="15">
        <v>40</v>
      </c>
      <c r="C52" s="16">
        <v>40</v>
      </c>
      <c r="D52" s="17">
        <v>80</v>
      </c>
    </row>
    <row r="53" spans="1:4" ht="18" customHeight="1" x14ac:dyDescent="0.2">
      <c r="A53" s="18" t="s">
        <v>74</v>
      </c>
      <c r="B53" s="15">
        <v>243</v>
      </c>
      <c r="C53" s="16">
        <v>193</v>
      </c>
      <c r="D53" s="17">
        <v>436</v>
      </c>
    </row>
    <row r="54" spans="1:4" ht="18" customHeight="1" x14ac:dyDescent="0.2">
      <c r="A54" s="14">
        <v>40</v>
      </c>
      <c r="B54" s="15">
        <v>45</v>
      </c>
      <c r="C54" s="16">
        <v>31</v>
      </c>
      <c r="D54" s="17">
        <v>76</v>
      </c>
    </row>
    <row r="55" spans="1:4" ht="18" customHeight="1" x14ac:dyDescent="0.2">
      <c r="A55" s="14">
        <v>41</v>
      </c>
      <c r="B55" s="15">
        <v>36</v>
      </c>
      <c r="C55" s="16">
        <v>30</v>
      </c>
      <c r="D55" s="17">
        <v>66</v>
      </c>
    </row>
    <row r="56" spans="1:4" ht="18" customHeight="1" x14ac:dyDescent="0.2">
      <c r="A56" s="14">
        <v>42</v>
      </c>
      <c r="B56" s="15">
        <v>28</v>
      </c>
      <c r="C56" s="16">
        <v>28</v>
      </c>
      <c r="D56" s="17">
        <v>56</v>
      </c>
    </row>
    <row r="57" spans="1:4" ht="18" customHeight="1" x14ac:dyDescent="0.2">
      <c r="A57" s="14">
        <v>43</v>
      </c>
      <c r="B57" s="15">
        <v>31</v>
      </c>
      <c r="C57" s="16">
        <v>38</v>
      </c>
      <c r="D57" s="17">
        <v>69</v>
      </c>
    </row>
    <row r="58" spans="1:4" ht="18" customHeight="1" x14ac:dyDescent="0.2">
      <c r="A58" s="14">
        <v>44</v>
      </c>
      <c r="B58" s="15">
        <v>35</v>
      </c>
      <c r="C58" s="16">
        <v>34</v>
      </c>
      <c r="D58" s="17">
        <v>69</v>
      </c>
    </row>
    <row r="59" spans="1:4" ht="18" customHeight="1" x14ac:dyDescent="0.2">
      <c r="A59" s="18" t="s">
        <v>75</v>
      </c>
      <c r="B59" s="15">
        <v>175</v>
      </c>
      <c r="C59" s="16">
        <v>161</v>
      </c>
      <c r="D59" s="17">
        <v>336</v>
      </c>
    </row>
    <row r="60" spans="1:4" ht="18" customHeight="1" x14ac:dyDescent="0.2">
      <c r="A60" s="14">
        <v>45</v>
      </c>
      <c r="B60" s="15">
        <v>38</v>
      </c>
      <c r="C60" s="16">
        <v>32</v>
      </c>
      <c r="D60" s="17">
        <v>70</v>
      </c>
    </row>
    <row r="61" spans="1:4" ht="18" customHeight="1" x14ac:dyDescent="0.2">
      <c r="A61" s="14">
        <v>46</v>
      </c>
      <c r="B61" s="15">
        <v>38</v>
      </c>
      <c r="C61" s="16">
        <v>29</v>
      </c>
      <c r="D61" s="17">
        <v>67</v>
      </c>
    </row>
    <row r="62" spans="1:4" ht="18" customHeight="1" x14ac:dyDescent="0.2">
      <c r="A62" s="14">
        <v>47</v>
      </c>
      <c r="B62" s="15">
        <v>29</v>
      </c>
      <c r="C62" s="16">
        <v>28</v>
      </c>
      <c r="D62" s="17">
        <v>57</v>
      </c>
    </row>
    <row r="63" spans="1:4" ht="18" customHeight="1" x14ac:dyDescent="0.2">
      <c r="A63" s="14">
        <v>48</v>
      </c>
      <c r="B63" s="15">
        <v>30</v>
      </c>
      <c r="C63" s="16">
        <v>33</v>
      </c>
      <c r="D63" s="17">
        <v>63</v>
      </c>
    </row>
    <row r="64" spans="1:4" ht="18" customHeight="1" x14ac:dyDescent="0.2">
      <c r="A64" s="14">
        <v>49</v>
      </c>
      <c r="B64" s="15">
        <v>27</v>
      </c>
      <c r="C64" s="16">
        <v>28</v>
      </c>
      <c r="D64" s="17">
        <v>55</v>
      </c>
    </row>
    <row r="65" spans="1:4" ht="18" customHeight="1" x14ac:dyDescent="0.2">
      <c r="A65" s="18" t="s">
        <v>76</v>
      </c>
      <c r="B65" s="15">
        <v>162</v>
      </c>
      <c r="C65" s="16">
        <v>150</v>
      </c>
      <c r="D65" s="17">
        <v>312</v>
      </c>
    </row>
    <row r="66" spans="1:4" ht="18" customHeight="1" x14ac:dyDescent="0.2">
      <c r="A66" s="14">
        <v>50</v>
      </c>
      <c r="B66" s="15">
        <v>20</v>
      </c>
      <c r="C66" s="16">
        <v>37</v>
      </c>
      <c r="D66" s="17">
        <v>57</v>
      </c>
    </row>
    <row r="67" spans="1:4" ht="18" customHeight="1" x14ac:dyDescent="0.2">
      <c r="A67" s="14">
        <v>51</v>
      </c>
      <c r="B67" s="15">
        <v>48</v>
      </c>
      <c r="C67" s="16">
        <v>31</v>
      </c>
      <c r="D67" s="17">
        <v>79</v>
      </c>
    </row>
    <row r="68" spans="1:4" ht="18" customHeight="1" x14ac:dyDescent="0.2">
      <c r="A68" s="14">
        <v>52</v>
      </c>
      <c r="B68" s="15">
        <v>33</v>
      </c>
      <c r="C68" s="16">
        <v>41</v>
      </c>
      <c r="D68" s="17">
        <v>74</v>
      </c>
    </row>
    <row r="69" spans="1:4" ht="18" customHeight="1" x14ac:dyDescent="0.2">
      <c r="A69" s="14">
        <v>53</v>
      </c>
      <c r="B69" s="15">
        <v>42</v>
      </c>
      <c r="C69" s="16">
        <v>44</v>
      </c>
      <c r="D69" s="17">
        <v>86</v>
      </c>
    </row>
    <row r="70" spans="1:4" ht="18" customHeight="1" x14ac:dyDescent="0.2">
      <c r="A70" s="14">
        <v>54</v>
      </c>
      <c r="B70" s="15">
        <v>38</v>
      </c>
      <c r="C70" s="16">
        <v>47</v>
      </c>
      <c r="D70" s="17">
        <v>85</v>
      </c>
    </row>
    <row r="71" spans="1:4" ht="18" customHeight="1" x14ac:dyDescent="0.2">
      <c r="A71" s="18" t="s">
        <v>77</v>
      </c>
      <c r="B71" s="15">
        <v>181</v>
      </c>
      <c r="C71" s="16">
        <v>200</v>
      </c>
      <c r="D71" s="17">
        <v>381</v>
      </c>
    </row>
    <row r="72" spans="1:4" ht="18" customHeight="1" x14ac:dyDescent="0.2">
      <c r="A72" s="14">
        <v>55</v>
      </c>
      <c r="B72" s="15">
        <v>43</v>
      </c>
      <c r="C72" s="16">
        <v>53</v>
      </c>
      <c r="D72" s="17">
        <v>96</v>
      </c>
    </row>
    <row r="73" spans="1:4" ht="18" customHeight="1" x14ac:dyDescent="0.2">
      <c r="A73" s="14">
        <v>56</v>
      </c>
      <c r="B73" s="15">
        <v>43</v>
      </c>
      <c r="C73" s="16">
        <v>49</v>
      </c>
      <c r="D73" s="17">
        <v>92</v>
      </c>
    </row>
    <row r="74" spans="1:4" ht="18" customHeight="1" x14ac:dyDescent="0.2">
      <c r="A74" s="14">
        <v>57</v>
      </c>
      <c r="B74" s="15">
        <v>51</v>
      </c>
      <c r="C74" s="16">
        <v>41</v>
      </c>
      <c r="D74" s="17">
        <v>92</v>
      </c>
    </row>
    <row r="75" spans="1:4" ht="18" customHeight="1" x14ac:dyDescent="0.2">
      <c r="A75" s="14">
        <v>58</v>
      </c>
      <c r="B75" s="15">
        <v>60</v>
      </c>
      <c r="C75" s="16">
        <v>47</v>
      </c>
      <c r="D75" s="17">
        <v>107</v>
      </c>
    </row>
    <row r="76" spans="1:4" ht="18" customHeight="1" x14ac:dyDescent="0.2">
      <c r="A76" s="14">
        <v>59</v>
      </c>
      <c r="B76" s="15">
        <v>75</v>
      </c>
      <c r="C76" s="16">
        <v>77</v>
      </c>
      <c r="D76" s="17">
        <v>152</v>
      </c>
    </row>
    <row r="77" spans="1:4" ht="18" customHeight="1" x14ac:dyDescent="0.2">
      <c r="A77" s="18" t="s">
        <v>78</v>
      </c>
      <c r="B77" s="15">
        <v>272</v>
      </c>
      <c r="C77" s="16">
        <v>267</v>
      </c>
      <c r="D77" s="17">
        <v>539</v>
      </c>
    </row>
    <row r="78" spans="1:4" ht="18" customHeight="1" x14ac:dyDescent="0.2">
      <c r="A78" s="14">
        <v>60</v>
      </c>
      <c r="B78" s="15">
        <v>66</v>
      </c>
      <c r="C78" s="16">
        <v>75</v>
      </c>
      <c r="D78" s="17">
        <v>141</v>
      </c>
    </row>
    <row r="79" spans="1:4" ht="18" customHeight="1" x14ac:dyDescent="0.2">
      <c r="A79" s="14">
        <v>61</v>
      </c>
      <c r="B79" s="15">
        <v>58</v>
      </c>
      <c r="C79" s="16">
        <v>71</v>
      </c>
      <c r="D79" s="17">
        <v>129</v>
      </c>
    </row>
    <row r="80" spans="1:4" ht="18" customHeight="1" x14ac:dyDescent="0.2">
      <c r="A80" s="14">
        <v>62</v>
      </c>
      <c r="B80" s="15">
        <v>77</v>
      </c>
      <c r="C80" s="16">
        <v>67</v>
      </c>
      <c r="D80" s="17">
        <v>144</v>
      </c>
    </row>
    <row r="81" spans="1:4" ht="18" customHeight="1" x14ac:dyDescent="0.2">
      <c r="A81" s="14">
        <v>63</v>
      </c>
      <c r="B81" s="15">
        <v>30</v>
      </c>
      <c r="C81" s="16">
        <v>33</v>
      </c>
      <c r="D81" s="17">
        <v>63</v>
      </c>
    </row>
    <row r="82" spans="1:4" ht="18" customHeight="1" x14ac:dyDescent="0.2">
      <c r="A82" s="14">
        <v>64</v>
      </c>
      <c r="B82" s="15">
        <v>43</v>
      </c>
      <c r="C82" s="16">
        <v>63</v>
      </c>
      <c r="D82" s="17">
        <v>106</v>
      </c>
    </row>
    <row r="83" spans="1:4" ht="18" customHeight="1" x14ac:dyDescent="0.2">
      <c r="A83" s="18" t="s">
        <v>79</v>
      </c>
      <c r="B83" s="15">
        <v>274</v>
      </c>
      <c r="C83" s="16">
        <v>309</v>
      </c>
      <c r="D83" s="17">
        <v>583</v>
      </c>
    </row>
    <row r="84" spans="1:4" ht="18" customHeight="1" x14ac:dyDescent="0.2">
      <c r="A84" s="18" t="s">
        <v>80</v>
      </c>
      <c r="B84" s="15">
        <v>1972</v>
      </c>
      <c r="C84" s="16">
        <v>1900</v>
      </c>
      <c r="D84" s="17">
        <v>3872</v>
      </c>
    </row>
    <row r="85" spans="1:4" ht="18" customHeight="1" x14ac:dyDescent="0.2">
      <c r="A85" s="14">
        <v>65</v>
      </c>
      <c r="B85" s="15">
        <v>70</v>
      </c>
      <c r="C85" s="16">
        <v>70</v>
      </c>
      <c r="D85" s="17">
        <v>140</v>
      </c>
    </row>
    <row r="86" spans="1:4" ht="18" customHeight="1" x14ac:dyDescent="0.2">
      <c r="A86" s="14">
        <v>66</v>
      </c>
      <c r="B86" s="15">
        <v>62</v>
      </c>
      <c r="C86" s="16">
        <v>60</v>
      </c>
      <c r="D86" s="17">
        <v>122</v>
      </c>
    </row>
    <row r="87" spans="1:4" ht="18" customHeight="1" x14ac:dyDescent="0.2">
      <c r="A87" s="14">
        <v>67</v>
      </c>
      <c r="B87" s="15">
        <v>50</v>
      </c>
      <c r="C87" s="16">
        <v>54</v>
      </c>
      <c r="D87" s="17">
        <v>104</v>
      </c>
    </row>
    <row r="88" spans="1:4" ht="18" customHeight="1" x14ac:dyDescent="0.2">
      <c r="A88" s="14">
        <v>68</v>
      </c>
      <c r="B88" s="15">
        <v>47</v>
      </c>
      <c r="C88" s="16">
        <v>68</v>
      </c>
      <c r="D88" s="17">
        <v>115</v>
      </c>
    </row>
    <row r="89" spans="1:4" ht="18" customHeight="1" x14ac:dyDescent="0.2">
      <c r="A89" s="14">
        <v>69</v>
      </c>
      <c r="B89" s="15">
        <v>67</v>
      </c>
      <c r="C89" s="16">
        <v>43</v>
      </c>
      <c r="D89" s="17">
        <v>110</v>
      </c>
    </row>
    <row r="90" spans="1:4" ht="18" customHeight="1" x14ac:dyDescent="0.2">
      <c r="A90" s="18" t="s">
        <v>81</v>
      </c>
      <c r="B90" s="15">
        <v>296</v>
      </c>
      <c r="C90" s="16">
        <v>295</v>
      </c>
      <c r="D90" s="17">
        <v>591</v>
      </c>
    </row>
    <row r="91" spans="1:4" ht="18" customHeight="1" x14ac:dyDescent="0.2">
      <c r="A91" s="14">
        <v>70</v>
      </c>
      <c r="B91" s="15">
        <v>42</v>
      </c>
      <c r="C91" s="16">
        <v>25</v>
      </c>
      <c r="D91" s="17">
        <v>67</v>
      </c>
    </row>
    <row r="92" spans="1:4" ht="18" customHeight="1" x14ac:dyDescent="0.2">
      <c r="A92" s="14">
        <v>71</v>
      </c>
      <c r="B92" s="15">
        <v>38</v>
      </c>
      <c r="C92" s="16">
        <v>48</v>
      </c>
      <c r="D92" s="17">
        <v>86</v>
      </c>
    </row>
    <row r="93" spans="1:4" ht="18" customHeight="1" x14ac:dyDescent="0.2">
      <c r="A93" s="14">
        <v>72</v>
      </c>
      <c r="B93" s="15">
        <v>48</v>
      </c>
      <c r="C93" s="16">
        <v>45</v>
      </c>
      <c r="D93" s="17">
        <v>93</v>
      </c>
    </row>
    <row r="94" spans="1:4" ht="18" customHeight="1" x14ac:dyDescent="0.2">
      <c r="A94" s="14">
        <v>73</v>
      </c>
      <c r="B94" s="15">
        <v>38</v>
      </c>
      <c r="C94" s="16">
        <v>39</v>
      </c>
      <c r="D94" s="17">
        <v>77</v>
      </c>
    </row>
    <row r="95" spans="1:4" ht="18" customHeight="1" x14ac:dyDescent="0.2">
      <c r="A95" s="14">
        <v>74</v>
      </c>
      <c r="B95" s="15">
        <v>34</v>
      </c>
      <c r="C95" s="16">
        <v>36</v>
      </c>
      <c r="D95" s="17">
        <v>70</v>
      </c>
    </row>
    <row r="96" spans="1:4" ht="18" customHeight="1" x14ac:dyDescent="0.2">
      <c r="A96" s="18" t="s">
        <v>82</v>
      </c>
      <c r="B96" s="15">
        <v>200</v>
      </c>
      <c r="C96" s="16">
        <v>193</v>
      </c>
      <c r="D96" s="17">
        <v>393</v>
      </c>
    </row>
    <row r="97" spans="1:4" ht="18" customHeight="1" x14ac:dyDescent="0.2">
      <c r="A97" s="14">
        <v>75</v>
      </c>
      <c r="B97" s="15">
        <v>40</v>
      </c>
      <c r="C97" s="16">
        <v>33</v>
      </c>
      <c r="D97" s="17">
        <v>73</v>
      </c>
    </row>
    <row r="98" spans="1:4" ht="18" customHeight="1" x14ac:dyDescent="0.2">
      <c r="A98" s="14">
        <v>76</v>
      </c>
      <c r="B98" s="15">
        <v>23</v>
      </c>
      <c r="C98" s="16">
        <v>50</v>
      </c>
      <c r="D98" s="17">
        <v>73</v>
      </c>
    </row>
    <row r="99" spans="1:4" ht="18" customHeight="1" x14ac:dyDescent="0.2">
      <c r="A99" s="14">
        <v>77</v>
      </c>
      <c r="B99" s="15">
        <v>32</v>
      </c>
      <c r="C99" s="16">
        <v>43</v>
      </c>
      <c r="D99" s="17">
        <v>75</v>
      </c>
    </row>
    <row r="100" spans="1:4" ht="18" customHeight="1" x14ac:dyDescent="0.2">
      <c r="A100" s="14">
        <v>78</v>
      </c>
      <c r="B100" s="15">
        <v>25</v>
      </c>
      <c r="C100" s="16">
        <v>31</v>
      </c>
      <c r="D100" s="17">
        <v>56</v>
      </c>
    </row>
    <row r="101" spans="1:4" ht="18" customHeight="1" x14ac:dyDescent="0.2">
      <c r="A101" s="14">
        <v>79</v>
      </c>
      <c r="B101" s="15">
        <v>27</v>
      </c>
      <c r="C101" s="16">
        <v>48</v>
      </c>
      <c r="D101" s="17">
        <v>75</v>
      </c>
    </row>
    <row r="102" spans="1:4" ht="18" customHeight="1" x14ac:dyDescent="0.2">
      <c r="A102" s="18" t="s">
        <v>83</v>
      </c>
      <c r="B102" s="15">
        <v>147</v>
      </c>
      <c r="C102" s="16">
        <v>205</v>
      </c>
      <c r="D102" s="17">
        <v>352</v>
      </c>
    </row>
    <row r="103" spans="1:4" ht="18" customHeight="1" x14ac:dyDescent="0.2">
      <c r="A103" s="14">
        <v>80</v>
      </c>
      <c r="B103" s="15">
        <v>29</v>
      </c>
      <c r="C103" s="16">
        <v>42</v>
      </c>
      <c r="D103" s="17">
        <v>71</v>
      </c>
    </row>
    <row r="104" spans="1:4" ht="18" customHeight="1" x14ac:dyDescent="0.2">
      <c r="A104" s="14">
        <v>81</v>
      </c>
      <c r="B104" s="15">
        <v>28</v>
      </c>
      <c r="C104" s="16">
        <v>37</v>
      </c>
      <c r="D104" s="17">
        <v>65</v>
      </c>
    </row>
    <row r="105" spans="1:4" ht="18" customHeight="1" x14ac:dyDescent="0.2">
      <c r="A105" s="14">
        <v>82</v>
      </c>
      <c r="B105" s="15">
        <v>25</v>
      </c>
      <c r="C105" s="16">
        <v>40</v>
      </c>
      <c r="D105" s="17">
        <v>65</v>
      </c>
    </row>
    <row r="106" spans="1:4" ht="18" customHeight="1" x14ac:dyDescent="0.2">
      <c r="A106" s="14">
        <v>83</v>
      </c>
      <c r="B106" s="15">
        <v>21</v>
      </c>
      <c r="C106" s="16">
        <v>29</v>
      </c>
      <c r="D106" s="17">
        <v>50</v>
      </c>
    </row>
    <row r="107" spans="1:4" ht="18" customHeight="1" x14ac:dyDescent="0.2">
      <c r="A107" s="14">
        <v>84</v>
      </c>
      <c r="B107" s="15">
        <v>10</v>
      </c>
      <c r="C107" s="16">
        <v>22</v>
      </c>
      <c r="D107" s="17">
        <v>32</v>
      </c>
    </row>
    <row r="108" spans="1:4" ht="18" customHeight="1" x14ac:dyDescent="0.2">
      <c r="A108" s="18" t="s">
        <v>84</v>
      </c>
      <c r="B108" s="15">
        <v>113</v>
      </c>
      <c r="C108" s="16">
        <v>170</v>
      </c>
      <c r="D108" s="17">
        <v>283</v>
      </c>
    </row>
    <row r="109" spans="1:4" ht="18" customHeight="1" x14ac:dyDescent="0.2">
      <c r="A109" s="14">
        <v>85</v>
      </c>
      <c r="B109" s="15">
        <v>13</v>
      </c>
      <c r="C109" s="16">
        <v>21</v>
      </c>
      <c r="D109" s="17">
        <v>34</v>
      </c>
    </row>
    <row r="110" spans="1:4" ht="18" customHeight="1" x14ac:dyDescent="0.2">
      <c r="A110" s="14">
        <v>86</v>
      </c>
      <c r="B110" s="15">
        <v>7</v>
      </c>
      <c r="C110" s="16">
        <v>20</v>
      </c>
      <c r="D110" s="17">
        <v>27</v>
      </c>
    </row>
    <row r="111" spans="1:4" ht="18" customHeight="1" x14ac:dyDescent="0.2">
      <c r="A111" s="14">
        <v>87</v>
      </c>
      <c r="B111" s="15">
        <v>8</v>
      </c>
      <c r="C111" s="16">
        <v>18</v>
      </c>
      <c r="D111" s="17">
        <v>26</v>
      </c>
    </row>
    <row r="112" spans="1:4" ht="18" customHeight="1" x14ac:dyDescent="0.2">
      <c r="A112" s="14">
        <v>88</v>
      </c>
      <c r="B112" s="15">
        <v>5</v>
      </c>
      <c r="C112" s="16">
        <v>14</v>
      </c>
      <c r="D112" s="17">
        <v>19</v>
      </c>
    </row>
    <row r="113" spans="1:4" ht="18" customHeight="1" x14ac:dyDescent="0.2">
      <c r="A113" s="14">
        <v>89</v>
      </c>
      <c r="B113" s="15">
        <v>7</v>
      </c>
      <c r="C113" s="16">
        <v>15</v>
      </c>
      <c r="D113" s="17">
        <v>22</v>
      </c>
    </row>
    <row r="114" spans="1:4" ht="18" customHeight="1" x14ac:dyDescent="0.2">
      <c r="A114" s="18" t="s">
        <v>85</v>
      </c>
      <c r="B114" s="15">
        <v>40</v>
      </c>
      <c r="C114" s="16">
        <v>88</v>
      </c>
      <c r="D114" s="17">
        <v>128</v>
      </c>
    </row>
    <row r="115" spans="1:4" ht="18" customHeight="1" x14ac:dyDescent="0.2">
      <c r="A115" s="14">
        <v>90</v>
      </c>
      <c r="B115" s="15">
        <v>7</v>
      </c>
      <c r="C115" s="16">
        <v>8</v>
      </c>
      <c r="D115" s="17">
        <v>15</v>
      </c>
    </row>
    <row r="116" spans="1:4" ht="18" customHeight="1" x14ac:dyDescent="0.2">
      <c r="A116" s="14">
        <v>91</v>
      </c>
      <c r="B116" s="15">
        <v>3</v>
      </c>
      <c r="C116" s="16">
        <v>10</v>
      </c>
      <c r="D116" s="17">
        <v>13</v>
      </c>
    </row>
    <row r="117" spans="1:4" ht="18" customHeight="1" x14ac:dyDescent="0.2">
      <c r="A117" s="14">
        <v>92</v>
      </c>
      <c r="B117" s="15">
        <v>2</v>
      </c>
      <c r="C117" s="16">
        <v>5</v>
      </c>
      <c r="D117" s="17">
        <v>7</v>
      </c>
    </row>
    <row r="118" spans="1:4" ht="18" customHeight="1" x14ac:dyDescent="0.2">
      <c r="A118" s="14">
        <v>93</v>
      </c>
      <c r="B118" s="15">
        <v>3</v>
      </c>
      <c r="C118" s="16">
        <v>5</v>
      </c>
      <c r="D118" s="17">
        <v>8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86</v>
      </c>
      <c r="B120" s="15">
        <v>15</v>
      </c>
      <c r="C120" s="16">
        <v>30</v>
      </c>
      <c r="D120" s="17">
        <v>45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3</v>
      </c>
      <c r="C126" s="16">
        <v>13</v>
      </c>
      <c r="D126" s="17">
        <v>1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814</v>
      </c>
      <c r="C130" s="5">
        <v>995</v>
      </c>
      <c r="D130" s="6">
        <v>1809</v>
      </c>
    </row>
    <row r="131" spans="1:4" ht="18" customHeight="1" x14ac:dyDescent="0.2">
      <c r="A131" s="20" t="s">
        <v>65</v>
      </c>
      <c r="B131" s="7">
        <v>3150</v>
      </c>
      <c r="C131" s="8">
        <v>3272</v>
      </c>
      <c r="D131" s="9">
        <v>642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75</v>
      </c>
      <c r="C5" s="12">
        <v>73</v>
      </c>
      <c r="D5" s="13">
        <v>148</v>
      </c>
    </row>
    <row r="6" spans="1:4" ht="18" customHeight="1" x14ac:dyDescent="0.2">
      <c r="A6" s="14">
        <v>1</v>
      </c>
      <c r="B6" s="15">
        <v>65</v>
      </c>
      <c r="C6" s="16">
        <v>82</v>
      </c>
      <c r="D6" s="17">
        <v>147</v>
      </c>
    </row>
    <row r="7" spans="1:4" ht="18" customHeight="1" x14ac:dyDescent="0.2">
      <c r="A7" s="14">
        <v>2</v>
      </c>
      <c r="B7" s="15">
        <v>82</v>
      </c>
      <c r="C7" s="16">
        <v>62</v>
      </c>
      <c r="D7" s="17">
        <v>144</v>
      </c>
    </row>
    <row r="8" spans="1:4" ht="18" customHeight="1" x14ac:dyDescent="0.2">
      <c r="A8" s="14">
        <v>3</v>
      </c>
      <c r="B8" s="15">
        <v>73</v>
      </c>
      <c r="C8" s="16">
        <v>52</v>
      </c>
      <c r="D8" s="17">
        <v>125</v>
      </c>
    </row>
    <row r="9" spans="1:4" ht="18" customHeight="1" x14ac:dyDescent="0.2">
      <c r="A9" s="14">
        <v>4</v>
      </c>
      <c r="B9" s="15">
        <v>52</v>
      </c>
      <c r="C9" s="16">
        <v>86</v>
      </c>
      <c r="D9" s="17">
        <v>138</v>
      </c>
    </row>
    <row r="10" spans="1:4" ht="18" customHeight="1" x14ac:dyDescent="0.2">
      <c r="A10" s="18" t="s">
        <v>66</v>
      </c>
      <c r="B10" s="15">
        <v>347</v>
      </c>
      <c r="C10" s="16">
        <v>355</v>
      </c>
      <c r="D10" s="17">
        <v>702</v>
      </c>
    </row>
    <row r="11" spans="1:4" ht="18" customHeight="1" x14ac:dyDescent="0.2">
      <c r="A11" s="14">
        <v>5</v>
      </c>
      <c r="B11" s="15">
        <v>53</v>
      </c>
      <c r="C11" s="16">
        <v>63</v>
      </c>
      <c r="D11" s="17">
        <v>116</v>
      </c>
    </row>
    <row r="12" spans="1:4" ht="18" customHeight="1" x14ac:dyDescent="0.2">
      <c r="A12" s="14">
        <v>6</v>
      </c>
      <c r="B12" s="15">
        <v>53</v>
      </c>
      <c r="C12" s="16">
        <v>57</v>
      </c>
      <c r="D12" s="17">
        <v>110</v>
      </c>
    </row>
    <row r="13" spans="1:4" ht="18" customHeight="1" x14ac:dyDescent="0.2">
      <c r="A13" s="14">
        <v>7</v>
      </c>
      <c r="B13" s="15">
        <v>71</v>
      </c>
      <c r="C13" s="16">
        <v>70</v>
      </c>
      <c r="D13" s="17">
        <v>141</v>
      </c>
    </row>
    <row r="14" spans="1:4" ht="18" customHeight="1" x14ac:dyDescent="0.2">
      <c r="A14" s="14">
        <v>8</v>
      </c>
      <c r="B14" s="15">
        <v>59</v>
      </c>
      <c r="C14" s="16">
        <v>60</v>
      </c>
      <c r="D14" s="17">
        <v>119</v>
      </c>
    </row>
    <row r="15" spans="1:4" ht="18" customHeight="1" x14ac:dyDescent="0.2">
      <c r="A15" s="14">
        <v>9</v>
      </c>
      <c r="B15" s="15">
        <v>59</v>
      </c>
      <c r="C15" s="16">
        <v>65</v>
      </c>
      <c r="D15" s="17">
        <v>124</v>
      </c>
    </row>
    <row r="16" spans="1:4" ht="18" customHeight="1" x14ac:dyDescent="0.2">
      <c r="A16" s="18" t="s">
        <v>67</v>
      </c>
      <c r="B16" s="15">
        <v>295</v>
      </c>
      <c r="C16" s="16">
        <v>315</v>
      </c>
      <c r="D16" s="17">
        <v>610</v>
      </c>
    </row>
    <row r="17" spans="1:4" ht="18" customHeight="1" x14ac:dyDescent="0.2">
      <c r="A17" s="14">
        <v>10</v>
      </c>
      <c r="B17" s="15">
        <v>62</v>
      </c>
      <c r="C17" s="16">
        <v>51</v>
      </c>
      <c r="D17" s="17">
        <v>113</v>
      </c>
    </row>
    <row r="18" spans="1:4" ht="18" customHeight="1" x14ac:dyDescent="0.2">
      <c r="A18" s="14">
        <v>11</v>
      </c>
      <c r="B18" s="15">
        <v>59</v>
      </c>
      <c r="C18" s="16">
        <v>59</v>
      </c>
      <c r="D18" s="17">
        <v>118</v>
      </c>
    </row>
    <row r="19" spans="1:4" ht="18" customHeight="1" x14ac:dyDescent="0.2">
      <c r="A19" s="14">
        <v>12</v>
      </c>
      <c r="B19" s="15">
        <v>55</v>
      </c>
      <c r="C19" s="16">
        <v>59</v>
      </c>
      <c r="D19" s="17">
        <v>114</v>
      </c>
    </row>
    <row r="20" spans="1:4" ht="18" customHeight="1" x14ac:dyDescent="0.2">
      <c r="A20" s="14">
        <v>13</v>
      </c>
      <c r="B20" s="15">
        <v>61</v>
      </c>
      <c r="C20" s="16">
        <v>52</v>
      </c>
      <c r="D20" s="17">
        <v>113</v>
      </c>
    </row>
    <row r="21" spans="1:4" ht="18" customHeight="1" x14ac:dyDescent="0.2">
      <c r="A21" s="14">
        <v>14</v>
      </c>
      <c r="B21" s="15">
        <v>63</v>
      </c>
      <c r="C21" s="16">
        <v>80</v>
      </c>
      <c r="D21" s="17">
        <v>143</v>
      </c>
    </row>
    <row r="22" spans="1:4" ht="18" customHeight="1" x14ac:dyDescent="0.2">
      <c r="A22" s="18" t="s">
        <v>68</v>
      </c>
      <c r="B22" s="15">
        <v>300</v>
      </c>
      <c r="C22" s="16">
        <v>301</v>
      </c>
      <c r="D22" s="17">
        <v>601</v>
      </c>
    </row>
    <row r="23" spans="1:4" ht="18" customHeight="1" x14ac:dyDescent="0.2">
      <c r="A23" s="18" t="s">
        <v>69</v>
      </c>
      <c r="B23" s="15">
        <v>942</v>
      </c>
      <c r="C23" s="16">
        <v>971</v>
      </c>
      <c r="D23" s="17">
        <v>1913</v>
      </c>
    </row>
    <row r="24" spans="1:4" ht="18" customHeight="1" x14ac:dyDescent="0.2">
      <c r="A24" s="14">
        <v>15</v>
      </c>
      <c r="B24" s="15">
        <v>63</v>
      </c>
      <c r="C24" s="16">
        <v>61</v>
      </c>
      <c r="D24" s="17">
        <v>124</v>
      </c>
    </row>
    <row r="25" spans="1:4" ht="18" customHeight="1" x14ac:dyDescent="0.2">
      <c r="A25" s="14">
        <v>16</v>
      </c>
      <c r="B25" s="15">
        <v>53</v>
      </c>
      <c r="C25" s="16">
        <v>66</v>
      </c>
      <c r="D25" s="17">
        <v>119</v>
      </c>
    </row>
    <row r="26" spans="1:4" ht="18" customHeight="1" x14ac:dyDescent="0.2">
      <c r="A26" s="14">
        <v>17</v>
      </c>
      <c r="B26" s="15">
        <v>60</v>
      </c>
      <c r="C26" s="16">
        <v>72</v>
      </c>
      <c r="D26" s="17">
        <v>132</v>
      </c>
    </row>
    <row r="27" spans="1:4" ht="18" customHeight="1" x14ac:dyDescent="0.2">
      <c r="A27" s="14">
        <v>18</v>
      </c>
      <c r="B27" s="15">
        <v>68</v>
      </c>
      <c r="C27" s="16">
        <v>54</v>
      </c>
      <c r="D27" s="17">
        <v>122</v>
      </c>
    </row>
    <row r="28" spans="1:4" ht="18" customHeight="1" x14ac:dyDescent="0.2">
      <c r="A28" s="14">
        <v>19</v>
      </c>
      <c r="B28" s="15">
        <v>56</v>
      </c>
      <c r="C28" s="16">
        <v>52</v>
      </c>
      <c r="D28" s="17">
        <v>108</v>
      </c>
    </row>
    <row r="29" spans="1:4" ht="18" customHeight="1" x14ac:dyDescent="0.2">
      <c r="A29" s="18" t="s">
        <v>70</v>
      </c>
      <c r="B29" s="15">
        <v>300</v>
      </c>
      <c r="C29" s="16">
        <v>305</v>
      </c>
      <c r="D29" s="17">
        <v>605</v>
      </c>
    </row>
    <row r="30" spans="1:4" ht="18" customHeight="1" x14ac:dyDescent="0.2">
      <c r="A30" s="14">
        <v>20</v>
      </c>
      <c r="B30" s="15">
        <v>46</v>
      </c>
      <c r="C30" s="16">
        <v>68</v>
      </c>
      <c r="D30" s="17">
        <v>114</v>
      </c>
    </row>
    <row r="31" spans="1:4" ht="18" customHeight="1" x14ac:dyDescent="0.2">
      <c r="A31" s="14">
        <v>21</v>
      </c>
      <c r="B31" s="15">
        <v>49</v>
      </c>
      <c r="C31" s="16">
        <v>63</v>
      </c>
      <c r="D31" s="17">
        <v>112</v>
      </c>
    </row>
    <row r="32" spans="1:4" ht="18" customHeight="1" x14ac:dyDescent="0.2">
      <c r="A32" s="14">
        <v>22</v>
      </c>
      <c r="B32" s="15">
        <v>51</v>
      </c>
      <c r="C32" s="16">
        <v>52</v>
      </c>
      <c r="D32" s="17">
        <v>103</v>
      </c>
    </row>
    <row r="33" spans="1:4" ht="18" customHeight="1" x14ac:dyDescent="0.2">
      <c r="A33" s="14">
        <v>23</v>
      </c>
      <c r="B33" s="15">
        <v>64</v>
      </c>
      <c r="C33" s="16">
        <v>60</v>
      </c>
      <c r="D33" s="17">
        <v>124</v>
      </c>
    </row>
    <row r="34" spans="1:4" ht="18" customHeight="1" x14ac:dyDescent="0.2">
      <c r="A34" s="14">
        <v>24</v>
      </c>
      <c r="B34" s="15">
        <v>73</v>
      </c>
      <c r="C34" s="16">
        <v>77</v>
      </c>
      <c r="D34" s="17">
        <v>150</v>
      </c>
    </row>
    <row r="35" spans="1:4" ht="18" customHeight="1" x14ac:dyDescent="0.2">
      <c r="A35" s="18" t="s">
        <v>71</v>
      </c>
      <c r="B35" s="15">
        <v>283</v>
      </c>
      <c r="C35" s="16">
        <v>320</v>
      </c>
      <c r="D35" s="17">
        <v>603</v>
      </c>
    </row>
    <row r="36" spans="1:4" ht="18" customHeight="1" x14ac:dyDescent="0.2">
      <c r="A36" s="14">
        <v>25</v>
      </c>
      <c r="B36" s="15">
        <v>79</v>
      </c>
      <c r="C36" s="16">
        <v>75</v>
      </c>
      <c r="D36" s="17">
        <v>154</v>
      </c>
    </row>
    <row r="37" spans="1:4" ht="18" customHeight="1" x14ac:dyDescent="0.2">
      <c r="A37" s="14">
        <v>26</v>
      </c>
      <c r="B37" s="15">
        <v>75</v>
      </c>
      <c r="C37" s="16">
        <v>78</v>
      </c>
      <c r="D37" s="17">
        <v>153</v>
      </c>
    </row>
    <row r="38" spans="1:4" ht="18" customHeight="1" x14ac:dyDescent="0.2">
      <c r="A38" s="14">
        <v>27</v>
      </c>
      <c r="B38" s="15">
        <v>76</v>
      </c>
      <c r="C38" s="16">
        <v>74</v>
      </c>
      <c r="D38" s="17">
        <v>150</v>
      </c>
    </row>
    <row r="39" spans="1:4" ht="18" customHeight="1" x14ac:dyDescent="0.2">
      <c r="A39" s="14">
        <v>28</v>
      </c>
      <c r="B39" s="15">
        <v>87</v>
      </c>
      <c r="C39" s="16">
        <v>97</v>
      </c>
      <c r="D39" s="17">
        <v>184</v>
      </c>
    </row>
    <row r="40" spans="1:4" ht="18" customHeight="1" x14ac:dyDescent="0.2">
      <c r="A40" s="14">
        <v>29</v>
      </c>
      <c r="B40" s="15">
        <v>94</v>
      </c>
      <c r="C40" s="16">
        <v>91</v>
      </c>
      <c r="D40" s="17">
        <v>185</v>
      </c>
    </row>
    <row r="41" spans="1:4" ht="18" customHeight="1" x14ac:dyDescent="0.2">
      <c r="A41" s="18" t="s">
        <v>72</v>
      </c>
      <c r="B41" s="15">
        <v>411</v>
      </c>
      <c r="C41" s="16">
        <v>415</v>
      </c>
      <c r="D41" s="17">
        <v>826</v>
      </c>
    </row>
    <row r="42" spans="1:4" ht="18" customHeight="1" x14ac:dyDescent="0.2">
      <c r="A42" s="14">
        <v>30</v>
      </c>
      <c r="B42" s="15">
        <v>102</v>
      </c>
      <c r="C42" s="16">
        <v>107</v>
      </c>
      <c r="D42" s="17">
        <v>209</v>
      </c>
    </row>
    <row r="43" spans="1:4" ht="18" customHeight="1" x14ac:dyDescent="0.2">
      <c r="A43" s="14">
        <v>31</v>
      </c>
      <c r="B43" s="15">
        <v>99</v>
      </c>
      <c r="C43" s="16">
        <v>89</v>
      </c>
      <c r="D43" s="17">
        <v>188</v>
      </c>
    </row>
    <row r="44" spans="1:4" ht="18" customHeight="1" x14ac:dyDescent="0.2">
      <c r="A44" s="14">
        <v>32</v>
      </c>
      <c r="B44" s="15">
        <v>118</v>
      </c>
      <c r="C44" s="16">
        <v>84</v>
      </c>
      <c r="D44" s="17">
        <v>202</v>
      </c>
    </row>
    <row r="45" spans="1:4" ht="18" customHeight="1" x14ac:dyDescent="0.2">
      <c r="A45" s="14">
        <v>33</v>
      </c>
      <c r="B45" s="15">
        <v>113</v>
      </c>
      <c r="C45" s="16">
        <v>104</v>
      </c>
      <c r="D45" s="17">
        <v>217</v>
      </c>
    </row>
    <row r="46" spans="1:4" ht="18" customHeight="1" x14ac:dyDescent="0.2">
      <c r="A46" s="14">
        <v>34</v>
      </c>
      <c r="B46" s="15">
        <v>116</v>
      </c>
      <c r="C46" s="16">
        <v>122</v>
      </c>
      <c r="D46" s="17">
        <v>238</v>
      </c>
    </row>
    <row r="47" spans="1:4" ht="18" customHeight="1" x14ac:dyDescent="0.2">
      <c r="A47" s="18" t="s">
        <v>73</v>
      </c>
      <c r="B47" s="15">
        <v>548</v>
      </c>
      <c r="C47" s="16">
        <v>506</v>
      </c>
      <c r="D47" s="17">
        <v>1054</v>
      </c>
    </row>
    <row r="48" spans="1:4" ht="18" customHeight="1" x14ac:dyDescent="0.2">
      <c r="A48" s="14">
        <v>35</v>
      </c>
      <c r="B48" s="15">
        <v>123</v>
      </c>
      <c r="C48" s="16">
        <v>122</v>
      </c>
      <c r="D48" s="17">
        <v>245</v>
      </c>
    </row>
    <row r="49" spans="1:4" ht="18" customHeight="1" x14ac:dyDescent="0.2">
      <c r="A49" s="14">
        <v>36</v>
      </c>
      <c r="B49" s="15">
        <v>130</v>
      </c>
      <c r="C49" s="16">
        <v>122</v>
      </c>
      <c r="D49" s="17">
        <v>252</v>
      </c>
    </row>
    <row r="50" spans="1:4" ht="18" customHeight="1" x14ac:dyDescent="0.2">
      <c r="A50" s="14">
        <v>37</v>
      </c>
      <c r="B50" s="15">
        <v>112</v>
      </c>
      <c r="C50" s="16">
        <v>115</v>
      </c>
      <c r="D50" s="17">
        <v>227</v>
      </c>
    </row>
    <row r="51" spans="1:4" ht="18" customHeight="1" x14ac:dyDescent="0.2">
      <c r="A51" s="14">
        <v>38</v>
      </c>
      <c r="B51" s="15">
        <v>108</v>
      </c>
      <c r="C51" s="16">
        <v>103</v>
      </c>
      <c r="D51" s="17">
        <v>211</v>
      </c>
    </row>
    <row r="52" spans="1:4" ht="18" customHeight="1" x14ac:dyDescent="0.2">
      <c r="A52" s="14">
        <v>39</v>
      </c>
      <c r="B52" s="15">
        <v>90</v>
      </c>
      <c r="C52" s="16">
        <v>94</v>
      </c>
      <c r="D52" s="17">
        <v>184</v>
      </c>
    </row>
    <row r="53" spans="1:4" ht="18" customHeight="1" x14ac:dyDescent="0.2">
      <c r="A53" s="18" t="s">
        <v>74</v>
      </c>
      <c r="B53" s="15">
        <v>563</v>
      </c>
      <c r="C53" s="16">
        <v>556</v>
      </c>
      <c r="D53" s="17">
        <v>1119</v>
      </c>
    </row>
    <row r="54" spans="1:4" ht="18" customHeight="1" x14ac:dyDescent="0.2">
      <c r="A54" s="14">
        <v>40</v>
      </c>
      <c r="B54" s="15">
        <v>91</v>
      </c>
      <c r="C54" s="16">
        <v>85</v>
      </c>
      <c r="D54" s="17">
        <v>176</v>
      </c>
    </row>
    <row r="55" spans="1:4" ht="18" customHeight="1" x14ac:dyDescent="0.2">
      <c r="A55" s="14">
        <v>41</v>
      </c>
      <c r="B55" s="15">
        <v>102</v>
      </c>
      <c r="C55" s="16">
        <v>77</v>
      </c>
      <c r="D55" s="17">
        <v>179</v>
      </c>
    </row>
    <row r="56" spans="1:4" ht="18" customHeight="1" x14ac:dyDescent="0.2">
      <c r="A56" s="14">
        <v>42</v>
      </c>
      <c r="B56" s="15">
        <v>75</v>
      </c>
      <c r="C56" s="16">
        <v>84</v>
      </c>
      <c r="D56" s="17">
        <v>159</v>
      </c>
    </row>
    <row r="57" spans="1:4" ht="18" customHeight="1" x14ac:dyDescent="0.2">
      <c r="A57" s="14">
        <v>43</v>
      </c>
      <c r="B57" s="15">
        <v>71</v>
      </c>
      <c r="C57" s="16">
        <v>90</v>
      </c>
      <c r="D57" s="17">
        <v>161</v>
      </c>
    </row>
    <row r="58" spans="1:4" ht="18" customHeight="1" x14ac:dyDescent="0.2">
      <c r="A58" s="14">
        <v>44</v>
      </c>
      <c r="B58" s="15">
        <v>83</v>
      </c>
      <c r="C58" s="16">
        <v>88</v>
      </c>
      <c r="D58" s="17">
        <v>171</v>
      </c>
    </row>
    <row r="59" spans="1:4" ht="18" customHeight="1" x14ac:dyDescent="0.2">
      <c r="A59" s="18" t="s">
        <v>75</v>
      </c>
      <c r="B59" s="15">
        <v>422</v>
      </c>
      <c r="C59" s="16">
        <v>424</v>
      </c>
      <c r="D59" s="17">
        <v>846</v>
      </c>
    </row>
    <row r="60" spans="1:4" ht="18" customHeight="1" x14ac:dyDescent="0.2">
      <c r="A60" s="14">
        <v>45</v>
      </c>
      <c r="B60" s="15">
        <v>96</v>
      </c>
      <c r="C60" s="16">
        <v>79</v>
      </c>
      <c r="D60" s="17">
        <v>175</v>
      </c>
    </row>
    <row r="61" spans="1:4" ht="18" customHeight="1" x14ac:dyDescent="0.2">
      <c r="A61" s="14">
        <v>46</v>
      </c>
      <c r="B61" s="15">
        <v>79</v>
      </c>
      <c r="C61" s="16">
        <v>81</v>
      </c>
      <c r="D61" s="17">
        <v>160</v>
      </c>
    </row>
    <row r="62" spans="1:4" ht="18" customHeight="1" x14ac:dyDescent="0.2">
      <c r="A62" s="14">
        <v>47</v>
      </c>
      <c r="B62" s="15">
        <v>62</v>
      </c>
      <c r="C62" s="16">
        <v>66</v>
      </c>
      <c r="D62" s="17">
        <v>128</v>
      </c>
    </row>
    <row r="63" spans="1:4" ht="18" customHeight="1" x14ac:dyDescent="0.2">
      <c r="A63" s="14">
        <v>48</v>
      </c>
      <c r="B63" s="15">
        <v>68</v>
      </c>
      <c r="C63" s="16">
        <v>63</v>
      </c>
      <c r="D63" s="17">
        <v>131</v>
      </c>
    </row>
    <row r="64" spans="1:4" ht="18" customHeight="1" x14ac:dyDescent="0.2">
      <c r="A64" s="14">
        <v>49</v>
      </c>
      <c r="B64" s="15">
        <v>72</v>
      </c>
      <c r="C64" s="16">
        <v>83</v>
      </c>
      <c r="D64" s="17">
        <v>155</v>
      </c>
    </row>
    <row r="65" spans="1:4" ht="18" customHeight="1" x14ac:dyDescent="0.2">
      <c r="A65" s="18" t="s">
        <v>76</v>
      </c>
      <c r="B65" s="15">
        <v>377</v>
      </c>
      <c r="C65" s="16">
        <v>372</v>
      </c>
      <c r="D65" s="17">
        <v>749</v>
      </c>
    </row>
    <row r="66" spans="1:4" ht="18" customHeight="1" x14ac:dyDescent="0.2">
      <c r="A66" s="14">
        <v>50</v>
      </c>
      <c r="B66" s="15">
        <v>60</v>
      </c>
      <c r="C66" s="16">
        <v>80</v>
      </c>
      <c r="D66" s="17">
        <v>140</v>
      </c>
    </row>
    <row r="67" spans="1:4" ht="18" customHeight="1" x14ac:dyDescent="0.2">
      <c r="A67" s="14">
        <v>51</v>
      </c>
      <c r="B67" s="15">
        <v>73</v>
      </c>
      <c r="C67" s="16">
        <v>63</v>
      </c>
      <c r="D67" s="17">
        <v>136</v>
      </c>
    </row>
    <row r="68" spans="1:4" ht="18" customHeight="1" x14ac:dyDescent="0.2">
      <c r="A68" s="14">
        <v>52</v>
      </c>
      <c r="B68" s="15">
        <v>59</v>
      </c>
      <c r="C68" s="16">
        <v>71</v>
      </c>
      <c r="D68" s="17">
        <v>130</v>
      </c>
    </row>
    <row r="69" spans="1:4" ht="18" customHeight="1" x14ac:dyDescent="0.2">
      <c r="A69" s="14">
        <v>53</v>
      </c>
      <c r="B69" s="15">
        <v>71</v>
      </c>
      <c r="C69" s="16">
        <v>82</v>
      </c>
      <c r="D69" s="17">
        <v>153</v>
      </c>
    </row>
    <row r="70" spans="1:4" ht="18" customHeight="1" x14ac:dyDescent="0.2">
      <c r="A70" s="14">
        <v>54</v>
      </c>
      <c r="B70" s="15">
        <v>69</v>
      </c>
      <c r="C70" s="16">
        <v>89</v>
      </c>
      <c r="D70" s="17">
        <v>158</v>
      </c>
    </row>
    <row r="71" spans="1:4" ht="18" customHeight="1" x14ac:dyDescent="0.2">
      <c r="A71" s="18" t="s">
        <v>77</v>
      </c>
      <c r="B71" s="15">
        <v>332</v>
      </c>
      <c r="C71" s="16">
        <v>385</v>
      </c>
      <c r="D71" s="17">
        <v>717</v>
      </c>
    </row>
    <row r="72" spans="1:4" ht="18" customHeight="1" x14ac:dyDescent="0.2">
      <c r="A72" s="14">
        <v>55</v>
      </c>
      <c r="B72" s="15">
        <v>73</v>
      </c>
      <c r="C72" s="16">
        <v>88</v>
      </c>
      <c r="D72" s="17">
        <v>161</v>
      </c>
    </row>
    <row r="73" spans="1:4" ht="18" customHeight="1" x14ac:dyDescent="0.2">
      <c r="A73" s="14">
        <v>56</v>
      </c>
      <c r="B73" s="15">
        <v>75</v>
      </c>
      <c r="C73" s="16">
        <v>82</v>
      </c>
      <c r="D73" s="17">
        <v>157</v>
      </c>
    </row>
    <row r="74" spans="1:4" ht="18" customHeight="1" x14ac:dyDescent="0.2">
      <c r="A74" s="14">
        <v>57</v>
      </c>
      <c r="B74" s="15">
        <v>96</v>
      </c>
      <c r="C74" s="16">
        <v>75</v>
      </c>
      <c r="D74" s="17">
        <v>171</v>
      </c>
    </row>
    <row r="75" spans="1:4" ht="18" customHeight="1" x14ac:dyDescent="0.2">
      <c r="A75" s="14">
        <v>58</v>
      </c>
      <c r="B75" s="15">
        <v>104</v>
      </c>
      <c r="C75" s="16">
        <v>101</v>
      </c>
      <c r="D75" s="17">
        <v>205</v>
      </c>
    </row>
    <row r="76" spans="1:4" ht="18" customHeight="1" x14ac:dyDescent="0.2">
      <c r="A76" s="14">
        <v>59</v>
      </c>
      <c r="B76" s="15">
        <v>95</v>
      </c>
      <c r="C76" s="16">
        <v>99</v>
      </c>
      <c r="D76" s="17">
        <v>194</v>
      </c>
    </row>
    <row r="77" spans="1:4" ht="18" customHeight="1" x14ac:dyDescent="0.2">
      <c r="A77" s="18" t="s">
        <v>78</v>
      </c>
      <c r="B77" s="15">
        <v>443</v>
      </c>
      <c r="C77" s="16">
        <v>445</v>
      </c>
      <c r="D77" s="17">
        <v>888</v>
      </c>
    </row>
    <row r="78" spans="1:4" ht="18" customHeight="1" x14ac:dyDescent="0.2">
      <c r="A78" s="14">
        <v>60</v>
      </c>
      <c r="B78" s="15">
        <v>103</v>
      </c>
      <c r="C78" s="16">
        <v>86</v>
      </c>
      <c r="D78" s="17">
        <v>189</v>
      </c>
    </row>
    <row r="79" spans="1:4" ht="18" customHeight="1" x14ac:dyDescent="0.2">
      <c r="A79" s="14">
        <v>61</v>
      </c>
      <c r="B79" s="15">
        <v>99</v>
      </c>
      <c r="C79" s="16">
        <v>110</v>
      </c>
      <c r="D79" s="17">
        <v>209</v>
      </c>
    </row>
    <row r="80" spans="1:4" ht="18" customHeight="1" x14ac:dyDescent="0.2">
      <c r="A80" s="14">
        <v>62</v>
      </c>
      <c r="B80" s="15">
        <v>86</v>
      </c>
      <c r="C80" s="16">
        <v>101</v>
      </c>
      <c r="D80" s="17">
        <v>187</v>
      </c>
    </row>
    <row r="81" spans="1:4" ht="18" customHeight="1" x14ac:dyDescent="0.2">
      <c r="A81" s="14">
        <v>63</v>
      </c>
      <c r="B81" s="15">
        <v>71</v>
      </c>
      <c r="C81" s="16">
        <v>62</v>
      </c>
      <c r="D81" s="17">
        <v>133</v>
      </c>
    </row>
    <row r="82" spans="1:4" ht="18" customHeight="1" x14ac:dyDescent="0.2">
      <c r="A82" s="14">
        <v>64</v>
      </c>
      <c r="B82" s="15">
        <v>65</v>
      </c>
      <c r="C82" s="16">
        <v>81</v>
      </c>
      <c r="D82" s="17">
        <v>146</v>
      </c>
    </row>
    <row r="83" spans="1:4" ht="18" customHeight="1" x14ac:dyDescent="0.2">
      <c r="A83" s="18" t="s">
        <v>79</v>
      </c>
      <c r="B83" s="15">
        <v>424</v>
      </c>
      <c r="C83" s="16">
        <v>440</v>
      </c>
      <c r="D83" s="17">
        <v>864</v>
      </c>
    </row>
    <row r="84" spans="1:4" ht="18" customHeight="1" x14ac:dyDescent="0.2">
      <c r="A84" s="18" t="s">
        <v>80</v>
      </c>
      <c r="B84" s="15">
        <v>4103</v>
      </c>
      <c r="C84" s="16">
        <v>4168</v>
      </c>
      <c r="D84" s="17">
        <v>8271</v>
      </c>
    </row>
    <row r="85" spans="1:4" ht="18" customHeight="1" x14ac:dyDescent="0.2">
      <c r="A85" s="14">
        <v>65</v>
      </c>
      <c r="B85" s="15">
        <v>81</v>
      </c>
      <c r="C85" s="16">
        <v>106</v>
      </c>
      <c r="D85" s="17">
        <v>187</v>
      </c>
    </row>
    <row r="86" spans="1:4" ht="18" customHeight="1" x14ac:dyDescent="0.2">
      <c r="A86" s="14">
        <v>66</v>
      </c>
      <c r="B86" s="15">
        <v>63</v>
      </c>
      <c r="C86" s="16">
        <v>87</v>
      </c>
      <c r="D86" s="17">
        <v>150</v>
      </c>
    </row>
    <row r="87" spans="1:4" ht="18" customHeight="1" x14ac:dyDescent="0.2">
      <c r="A87" s="14">
        <v>67</v>
      </c>
      <c r="B87" s="15">
        <v>65</v>
      </c>
      <c r="C87" s="16">
        <v>100</v>
      </c>
      <c r="D87" s="17">
        <v>165</v>
      </c>
    </row>
    <row r="88" spans="1:4" ht="18" customHeight="1" x14ac:dyDescent="0.2">
      <c r="A88" s="14">
        <v>68</v>
      </c>
      <c r="B88" s="15">
        <v>65</v>
      </c>
      <c r="C88" s="16">
        <v>81</v>
      </c>
      <c r="D88" s="17">
        <v>146</v>
      </c>
    </row>
    <row r="89" spans="1:4" ht="18" customHeight="1" x14ac:dyDescent="0.2">
      <c r="A89" s="14">
        <v>69</v>
      </c>
      <c r="B89" s="15">
        <v>80</v>
      </c>
      <c r="C89" s="16">
        <v>86</v>
      </c>
      <c r="D89" s="17">
        <v>166</v>
      </c>
    </row>
    <row r="90" spans="1:4" ht="18" customHeight="1" x14ac:dyDescent="0.2">
      <c r="A90" s="18" t="s">
        <v>81</v>
      </c>
      <c r="B90" s="15">
        <v>354</v>
      </c>
      <c r="C90" s="16">
        <v>460</v>
      </c>
      <c r="D90" s="17">
        <v>814</v>
      </c>
    </row>
    <row r="91" spans="1:4" ht="18" customHeight="1" x14ac:dyDescent="0.2">
      <c r="A91" s="14">
        <v>70</v>
      </c>
      <c r="B91" s="15">
        <v>58</v>
      </c>
      <c r="C91" s="16">
        <v>56</v>
      </c>
      <c r="D91" s="17">
        <v>114</v>
      </c>
    </row>
    <row r="92" spans="1:4" ht="18" customHeight="1" x14ac:dyDescent="0.2">
      <c r="A92" s="14">
        <v>71</v>
      </c>
      <c r="B92" s="15">
        <v>50</v>
      </c>
      <c r="C92" s="16">
        <v>79</v>
      </c>
      <c r="D92" s="17">
        <v>129</v>
      </c>
    </row>
    <row r="93" spans="1:4" ht="18" customHeight="1" x14ac:dyDescent="0.2">
      <c r="A93" s="14">
        <v>72</v>
      </c>
      <c r="B93" s="15">
        <v>58</v>
      </c>
      <c r="C93" s="16">
        <v>75</v>
      </c>
      <c r="D93" s="17">
        <v>133</v>
      </c>
    </row>
    <row r="94" spans="1:4" ht="18" customHeight="1" x14ac:dyDescent="0.2">
      <c r="A94" s="14">
        <v>73</v>
      </c>
      <c r="B94" s="15">
        <v>61</v>
      </c>
      <c r="C94" s="16">
        <v>76</v>
      </c>
      <c r="D94" s="17">
        <v>137</v>
      </c>
    </row>
    <row r="95" spans="1:4" ht="18" customHeight="1" x14ac:dyDescent="0.2">
      <c r="A95" s="14">
        <v>74</v>
      </c>
      <c r="B95" s="15">
        <v>47</v>
      </c>
      <c r="C95" s="16">
        <v>57</v>
      </c>
      <c r="D95" s="17">
        <v>104</v>
      </c>
    </row>
    <row r="96" spans="1:4" ht="18" customHeight="1" x14ac:dyDescent="0.2">
      <c r="A96" s="18" t="s">
        <v>82</v>
      </c>
      <c r="B96" s="15">
        <v>274</v>
      </c>
      <c r="C96" s="16">
        <v>343</v>
      </c>
      <c r="D96" s="17">
        <v>617</v>
      </c>
    </row>
    <row r="97" spans="1:4" ht="18" customHeight="1" x14ac:dyDescent="0.2">
      <c r="A97" s="14">
        <v>75</v>
      </c>
      <c r="B97" s="15">
        <v>48</v>
      </c>
      <c r="C97" s="16">
        <v>58</v>
      </c>
      <c r="D97" s="17">
        <v>106</v>
      </c>
    </row>
    <row r="98" spans="1:4" ht="18" customHeight="1" x14ac:dyDescent="0.2">
      <c r="A98" s="14">
        <v>76</v>
      </c>
      <c r="B98" s="15">
        <v>60</v>
      </c>
      <c r="C98" s="16">
        <v>72</v>
      </c>
      <c r="D98" s="17">
        <v>132</v>
      </c>
    </row>
    <row r="99" spans="1:4" ht="18" customHeight="1" x14ac:dyDescent="0.2">
      <c r="A99" s="14">
        <v>77</v>
      </c>
      <c r="B99" s="15">
        <v>47</v>
      </c>
      <c r="C99" s="16">
        <v>72</v>
      </c>
      <c r="D99" s="17">
        <v>119</v>
      </c>
    </row>
    <row r="100" spans="1:4" ht="18" customHeight="1" x14ac:dyDescent="0.2">
      <c r="A100" s="14">
        <v>78</v>
      </c>
      <c r="B100" s="15">
        <v>41</v>
      </c>
      <c r="C100" s="16">
        <v>54</v>
      </c>
      <c r="D100" s="17">
        <v>95</v>
      </c>
    </row>
    <row r="101" spans="1:4" ht="18" customHeight="1" x14ac:dyDescent="0.2">
      <c r="A101" s="14">
        <v>79</v>
      </c>
      <c r="B101" s="15">
        <v>33</v>
      </c>
      <c r="C101" s="16">
        <v>49</v>
      </c>
      <c r="D101" s="17">
        <v>82</v>
      </c>
    </row>
    <row r="102" spans="1:4" ht="18" customHeight="1" x14ac:dyDescent="0.2">
      <c r="A102" s="18" t="s">
        <v>83</v>
      </c>
      <c r="B102" s="15">
        <v>229</v>
      </c>
      <c r="C102" s="16">
        <v>305</v>
      </c>
      <c r="D102" s="17">
        <v>534</v>
      </c>
    </row>
    <row r="103" spans="1:4" ht="18" customHeight="1" x14ac:dyDescent="0.2">
      <c r="A103" s="14">
        <v>80</v>
      </c>
      <c r="B103" s="15">
        <v>40</v>
      </c>
      <c r="C103" s="16">
        <v>38</v>
      </c>
      <c r="D103" s="17">
        <v>78</v>
      </c>
    </row>
    <row r="104" spans="1:4" ht="18" customHeight="1" x14ac:dyDescent="0.2">
      <c r="A104" s="14">
        <v>81</v>
      </c>
      <c r="B104" s="15">
        <v>36</v>
      </c>
      <c r="C104" s="16">
        <v>50</v>
      </c>
      <c r="D104" s="17">
        <v>86</v>
      </c>
    </row>
    <row r="105" spans="1:4" ht="18" customHeight="1" x14ac:dyDescent="0.2">
      <c r="A105" s="14">
        <v>82</v>
      </c>
      <c r="B105" s="15">
        <v>26</v>
      </c>
      <c r="C105" s="16">
        <v>27</v>
      </c>
      <c r="D105" s="17">
        <v>53</v>
      </c>
    </row>
    <row r="106" spans="1:4" ht="18" customHeight="1" x14ac:dyDescent="0.2">
      <c r="A106" s="14">
        <v>83</v>
      </c>
      <c r="B106" s="15">
        <v>26</v>
      </c>
      <c r="C106" s="16">
        <v>47</v>
      </c>
      <c r="D106" s="17">
        <v>73</v>
      </c>
    </row>
    <row r="107" spans="1:4" ht="18" customHeight="1" x14ac:dyDescent="0.2">
      <c r="A107" s="14">
        <v>84</v>
      </c>
      <c r="B107" s="15">
        <v>21</v>
      </c>
      <c r="C107" s="16">
        <v>29</v>
      </c>
      <c r="D107" s="17">
        <v>50</v>
      </c>
    </row>
    <row r="108" spans="1:4" ht="18" customHeight="1" x14ac:dyDescent="0.2">
      <c r="A108" s="18" t="s">
        <v>84</v>
      </c>
      <c r="B108" s="15">
        <v>149</v>
      </c>
      <c r="C108" s="16">
        <v>191</v>
      </c>
      <c r="D108" s="17">
        <v>340</v>
      </c>
    </row>
    <row r="109" spans="1:4" ht="18" customHeight="1" x14ac:dyDescent="0.2">
      <c r="A109" s="14">
        <v>85</v>
      </c>
      <c r="B109" s="15">
        <v>14</v>
      </c>
      <c r="C109" s="16">
        <v>31</v>
      </c>
      <c r="D109" s="17">
        <v>45</v>
      </c>
    </row>
    <row r="110" spans="1:4" ht="18" customHeight="1" x14ac:dyDescent="0.2">
      <c r="A110" s="14">
        <v>86</v>
      </c>
      <c r="B110" s="15">
        <v>16</v>
      </c>
      <c r="C110" s="16">
        <v>43</v>
      </c>
      <c r="D110" s="17">
        <v>59</v>
      </c>
    </row>
    <row r="111" spans="1:4" ht="18" customHeight="1" x14ac:dyDescent="0.2">
      <c r="A111" s="14">
        <v>87</v>
      </c>
      <c r="B111" s="15">
        <v>14</v>
      </c>
      <c r="C111" s="16">
        <v>27</v>
      </c>
      <c r="D111" s="17">
        <v>41</v>
      </c>
    </row>
    <row r="112" spans="1:4" ht="18" customHeight="1" x14ac:dyDescent="0.2">
      <c r="A112" s="14">
        <v>88</v>
      </c>
      <c r="B112" s="15">
        <v>8</v>
      </c>
      <c r="C112" s="16">
        <v>27</v>
      </c>
      <c r="D112" s="17">
        <v>35</v>
      </c>
    </row>
    <row r="113" spans="1:4" ht="18" customHeight="1" x14ac:dyDescent="0.2">
      <c r="A113" s="14">
        <v>89</v>
      </c>
      <c r="B113" s="15">
        <v>10</v>
      </c>
      <c r="C113" s="16">
        <v>24</v>
      </c>
      <c r="D113" s="17">
        <v>34</v>
      </c>
    </row>
    <row r="114" spans="1:4" ht="18" customHeight="1" x14ac:dyDescent="0.2">
      <c r="A114" s="18" t="s">
        <v>85</v>
      </c>
      <c r="B114" s="15">
        <v>62</v>
      </c>
      <c r="C114" s="16">
        <v>152</v>
      </c>
      <c r="D114" s="17">
        <v>214</v>
      </c>
    </row>
    <row r="115" spans="1:4" ht="18" customHeight="1" x14ac:dyDescent="0.2">
      <c r="A115" s="14">
        <v>90</v>
      </c>
      <c r="B115" s="15">
        <v>6</v>
      </c>
      <c r="C115" s="16">
        <v>16</v>
      </c>
      <c r="D115" s="17">
        <v>22</v>
      </c>
    </row>
    <row r="116" spans="1:4" ht="18" customHeight="1" x14ac:dyDescent="0.2">
      <c r="A116" s="14">
        <v>91</v>
      </c>
      <c r="B116" s="15">
        <v>2</v>
      </c>
      <c r="C116" s="16">
        <v>17</v>
      </c>
      <c r="D116" s="17">
        <v>19</v>
      </c>
    </row>
    <row r="117" spans="1:4" ht="18" customHeight="1" x14ac:dyDescent="0.2">
      <c r="A117" s="14">
        <v>92</v>
      </c>
      <c r="B117" s="15">
        <v>4</v>
      </c>
      <c r="C117" s="16">
        <v>14</v>
      </c>
      <c r="D117" s="17">
        <v>18</v>
      </c>
    </row>
    <row r="118" spans="1:4" ht="18" customHeight="1" x14ac:dyDescent="0.2">
      <c r="A118" s="14">
        <v>93</v>
      </c>
      <c r="B118" s="15">
        <v>4</v>
      </c>
      <c r="C118" s="16">
        <v>12</v>
      </c>
      <c r="D118" s="17">
        <v>16</v>
      </c>
    </row>
    <row r="119" spans="1:4" ht="18" customHeight="1" x14ac:dyDescent="0.2">
      <c r="A119" s="14">
        <v>94</v>
      </c>
      <c r="B119" s="15">
        <v>2</v>
      </c>
      <c r="C119" s="16">
        <v>8</v>
      </c>
      <c r="D119" s="17">
        <v>10</v>
      </c>
    </row>
    <row r="120" spans="1:4" ht="18" customHeight="1" x14ac:dyDescent="0.2">
      <c r="A120" s="18" t="s">
        <v>86</v>
      </c>
      <c r="B120" s="15">
        <v>18</v>
      </c>
      <c r="C120" s="16">
        <v>67</v>
      </c>
      <c r="D120" s="17">
        <v>85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7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1</v>
      </c>
      <c r="C126" s="16">
        <v>22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89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90</v>
      </c>
      <c r="B130" s="4">
        <v>1087</v>
      </c>
      <c r="C130" s="5">
        <v>1544</v>
      </c>
      <c r="D130" s="6">
        <v>2631</v>
      </c>
    </row>
    <row r="131" spans="1:4" ht="18" customHeight="1" x14ac:dyDescent="0.2">
      <c r="A131" s="20" t="s">
        <v>65</v>
      </c>
      <c r="B131" s="7">
        <v>6132</v>
      </c>
      <c r="C131" s="8">
        <v>6683</v>
      </c>
      <c r="D131" s="9">
        <v>1281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5</v>
      </c>
      <c r="C5" s="12">
        <v>31</v>
      </c>
      <c r="D5" s="13">
        <v>76</v>
      </c>
    </row>
    <row r="6" spans="1:4" ht="18" customHeight="1" x14ac:dyDescent="0.2">
      <c r="A6" s="14">
        <v>1</v>
      </c>
      <c r="B6" s="15">
        <v>41</v>
      </c>
      <c r="C6" s="16">
        <v>33</v>
      </c>
      <c r="D6" s="17">
        <v>74</v>
      </c>
    </row>
    <row r="7" spans="1:4" ht="18" customHeight="1" x14ac:dyDescent="0.2">
      <c r="A7" s="14">
        <v>2</v>
      </c>
      <c r="B7" s="15">
        <v>28</v>
      </c>
      <c r="C7" s="16">
        <v>25</v>
      </c>
      <c r="D7" s="17">
        <v>53</v>
      </c>
    </row>
    <row r="8" spans="1:4" ht="18" customHeight="1" x14ac:dyDescent="0.2">
      <c r="A8" s="14">
        <v>3</v>
      </c>
      <c r="B8" s="15">
        <v>18</v>
      </c>
      <c r="C8" s="16">
        <v>28</v>
      </c>
      <c r="D8" s="17">
        <v>46</v>
      </c>
    </row>
    <row r="9" spans="1:4" ht="18" customHeight="1" x14ac:dyDescent="0.2">
      <c r="A9" s="14">
        <v>4</v>
      </c>
      <c r="B9" s="15">
        <v>26</v>
      </c>
      <c r="C9" s="16">
        <v>22</v>
      </c>
      <c r="D9" s="17">
        <v>48</v>
      </c>
    </row>
    <row r="10" spans="1:4" ht="18" customHeight="1" x14ac:dyDescent="0.2">
      <c r="A10" s="18" t="s">
        <v>66</v>
      </c>
      <c r="B10" s="15">
        <v>158</v>
      </c>
      <c r="C10" s="16">
        <v>139</v>
      </c>
      <c r="D10" s="17">
        <v>297</v>
      </c>
    </row>
    <row r="11" spans="1:4" ht="18" customHeight="1" x14ac:dyDescent="0.2">
      <c r="A11" s="14">
        <v>5</v>
      </c>
      <c r="B11" s="15">
        <v>23</v>
      </c>
      <c r="C11" s="16">
        <v>22</v>
      </c>
      <c r="D11" s="17">
        <v>45</v>
      </c>
    </row>
    <row r="12" spans="1:4" ht="18" customHeight="1" x14ac:dyDescent="0.2">
      <c r="A12" s="14">
        <v>6</v>
      </c>
      <c r="B12" s="15">
        <v>23</v>
      </c>
      <c r="C12" s="16">
        <v>17</v>
      </c>
      <c r="D12" s="17">
        <v>40</v>
      </c>
    </row>
    <row r="13" spans="1:4" ht="18" customHeight="1" x14ac:dyDescent="0.2">
      <c r="A13" s="14">
        <v>7</v>
      </c>
      <c r="B13" s="15">
        <v>32</v>
      </c>
      <c r="C13" s="16">
        <v>16</v>
      </c>
      <c r="D13" s="17">
        <v>48</v>
      </c>
    </row>
    <row r="14" spans="1:4" ht="18" customHeight="1" x14ac:dyDescent="0.2">
      <c r="A14" s="14">
        <v>8</v>
      </c>
      <c r="B14" s="15">
        <v>18</v>
      </c>
      <c r="C14" s="16">
        <v>23</v>
      </c>
      <c r="D14" s="17">
        <v>41</v>
      </c>
    </row>
    <row r="15" spans="1:4" ht="18" customHeight="1" x14ac:dyDescent="0.2">
      <c r="A15" s="14">
        <v>9</v>
      </c>
      <c r="B15" s="15">
        <v>18</v>
      </c>
      <c r="C15" s="16">
        <v>18</v>
      </c>
      <c r="D15" s="17">
        <v>36</v>
      </c>
    </row>
    <row r="16" spans="1:4" ht="18" customHeight="1" x14ac:dyDescent="0.2">
      <c r="A16" s="18" t="s">
        <v>67</v>
      </c>
      <c r="B16" s="15">
        <v>114</v>
      </c>
      <c r="C16" s="16">
        <v>96</v>
      </c>
      <c r="D16" s="17">
        <v>210</v>
      </c>
    </row>
    <row r="17" spans="1:4" ht="18" customHeight="1" x14ac:dyDescent="0.2">
      <c r="A17" s="14">
        <v>10</v>
      </c>
      <c r="B17" s="15">
        <v>21</v>
      </c>
      <c r="C17" s="16">
        <v>13</v>
      </c>
      <c r="D17" s="17">
        <v>34</v>
      </c>
    </row>
    <row r="18" spans="1:4" ht="18" customHeight="1" x14ac:dyDescent="0.2">
      <c r="A18" s="14">
        <v>11</v>
      </c>
      <c r="B18" s="15">
        <v>20</v>
      </c>
      <c r="C18" s="16">
        <v>19</v>
      </c>
      <c r="D18" s="17">
        <v>39</v>
      </c>
    </row>
    <row r="19" spans="1:4" ht="18" customHeight="1" x14ac:dyDescent="0.2">
      <c r="A19" s="14">
        <v>12</v>
      </c>
      <c r="B19" s="15">
        <v>16</v>
      </c>
      <c r="C19" s="16">
        <v>13</v>
      </c>
      <c r="D19" s="17">
        <v>29</v>
      </c>
    </row>
    <row r="20" spans="1:4" ht="18" customHeight="1" x14ac:dyDescent="0.2">
      <c r="A20" s="14">
        <v>13</v>
      </c>
      <c r="B20" s="15">
        <v>14</v>
      </c>
      <c r="C20" s="16">
        <v>11</v>
      </c>
      <c r="D20" s="17">
        <v>25</v>
      </c>
    </row>
    <row r="21" spans="1:4" ht="18" customHeight="1" x14ac:dyDescent="0.2">
      <c r="A21" s="14">
        <v>14</v>
      </c>
      <c r="B21" s="15">
        <v>25</v>
      </c>
      <c r="C21" s="16">
        <v>8</v>
      </c>
      <c r="D21" s="17">
        <v>33</v>
      </c>
    </row>
    <row r="22" spans="1:4" ht="18" customHeight="1" x14ac:dyDescent="0.2">
      <c r="A22" s="18" t="s">
        <v>68</v>
      </c>
      <c r="B22" s="15">
        <v>96</v>
      </c>
      <c r="C22" s="16">
        <v>64</v>
      </c>
      <c r="D22" s="17">
        <v>160</v>
      </c>
    </row>
    <row r="23" spans="1:4" ht="18" customHeight="1" x14ac:dyDescent="0.2">
      <c r="A23" s="18" t="s">
        <v>69</v>
      </c>
      <c r="B23" s="15">
        <v>368</v>
      </c>
      <c r="C23" s="16">
        <v>299</v>
      </c>
      <c r="D23" s="17">
        <v>667</v>
      </c>
    </row>
    <row r="24" spans="1:4" ht="18" customHeight="1" x14ac:dyDescent="0.2">
      <c r="A24" s="14">
        <v>15</v>
      </c>
      <c r="B24" s="15">
        <v>12</v>
      </c>
      <c r="C24" s="16">
        <v>16</v>
      </c>
      <c r="D24" s="17">
        <v>28</v>
      </c>
    </row>
    <row r="25" spans="1:4" ht="18" customHeight="1" x14ac:dyDescent="0.2">
      <c r="A25" s="14">
        <v>16</v>
      </c>
      <c r="B25" s="15">
        <v>17</v>
      </c>
      <c r="C25" s="16">
        <v>21</v>
      </c>
      <c r="D25" s="17">
        <v>38</v>
      </c>
    </row>
    <row r="26" spans="1:4" ht="18" customHeight="1" x14ac:dyDescent="0.2">
      <c r="A26" s="14">
        <v>17</v>
      </c>
      <c r="B26" s="15">
        <v>15</v>
      </c>
      <c r="C26" s="16">
        <v>15</v>
      </c>
      <c r="D26" s="17">
        <v>30</v>
      </c>
    </row>
    <row r="27" spans="1:4" ht="18" customHeight="1" x14ac:dyDescent="0.2">
      <c r="A27" s="14">
        <v>18</v>
      </c>
      <c r="B27" s="15">
        <v>16</v>
      </c>
      <c r="C27" s="16">
        <v>18</v>
      </c>
      <c r="D27" s="17">
        <v>34</v>
      </c>
    </row>
    <row r="28" spans="1:4" ht="18" customHeight="1" x14ac:dyDescent="0.2">
      <c r="A28" s="14">
        <v>19</v>
      </c>
      <c r="B28" s="15">
        <v>12</v>
      </c>
      <c r="C28" s="16">
        <v>15</v>
      </c>
      <c r="D28" s="17">
        <v>27</v>
      </c>
    </row>
    <row r="29" spans="1:4" ht="18" customHeight="1" x14ac:dyDescent="0.2">
      <c r="A29" s="18" t="s">
        <v>70</v>
      </c>
      <c r="B29" s="15">
        <v>72</v>
      </c>
      <c r="C29" s="16">
        <v>85</v>
      </c>
      <c r="D29" s="17">
        <v>157</v>
      </c>
    </row>
    <row r="30" spans="1:4" ht="18" customHeight="1" x14ac:dyDescent="0.2">
      <c r="A30" s="14">
        <v>20</v>
      </c>
      <c r="B30" s="15">
        <v>18</v>
      </c>
      <c r="C30" s="16">
        <v>13</v>
      </c>
      <c r="D30" s="17">
        <v>31</v>
      </c>
    </row>
    <row r="31" spans="1:4" ht="18" customHeight="1" x14ac:dyDescent="0.2">
      <c r="A31" s="14">
        <v>21</v>
      </c>
      <c r="B31" s="15">
        <v>15</v>
      </c>
      <c r="C31" s="16">
        <v>22</v>
      </c>
      <c r="D31" s="17">
        <v>37</v>
      </c>
    </row>
    <row r="32" spans="1:4" ht="18" customHeight="1" x14ac:dyDescent="0.2">
      <c r="A32" s="14">
        <v>22</v>
      </c>
      <c r="B32" s="15">
        <v>16</v>
      </c>
      <c r="C32" s="16">
        <v>22</v>
      </c>
      <c r="D32" s="17">
        <v>38</v>
      </c>
    </row>
    <row r="33" spans="1:4" ht="18" customHeight="1" x14ac:dyDescent="0.2">
      <c r="A33" s="14">
        <v>23</v>
      </c>
      <c r="B33" s="15">
        <v>22</v>
      </c>
      <c r="C33" s="16">
        <v>18</v>
      </c>
      <c r="D33" s="17">
        <v>40</v>
      </c>
    </row>
    <row r="34" spans="1:4" ht="18" customHeight="1" x14ac:dyDescent="0.2">
      <c r="A34" s="14">
        <v>24</v>
      </c>
      <c r="B34" s="15">
        <v>20</v>
      </c>
      <c r="C34" s="16">
        <v>26</v>
      </c>
      <c r="D34" s="17">
        <v>46</v>
      </c>
    </row>
    <row r="35" spans="1:4" ht="18" customHeight="1" x14ac:dyDescent="0.2">
      <c r="A35" s="18" t="s">
        <v>71</v>
      </c>
      <c r="B35" s="15">
        <v>91</v>
      </c>
      <c r="C35" s="16">
        <v>101</v>
      </c>
      <c r="D35" s="17">
        <v>192</v>
      </c>
    </row>
    <row r="36" spans="1:4" ht="18" customHeight="1" x14ac:dyDescent="0.2">
      <c r="A36" s="14">
        <v>25</v>
      </c>
      <c r="B36" s="15">
        <v>23</v>
      </c>
      <c r="C36" s="16">
        <v>21</v>
      </c>
      <c r="D36" s="17">
        <v>44</v>
      </c>
    </row>
    <row r="37" spans="1:4" ht="18" customHeight="1" x14ac:dyDescent="0.2">
      <c r="A37" s="14">
        <v>26</v>
      </c>
      <c r="B37" s="15">
        <v>26</v>
      </c>
      <c r="C37" s="16">
        <v>34</v>
      </c>
      <c r="D37" s="17">
        <v>60</v>
      </c>
    </row>
    <row r="38" spans="1:4" ht="18" customHeight="1" x14ac:dyDescent="0.2">
      <c r="A38" s="14">
        <v>27</v>
      </c>
      <c r="B38" s="15">
        <v>36</v>
      </c>
      <c r="C38" s="16">
        <v>31</v>
      </c>
      <c r="D38" s="17">
        <v>67</v>
      </c>
    </row>
    <row r="39" spans="1:4" ht="18" customHeight="1" x14ac:dyDescent="0.2">
      <c r="A39" s="14">
        <v>28</v>
      </c>
      <c r="B39" s="15">
        <v>34</v>
      </c>
      <c r="C39" s="16">
        <v>36</v>
      </c>
      <c r="D39" s="17">
        <v>70</v>
      </c>
    </row>
    <row r="40" spans="1:4" ht="18" customHeight="1" x14ac:dyDescent="0.2">
      <c r="A40" s="14">
        <v>29</v>
      </c>
      <c r="B40" s="15">
        <v>39</v>
      </c>
      <c r="C40" s="16">
        <v>56</v>
      </c>
      <c r="D40" s="17">
        <v>95</v>
      </c>
    </row>
    <row r="41" spans="1:4" ht="18" customHeight="1" x14ac:dyDescent="0.2">
      <c r="A41" s="18" t="s">
        <v>72</v>
      </c>
      <c r="B41" s="15">
        <v>158</v>
      </c>
      <c r="C41" s="16">
        <v>178</v>
      </c>
      <c r="D41" s="17">
        <v>336</v>
      </c>
    </row>
    <row r="42" spans="1:4" ht="18" customHeight="1" x14ac:dyDescent="0.2">
      <c r="A42" s="14">
        <v>30</v>
      </c>
      <c r="B42" s="15">
        <v>46</v>
      </c>
      <c r="C42" s="16">
        <v>47</v>
      </c>
      <c r="D42" s="17">
        <v>93</v>
      </c>
    </row>
    <row r="43" spans="1:4" ht="18" customHeight="1" x14ac:dyDescent="0.2">
      <c r="A43" s="14">
        <v>31</v>
      </c>
      <c r="B43" s="15">
        <v>51</v>
      </c>
      <c r="C43" s="16">
        <v>56</v>
      </c>
      <c r="D43" s="17">
        <v>107</v>
      </c>
    </row>
    <row r="44" spans="1:4" ht="18" customHeight="1" x14ac:dyDescent="0.2">
      <c r="A44" s="14">
        <v>32</v>
      </c>
      <c r="B44" s="15">
        <v>61</v>
      </c>
      <c r="C44" s="16">
        <v>46</v>
      </c>
      <c r="D44" s="17">
        <v>107</v>
      </c>
    </row>
    <row r="45" spans="1:4" ht="18" customHeight="1" x14ac:dyDescent="0.2">
      <c r="A45" s="14">
        <v>33</v>
      </c>
      <c r="B45" s="15">
        <v>61</v>
      </c>
      <c r="C45" s="16">
        <v>47</v>
      </c>
      <c r="D45" s="17">
        <v>108</v>
      </c>
    </row>
    <row r="46" spans="1:4" ht="18" customHeight="1" x14ac:dyDescent="0.2">
      <c r="A46" s="14">
        <v>34</v>
      </c>
      <c r="B46" s="15">
        <v>50</v>
      </c>
      <c r="C46" s="16">
        <v>45</v>
      </c>
      <c r="D46" s="17">
        <v>95</v>
      </c>
    </row>
    <row r="47" spans="1:4" ht="18" customHeight="1" x14ac:dyDescent="0.2">
      <c r="A47" s="18" t="s">
        <v>73</v>
      </c>
      <c r="B47" s="15">
        <v>269</v>
      </c>
      <c r="C47" s="16">
        <v>241</v>
      </c>
      <c r="D47" s="17">
        <v>510</v>
      </c>
    </row>
    <row r="48" spans="1:4" ht="18" customHeight="1" x14ac:dyDescent="0.2">
      <c r="A48" s="14">
        <v>35</v>
      </c>
      <c r="B48" s="15">
        <v>52</v>
      </c>
      <c r="C48" s="16">
        <v>40</v>
      </c>
      <c r="D48" s="17">
        <v>92</v>
      </c>
    </row>
    <row r="49" spans="1:4" ht="18" customHeight="1" x14ac:dyDescent="0.2">
      <c r="A49" s="14">
        <v>36</v>
      </c>
      <c r="B49" s="15">
        <v>43</v>
      </c>
      <c r="C49" s="16">
        <v>45</v>
      </c>
      <c r="D49" s="17">
        <v>88</v>
      </c>
    </row>
    <row r="50" spans="1:4" ht="18" customHeight="1" x14ac:dyDescent="0.2">
      <c r="A50" s="14">
        <v>37</v>
      </c>
      <c r="B50" s="15">
        <v>52</v>
      </c>
      <c r="C50" s="16">
        <v>45</v>
      </c>
      <c r="D50" s="17">
        <v>97</v>
      </c>
    </row>
    <row r="51" spans="1:4" ht="18" customHeight="1" x14ac:dyDescent="0.2">
      <c r="A51" s="14">
        <v>38</v>
      </c>
      <c r="B51" s="15">
        <v>32</v>
      </c>
      <c r="C51" s="16">
        <v>31</v>
      </c>
      <c r="D51" s="17">
        <v>63</v>
      </c>
    </row>
    <row r="52" spans="1:4" ht="18" customHeight="1" x14ac:dyDescent="0.2">
      <c r="A52" s="14">
        <v>39</v>
      </c>
      <c r="B52" s="15">
        <v>37</v>
      </c>
      <c r="C52" s="16">
        <v>23</v>
      </c>
      <c r="D52" s="17">
        <v>60</v>
      </c>
    </row>
    <row r="53" spans="1:4" ht="18" customHeight="1" x14ac:dyDescent="0.2">
      <c r="A53" s="18" t="s">
        <v>74</v>
      </c>
      <c r="B53" s="15">
        <v>216</v>
      </c>
      <c r="C53" s="16">
        <v>184</v>
      </c>
      <c r="D53" s="17">
        <v>400</v>
      </c>
    </row>
    <row r="54" spans="1:4" ht="18" customHeight="1" x14ac:dyDescent="0.2">
      <c r="A54" s="14">
        <v>40</v>
      </c>
      <c r="B54" s="15">
        <v>44</v>
      </c>
      <c r="C54" s="16">
        <v>25</v>
      </c>
      <c r="D54" s="17">
        <v>69</v>
      </c>
    </row>
    <row r="55" spans="1:4" ht="18" customHeight="1" x14ac:dyDescent="0.2">
      <c r="A55" s="14">
        <v>41</v>
      </c>
      <c r="B55" s="15">
        <v>37</v>
      </c>
      <c r="C55" s="16">
        <v>32</v>
      </c>
      <c r="D55" s="17">
        <v>69</v>
      </c>
    </row>
    <row r="56" spans="1:4" ht="18" customHeight="1" x14ac:dyDescent="0.2">
      <c r="A56" s="14">
        <v>42</v>
      </c>
      <c r="B56" s="15">
        <v>27</v>
      </c>
      <c r="C56" s="16">
        <v>30</v>
      </c>
      <c r="D56" s="17">
        <v>57</v>
      </c>
    </row>
    <row r="57" spans="1:4" ht="18" customHeight="1" x14ac:dyDescent="0.2">
      <c r="A57" s="14">
        <v>43</v>
      </c>
      <c r="B57" s="15">
        <v>26</v>
      </c>
      <c r="C57" s="16">
        <v>15</v>
      </c>
      <c r="D57" s="17">
        <v>41</v>
      </c>
    </row>
    <row r="58" spans="1:4" ht="18" customHeight="1" x14ac:dyDescent="0.2">
      <c r="A58" s="14">
        <v>44</v>
      </c>
      <c r="B58" s="15">
        <v>29</v>
      </c>
      <c r="C58" s="16">
        <v>32</v>
      </c>
      <c r="D58" s="17">
        <v>61</v>
      </c>
    </row>
    <row r="59" spans="1:4" ht="18" customHeight="1" x14ac:dyDescent="0.2">
      <c r="A59" s="18" t="s">
        <v>75</v>
      </c>
      <c r="B59" s="15">
        <v>163</v>
      </c>
      <c r="C59" s="16">
        <v>134</v>
      </c>
      <c r="D59" s="17">
        <v>297</v>
      </c>
    </row>
    <row r="60" spans="1:4" ht="18" customHeight="1" x14ac:dyDescent="0.2">
      <c r="A60" s="14">
        <v>45</v>
      </c>
      <c r="B60" s="15">
        <v>33</v>
      </c>
      <c r="C60" s="16">
        <v>21</v>
      </c>
      <c r="D60" s="17">
        <v>54</v>
      </c>
    </row>
    <row r="61" spans="1:4" ht="18" customHeight="1" x14ac:dyDescent="0.2">
      <c r="A61" s="14">
        <v>46</v>
      </c>
      <c r="B61" s="15">
        <v>22</v>
      </c>
      <c r="C61" s="16">
        <v>20</v>
      </c>
      <c r="D61" s="17">
        <v>42</v>
      </c>
    </row>
    <row r="62" spans="1:4" ht="18" customHeight="1" x14ac:dyDescent="0.2">
      <c r="A62" s="14">
        <v>47</v>
      </c>
      <c r="B62" s="15">
        <v>30</v>
      </c>
      <c r="C62" s="16">
        <v>14</v>
      </c>
      <c r="D62" s="17">
        <v>44</v>
      </c>
    </row>
    <row r="63" spans="1:4" ht="18" customHeight="1" x14ac:dyDescent="0.2">
      <c r="A63" s="14">
        <v>48</v>
      </c>
      <c r="B63" s="15">
        <v>13</v>
      </c>
      <c r="C63" s="16">
        <v>28</v>
      </c>
      <c r="D63" s="17">
        <v>41</v>
      </c>
    </row>
    <row r="64" spans="1:4" ht="18" customHeight="1" x14ac:dyDescent="0.2">
      <c r="A64" s="14">
        <v>49</v>
      </c>
      <c r="B64" s="15">
        <v>14</v>
      </c>
      <c r="C64" s="16">
        <v>16</v>
      </c>
      <c r="D64" s="17">
        <v>30</v>
      </c>
    </row>
    <row r="65" spans="1:4" ht="18" customHeight="1" x14ac:dyDescent="0.2">
      <c r="A65" s="18" t="s">
        <v>76</v>
      </c>
      <c r="B65" s="15">
        <v>112</v>
      </c>
      <c r="C65" s="16">
        <v>99</v>
      </c>
      <c r="D65" s="17">
        <v>211</v>
      </c>
    </row>
    <row r="66" spans="1:4" ht="18" customHeight="1" x14ac:dyDescent="0.2">
      <c r="A66" s="14">
        <v>50</v>
      </c>
      <c r="B66" s="15">
        <v>22</v>
      </c>
      <c r="C66" s="16">
        <v>25</v>
      </c>
      <c r="D66" s="17">
        <v>47</v>
      </c>
    </row>
    <row r="67" spans="1:4" ht="18" customHeight="1" x14ac:dyDescent="0.2">
      <c r="A67" s="14">
        <v>51</v>
      </c>
      <c r="B67" s="15">
        <v>22</v>
      </c>
      <c r="C67" s="16">
        <v>15</v>
      </c>
      <c r="D67" s="17">
        <v>37</v>
      </c>
    </row>
    <row r="68" spans="1:4" ht="18" customHeight="1" x14ac:dyDescent="0.2">
      <c r="A68" s="14">
        <v>52</v>
      </c>
      <c r="B68" s="15">
        <v>22</v>
      </c>
      <c r="C68" s="16">
        <v>18</v>
      </c>
      <c r="D68" s="17">
        <v>40</v>
      </c>
    </row>
    <row r="69" spans="1:4" ht="18" customHeight="1" x14ac:dyDescent="0.2">
      <c r="A69" s="14">
        <v>53</v>
      </c>
      <c r="B69" s="15">
        <v>22</v>
      </c>
      <c r="C69" s="16">
        <v>16</v>
      </c>
      <c r="D69" s="17">
        <v>38</v>
      </c>
    </row>
    <row r="70" spans="1:4" ht="18" customHeight="1" x14ac:dyDescent="0.2">
      <c r="A70" s="14">
        <v>54</v>
      </c>
      <c r="B70" s="15">
        <v>30</v>
      </c>
      <c r="C70" s="16">
        <v>26</v>
      </c>
      <c r="D70" s="17">
        <v>56</v>
      </c>
    </row>
    <row r="71" spans="1:4" ht="18" customHeight="1" x14ac:dyDescent="0.2">
      <c r="A71" s="18" t="s">
        <v>77</v>
      </c>
      <c r="B71" s="15">
        <v>118</v>
      </c>
      <c r="C71" s="16">
        <v>100</v>
      </c>
      <c r="D71" s="17">
        <v>218</v>
      </c>
    </row>
    <row r="72" spans="1:4" ht="18" customHeight="1" x14ac:dyDescent="0.2">
      <c r="A72" s="14">
        <v>55</v>
      </c>
      <c r="B72" s="15">
        <v>27</v>
      </c>
      <c r="C72" s="16">
        <v>28</v>
      </c>
      <c r="D72" s="17">
        <v>55</v>
      </c>
    </row>
    <row r="73" spans="1:4" ht="18" customHeight="1" x14ac:dyDescent="0.2">
      <c r="A73" s="14">
        <v>56</v>
      </c>
      <c r="B73" s="15">
        <v>28</v>
      </c>
      <c r="C73" s="16">
        <v>35</v>
      </c>
      <c r="D73" s="17">
        <v>63</v>
      </c>
    </row>
    <row r="74" spans="1:4" ht="18" customHeight="1" x14ac:dyDescent="0.2">
      <c r="A74" s="14">
        <v>57</v>
      </c>
      <c r="B74" s="15">
        <v>36</v>
      </c>
      <c r="C74" s="16">
        <v>23</v>
      </c>
      <c r="D74" s="17">
        <v>59</v>
      </c>
    </row>
    <row r="75" spans="1:4" ht="18" customHeight="1" x14ac:dyDescent="0.2">
      <c r="A75" s="14">
        <v>58</v>
      </c>
      <c r="B75" s="15">
        <v>31</v>
      </c>
      <c r="C75" s="16">
        <v>37</v>
      </c>
      <c r="D75" s="17">
        <v>68</v>
      </c>
    </row>
    <row r="76" spans="1:4" ht="18" customHeight="1" x14ac:dyDescent="0.2">
      <c r="A76" s="14">
        <v>59</v>
      </c>
      <c r="B76" s="15">
        <v>37</v>
      </c>
      <c r="C76" s="16">
        <v>28</v>
      </c>
      <c r="D76" s="17">
        <v>65</v>
      </c>
    </row>
    <row r="77" spans="1:4" ht="18" customHeight="1" x14ac:dyDescent="0.2">
      <c r="A77" s="18" t="s">
        <v>78</v>
      </c>
      <c r="B77" s="15">
        <v>159</v>
      </c>
      <c r="C77" s="16">
        <v>151</v>
      </c>
      <c r="D77" s="17">
        <v>310</v>
      </c>
    </row>
    <row r="78" spans="1:4" ht="18" customHeight="1" x14ac:dyDescent="0.2">
      <c r="A78" s="14">
        <v>60</v>
      </c>
      <c r="B78" s="15">
        <v>30</v>
      </c>
      <c r="C78" s="16">
        <v>31</v>
      </c>
      <c r="D78" s="17">
        <v>61</v>
      </c>
    </row>
    <row r="79" spans="1:4" ht="18" customHeight="1" x14ac:dyDescent="0.2">
      <c r="A79" s="14">
        <v>61</v>
      </c>
      <c r="B79" s="15">
        <v>34</v>
      </c>
      <c r="C79" s="16">
        <v>33</v>
      </c>
      <c r="D79" s="17">
        <v>67</v>
      </c>
    </row>
    <row r="80" spans="1:4" ht="18" customHeight="1" x14ac:dyDescent="0.2">
      <c r="A80" s="14">
        <v>62</v>
      </c>
      <c r="B80" s="15">
        <v>29</v>
      </c>
      <c r="C80" s="16">
        <v>28</v>
      </c>
      <c r="D80" s="17">
        <v>57</v>
      </c>
    </row>
    <row r="81" spans="1:4" ht="18" customHeight="1" x14ac:dyDescent="0.2">
      <c r="A81" s="14">
        <v>63</v>
      </c>
      <c r="B81" s="15">
        <v>14</v>
      </c>
      <c r="C81" s="16">
        <v>9</v>
      </c>
      <c r="D81" s="17">
        <v>23</v>
      </c>
    </row>
    <row r="82" spans="1:4" ht="18" customHeight="1" x14ac:dyDescent="0.2">
      <c r="A82" s="14">
        <v>64</v>
      </c>
      <c r="B82" s="15">
        <v>10</v>
      </c>
      <c r="C82" s="16">
        <v>28</v>
      </c>
      <c r="D82" s="17">
        <v>38</v>
      </c>
    </row>
    <row r="83" spans="1:4" ht="18" customHeight="1" x14ac:dyDescent="0.2">
      <c r="A83" s="18" t="s">
        <v>79</v>
      </c>
      <c r="B83" s="15">
        <v>117</v>
      </c>
      <c r="C83" s="16">
        <v>129</v>
      </c>
      <c r="D83" s="17">
        <v>246</v>
      </c>
    </row>
    <row r="84" spans="1:4" ht="18" customHeight="1" x14ac:dyDescent="0.2">
      <c r="A84" s="18" t="s">
        <v>80</v>
      </c>
      <c r="B84" s="15">
        <v>1475</v>
      </c>
      <c r="C84" s="16">
        <v>1402</v>
      </c>
      <c r="D84" s="17">
        <v>2877</v>
      </c>
    </row>
    <row r="85" spans="1:4" ht="18" customHeight="1" x14ac:dyDescent="0.2">
      <c r="A85" s="14">
        <v>65</v>
      </c>
      <c r="B85" s="15">
        <v>20</v>
      </c>
      <c r="C85" s="16">
        <v>26</v>
      </c>
      <c r="D85" s="17">
        <v>46</v>
      </c>
    </row>
    <row r="86" spans="1:4" ht="18" customHeight="1" x14ac:dyDescent="0.2">
      <c r="A86" s="14">
        <v>66</v>
      </c>
      <c r="B86" s="15">
        <v>16</v>
      </c>
      <c r="C86" s="16">
        <v>20</v>
      </c>
      <c r="D86" s="17">
        <v>36</v>
      </c>
    </row>
    <row r="87" spans="1:4" ht="18" customHeight="1" x14ac:dyDescent="0.2">
      <c r="A87" s="14">
        <v>67</v>
      </c>
      <c r="B87" s="15">
        <v>21</v>
      </c>
      <c r="C87" s="16">
        <v>33</v>
      </c>
      <c r="D87" s="17">
        <v>54</v>
      </c>
    </row>
    <row r="88" spans="1:4" ht="18" customHeight="1" x14ac:dyDescent="0.2">
      <c r="A88" s="14">
        <v>68</v>
      </c>
      <c r="B88" s="15">
        <v>20</v>
      </c>
      <c r="C88" s="16">
        <v>18</v>
      </c>
      <c r="D88" s="17">
        <v>38</v>
      </c>
    </row>
    <row r="89" spans="1:4" ht="18" customHeight="1" x14ac:dyDescent="0.2">
      <c r="A89" s="14">
        <v>69</v>
      </c>
      <c r="B89" s="15">
        <v>16</v>
      </c>
      <c r="C89" s="16">
        <v>17</v>
      </c>
      <c r="D89" s="17">
        <v>33</v>
      </c>
    </row>
    <row r="90" spans="1:4" ht="18" customHeight="1" x14ac:dyDescent="0.2">
      <c r="A90" s="18" t="s">
        <v>81</v>
      </c>
      <c r="B90" s="15">
        <v>93</v>
      </c>
      <c r="C90" s="16">
        <v>114</v>
      </c>
      <c r="D90" s="17">
        <v>207</v>
      </c>
    </row>
    <row r="91" spans="1:4" ht="18" customHeight="1" x14ac:dyDescent="0.2">
      <c r="A91" s="14">
        <v>70</v>
      </c>
      <c r="B91" s="15">
        <v>16</v>
      </c>
      <c r="C91" s="16">
        <v>12</v>
      </c>
      <c r="D91" s="17">
        <v>28</v>
      </c>
    </row>
    <row r="92" spans="1:4" ht="18" customHeight="1" x14ac:dyDescent="0.2">
      <c r="A92" s="14">
        <v>71</v>
      </c>
      <c r="B92" s="15">
        <v>13</v>
      </c>
      <c r="C92" s="16">
        <v>16</v>
      </c>
      <c r="D92" s="17">
        <v>29</v>
      </c>
    </row>
    <row r="93" spans="1:4" ht="18" customHeight="1" x14ac:dyDescent="0.2">
      <c r="A93" s="14">
        <v>72</v>
      </c>
      <c r="B93" s="15">
        <v>23</v>
      </c>
      <c r="C93" s="16">
        <v>21</v>
      </c>
      <c r="D93" s="17">
        <v>44</v>
      </c>
    </row>
    <row r="94" spans="1:4" ht="18" customHeight="1" x14ac:dyDescent="0.2">
      <c r="A94" s="14">
        <v>73</v>
      </c>
      <c r="B94" s="15">
        <v>25</v>
      </c>
      <c r="C94" s="16">
        <v>21</v>
      </c>
      <c r="D94" s="17">
        <v>46</v>
      </c>
    </row>
    <row r="95" spans="1:4" ht="18" customHeight="1" x14ac:dyDescent="0.2">
      <c r="A95" s="14">
        <v>74</v>
      </c>
      <c r="B95" s="15">
        <v>11</v>
      </c>
      <c r="C95" s="16">
        <v>14</v>
      </c>
      <c r="D95" s="17">
        <v>25</v>
      </c>
    </row>
    <row r="96" spans="1:4" ht="18" customHeight="1" x14ac:dyDescent="0.2">
      <c r="A96" s="18" t="s">
        <v>82</v>
      </c>
      <c r="B96" s="15">
        <v>88</v>
      </c>
      <c r="C96" s="16">
        <v>84</v>
      </c>
      <c r="D96" s="17">
        <v>172</v>
      </c>
    </row>
    <row r="97" spans="1:4" ht="18" customHeight="1" x14ac:dyDescent="0.2">
      <c r="A97" s="14">
        <v>75</v>
      </c>
      <c r="B97" s="15">
        <v>15</v>
      </c>
      <c r="C97" s="16">
        <v>29</v>
      </c>
      <c r="D97" s="17">
        <v>44</v>
      </c>
    </row>
    <row r="98" spans="1:4" ht="18" customHeight="1" x14ac:dyDescent="0.2">
      <c r="A98" s="14">
        <v>76</v>
      </c>
      <c r="B98" s="15">
        <v>5</v>
      </c>
      <c r="C98" s="16">
        <v>19</v>
      </c>
      <c r="D98" s="17">
        <v>24</v>
      </c>
    </row>
    <row r="99" spans="1:4" ht="18" customHeight="1" x14ac:dyDescent="0.2">
      <c r="A99" s="14">
        <v>77</v>
      </c>
      <c r="B99" s="15">
        <v>15</v>
      </c>
      <c r="C99" s="16">
        <v>14</v>
      </c>
      <c r="D99" s="17">
        <v>29</v>
      </c>
    </row>
    <row r="100" spans="1:4" ht="18" customHeight="1" x14ac:dyDescent="0.2">
      <c r="A100" s="14">
        <v>78</v>
      </c>
      <c r="B100" s="15">
        <v>15</v>
      </c>
      <c r="C100" s="16">
        <v>18</v>
      </c>
      <c r="D100" s="17">
        <v>33</v>
      </c>
    </row>
    <row r="101" spans="1:4" ht="18" customHeight="1" x14ac:dyDescent="0.2">
      <c r="A101" s="14">
        <v>79</v>
      </c>
      <c r="B101" s="15">
        <v>6</v>
      </c>
      <c r="C101" s="16">
        <v>17</v>
      </c>
      <c r="D101" s="17">
        <v>23</v>
      </c>
    </row>
    <row r="102" spans="1:4" ht="18" customHeight="1" x14ac:dyDescent="0.2">
      <c r="A102" s="18" t="s">
        <v>83</v>
      </c>
      <c r="B102" s="15">
        <v>56</v>
      </c>
      <c r="C102" s="16">
        <v>97</v>
      </c>
      <c r="D102" s="17">
        <v>153</v>
      </c>
    </row>
    <row r="103" spans="1:4" ht="18" customHeight="1" x14ac:dyDescent="0.2">
      <c r="A103" s="14">
        <v>80</v>
      </c>
      <c r="B103" s="15">
        <v>14</v>
      </c>
      <c r="C103" s="16">
        <v>17</v>
      </c>
      <c r="D103" s="17">
        <v>31</v>
      </c>
    </row>
    <row r="104" spans="1:4" ht="18" customHeight="1" x14ac:dyDescent="0.2">
      <c r="A104" s="14">
        <v>81</v>
      </c>
      <c r="B104" s="15">
        <v>9</v>
      </c>
      <c r="C104" s="16">
        <v>12</v>
      </c>
      <c r="D104" s="17">
        <v>21</v>
      </c>
    </row>
    <row r="105" spans="1:4" ht="18" customHeight="1" x14ac:dyDescent="0.2">
      <c r="A105" s="14">
        <v>82</v>
      </c>
      <c r="B105" s="15">
        <v>14</v>
      </c>
      <c r="C105" s="16">
        <v>12</v>
      </c>
      <c r="D105" s="17">
        <v>26</v>
      </c>
    </row>
    <row r="106" spans="1:4" ht="18" customHeight="1" x14ac:dyDescent="0.2">
      <c r="A106" s="14">
        <v>83</v>
      </c>
      <c r="B106" s="15">
        <v>10</v>
      </c>
      <c r="C106" s="16">
        <v>19</v>
      </c>
      <c r="D106" s="17">
        <v>29</v>
      </c>
    </row>
    <row r="107" spans="1:4" ht="18" customHeight="1" x14ac:dyDescent="0.2">
      <c r="A107" s="14">
        <v>84</v>
      </c>
      <c r="B107" s="15">
        <v>8</v>
      </c>
      <c r="C107" s="16">
        <v>13</v>
      </c>
      <c r="D107" s="17">
        <v>21</v>
      </c>
    </row>
    <row r="108" spans="1:4" ht="18" customHeight="1" x14ac:dyDescent="0.2">
      <c r="A108" s="18" t="s">
        <v>84</v>
      </c>
      <c r="B108" s="15">
        <v>55</v>
      </c>
      <c r="C108" s="16">
        <v>73</v>
      </c>
      <c r="D108" s="17">
        <v>128</v>
      </c>
    </row>
    <row r="109" spans="1:4" ht="18" customHeight="1" x14ac:dyDescent="0.2">
      <c r="A109" s="14">
        <v>85</v>
      </c>
      <c r="B109" s="15">
        <v>6</v>
      </c>
      <c r="C109" s="16">
        <v>12</v>
      </c>
      <c r="D109" s="17">
        <v>18</v>
      </c>
    </row>
    <row r="110" spans="1:4" ht="18" customHeight="1" x14ac:dyDescent="0.2">
      <c r="A110" s="14">
        <v>86</v>
      </c>
      <c r="B110" s="15">
        <v>6</v>
      </c>
      <c r="C110" s="16">
        <v>10</v>
      </c>
      <c r="D110" s="17">
        <v>16</v>
      </c>
    </row>
    <row r="111" spans="1:4" ht="18" customHeight="1" x14ac:dyDescent="0.2">
      <c r="A111" s="14">
        <v>87</v>
      </c>
      <c r="B111" s="15">
        <v>3</v>
      </c>
      <c r="C111" s="16">
        <v>10</v>
      </c>
      <c r="D111" s="17">
        <v>13</v>
      </c>
    </row>
    <row r="112" spans="1:4" ht="18" customHeight="1" x14ac:dyDescent="0.2">
      <c r="A112" s="14">
        <v>88</v>
      </c>
      <c r="B112" s="15">
        <v>4</v>
      </c>
      <c r="C112" s="16">
        <v>16</v>
      </c>
      <c r="D112" s="17">
        <v>20</v>
      </c>
    </row>
    <row r="113" spans="1:4" ht="18" customHeight="1" x14ac:dyDescent="0.2">
      <c r="A113" s="14">
        <v>89</v>
      </c>
      <c r="B113" s="15">
        <v>0</v>
      </c>
      <c r="C113" s="16">
        <v>8</v>
      </c>
      <c r="D113" s="17">
        <v>8</v>
      </c>
    </row>
    <row r="114" spans="1:4" ht="18" customHeight="1" x14ac:dyDescent="0.2">
      <c r="A114" s="18" t="s">
        <v>85</v>
      </c>
      <c r="B114" s="15">
        <v>19</v>
      </c>
      <c r="C114" s="16">
        <v>56</v>
      </c>
      <c r="D114" s="17">
        <v>75</v>
      </c>
    </row>
    <row r="115" spans="1:4" ht="18" customHeight="1" x14ac:dyDescent="0.2">
      <c r="A115" s="14">
        <v>90</v>
      </c>
      <c r="B115" s="15">
        <v>1</v>
      </c>
      <c r="C115" s="16">
        <v>3</v>
      </c>
      <c r="D115" s="17">
        <v>4</v>
      </c>
    </row>
    <row r="116" spans="1:4" ht="18" customHeight="1" x14ac:dyDescent="0.2">
      <c r="A116" s="14">
        <v>91</v>
      </c>
      <c r="B116" s="15">
        <v>0</v>
      </c>
      <c r="C116" s="16">
        <v>3</v>
      </c>
      <c r="D116" s="17">
        <v>3</v>
      </c>
    </row>
    <row r="117" spans="1:4" ht="18" customHeight="1" x14ac:dyDescent="0.2">
      <c r="A117" s="14">
        <v>92</v>
      </c>
      <c r="B117" s="15">
        <v>4</v>
      </c>
      <c r="C117" s="16">
        <v>6</v>
      </c>
      <c r="D117" s="17">
        <v>10</v>
      </c>
    </row>
    <row r="118" spans="1:4" ht="18" customHeight="1" x14ac:dyDescent="0.2">
      <c r="A118" s="14">
        <v>93</v>
      </c>
      <c r="B118" s="15">
        <v>4</v>
      </c>
      <c r="C118" s="16">
        <v>1</v>
      </c>
      <c r="D118" s="17">
        <v>5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86</v>
      </c>
      <c r="B120" s="15">
        <v>10</v>
      </c>
      <c r="C120" s="16">
        <v>14</v>
      </c>
      <c r="D120" s="17">
        <v>24</v>
      </c>
    </row>
    <row r="121" spans="1:4" ht="18" customHeight="1" x14ac:dyDescent="0.2">
      <c r="A121" s="14">
        <v>95</v>
      </c>
      <c r="B121" s="15">
        <v>1</v>
      </c>
      <c r="C121" s="16">
        <v>0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4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323</v>
      </c>
      <c r="C130" s="5">
        <v>443</v>
      </c>
      <c r="D130" s="6">
        <v>766</v>
      </c>
    </row>
    <row r="131" spans="1:4" ht="18" customHeight="1" x14ac:dyDescent="0.2">
      <c r="A131" s="20" t="s">
        <v>65</v>
      </c>
      <c r="B131" s="7">
        <v>2166</v>
      </c>
      <c r="C131" s="8">
        <v>2144</v>
      </c>
      <c r="D131" s="9">
        <v>431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9</v>
      </c>
      <c r="C5" s="12">
        <v>27</v>
      </c>
      <c r="D5" s="13">
        <v>56</v>
      </c>
    </row>
    <row r="6" spans="1:4" ht="18" customHeight="1" x14ac:dyDescent="0.2">
      <c r="A6" s="14">
        <v>1</v>
      </c>
      <c r="B6" s="15">
        <v>31</v>
      </c>
      <c r="C6" s="16">
        <v>44</v>
      </c>
      <c r="D6" s="17">
        <v>75</v>
      </c>
    </row>
    <row r="7" spans="1:4" ht="18" customHeight="1" x14ac:dyDescent="0.2">
      <c r="A7" s="14">
        <v>2</v>
      </c>
      <c r="B7" s="15">
        <v>35</v>
      </c>
      <c r="C7" s="16">
        <v>32</v>
      </c>
      <c r="D7" s="17">
        <v>67</v>
      </c>
    </row>
    <row r="8" spans="1:4" ht="18" customHeight="1" x14ac:dyDescent="0.2">
      <c r="A8" s="14">
        <v>3</v>
      </c>
      <c r="B8" s="15">
        <v>43</v>
      </c>
      <c r="C8" s="16">
        <v>37</v>
      </c>
      <c r="D8" s="17">
        <v>80</v>
      </c>
    </row>
    <row r="9" spans="1:4" ht="18" customHeight="1" x14ac:dyDescent="0.2">
      <c r="A9" s="14">
        <v>4</v>
      </c>
      <c r="B9" s="15">
        <v>40</v>
      </c>
      <c r="C9" s="16">
        <v>57</v>
      </c>
      <c r="D9" s="17">
        <v>97</v>
      </c>
    </row>
    <row r="10" spans="1:4" ht="18" customHeight="1" x14ac:dyDescent="0.2">
      <c r="A10" s="18" t="s">
        <v>66</v>
      </c>
      <c r="B10" s="15">
        <v>178</v>
      </c>
      <c r="C10" s="16">
        <v>197</v>
      </c>
      <c r="D10" s="17">
        <v>375</v>
      </c>
    </row>
    <row r="11" spans="1:4" ht="18" customHeight="1" x14ac:dyDescent="0.2">
      <c r="A11" s="14">
        <v>5</v>
      </c>
      <c r="B11" s="15">
        <v>43</v>
      </c>
      <c r="C11" s="16">
        <v>28</v>
      </c>
      <c r="D11" s="17">
        <v>71</v>
      </c>
    </row>
    <row r="12" spans="1:4" ht="18" customHeight="1" x14ac:dyDescent="0.2">
      <c r="A12" s="14">
        <v>6</v>
      </c>
      <c r="B12" s="15">
        <v>37</v>
      </c>
      <c r="C12" s="16">
        <v>38</v>
      </c>
      <c r="D12" s="17">
        <v>75</v>
      </c>
    </row>
    <row r="13" spans="1:4" ht="18" customHeight="1" x14ac:dyDescent="0.2">
      <c r="A13" s="14">
        <v>7</v>
      </c>
      <c r="B13" s="15">
        <v>45</v>
      </c>
      <c r="C13" s="16">
        <v>47</v>
      </c>
      <c r="D13" s="17">
        <v>92</v>
      </c>
    </row>
    <row r="14" spans="1:4" ht="18" customHeight="1" x14ac:dyDescent="0.2">
      <c r="A14" s="14">
        <v>8</v>
      </c>
      <c r="B14" s="15">
        <v>49</v>
      </c>
      <c r="C14" s="16">
        <v>46</v>
      </c>
      <c r="D14" s="17">
        <v>95</v>
      </c>
    </row>
    <row r="15" spans="1:4" ht="18" customHeight="1" x14ac:dyDescent="0.2">
      <c r="A15" s="14">
        <v>9</v>
      </c>
      <c r="B15" s="15">
        <v>34</v>
      </c>
      <c r="C15" s="16">
        <v>43</v>
      </c>
      <c r="D15" s="17">
        <v>77</v>
      </c>
    </row>
    <row r="16" spans="1:4" ht="18" customHeight="1" x14ac:dyDescent="0.2">
      <c r="A16" s="18" t="s">
        <v>67</v>
      </c>
      <c r="B16" s="15">
        <v>208</v>
      </c>
      <c r="C16" s="16">
        <v>202</v>
      </c>
      <c r="D16" s="17">
        <v>410</v>
      </c>
    </row>
    <row r="17" spans="1:4" ht="18" customHeight="1" x14ac:dyDescent="0.2">
      <c r="A17" s="14">
        <v>10</v>
      </c>
      <c r="B17" s="15">
        <v>48</v>
      </c>
      <c r="C17" s="16">
        <v>28</v>
      </c>
      <c r="D17" s="17">
        <v>76</v>
      </c>
    </row>
    <row r="18" spans="1:4" ht="18" customHeight="1" x14ac:dyDescent="0.2">
      <c r="A18" s="14">
        <v>11</v>
      </c>
      <c r="B18" s="15">
        <v>47</v>
      </c>
      <c r="C18" s="16">
        <v>35</v>
      </c>
      <c r="D18" s="17">
        <v>82</v>
      </c>
    </row>
    <row r="19" spans="1:4" ht="18" customHeight="1" x14ac:dyDescent="0.2">
      <c r="A19" s="14">
        <v>12</v>
      </c>
      <c r="B19" s="15">
        <v>42</v>
      </c>
      <c r="C19" s="16">
        <v>34</v>
      </c>
      <c r="D19" s="17">
        <v>76</v>
      </c>
    </row>
    <row r="20" spans="1:4" ht="18" customHeight="1" x14ac:dyDescent="0.2">
      <c r="A20" s="14">
        <v>13</v>
      </c>
      <c r="B20" s="15">
        <v>42</v>
      </c>
      <c r="C20" s="16">
        <v>40</v>
      </c>
      <c r="D20" s="17">
        <v>82</v>
      </c>
    </row>
    <row r="21" spans="1:4" ht="18" customHeight="1" x14ac:dyDescent="0.2">
      <c r="A21" s="14">
        <v>14</v>
      </c>
      <c r="B21" s="15">
        <v>29</v>
      </c>
      <c r="C21" s="16">
        <v>21</v>
      </c>
      <c r="D21" s="17">
        <v>50</v>
      </c>
    </row>
    <row r="22" spans="1:4" ht="18" customHeight="1" x14ac:dyDescent="0.2">
      <c r="A22" s="18" t="s">
        <v>68</v>
      </c>
      <c r="B22" s="15">
        <v>208</v>
      </c>
      <c r="C22" s="16">
        <v>158</v>
      </c>
      <c r="D22" s="17">
        <v>366</v>
      </c>
    </row>
    <row r="23" spans="1:4" ht="18" customHeight="1" x14ac:dyDescent="0.2">
      <c r="A23" s="18" t="s">
        <v>69</v>
      </c>
      <c r="B23" s="15">
        <v>594</v>
      </c>
      <c r="C23" s="16">
        <v>557</v>
      </c>
      <c r="D23" s="17">
        <v>1151</v>
      </c>
    </row>
    <row r="24" spans="1:4" ht="18" customHeight="1" x14ac:dyDescent="0.2">
      <c r="A24" s="14">
        <v>15</v>
      </c>
      <c r="B24" s="15">
        <v>36</v>
      </c>
      <c r="C24" s="16">
        <v>27</v>
      </c>
      <c r="D24" s="17">
        <v>63</v>
      </c>
    </row>
    <row r="25" spans="1:4" ht="18" customHeight="1" x14ac:dyDescent="0.2">
      <c r="A25" s="14">
        <v>16</v>
      </c>
      <c r="B25" s="15">
        <v>40</v>
      </c>
      <c r="C25" s="16">
        <v>35</v>
      </c>
      <c r="D25" s="17">
        <v>75</v>
      </c>
    </row>
    <row r="26" spans="1:4" ht="18" customHeight="1" x14ac:dyDescent="0.2">
      <c r="A26" s="14">
        <v>17</v>
      </c>
      <c r="B26" s="15">
        <v>44</v>
      </c>
      <c r="C26" s="16">
        <v>37</v>
      </c>
      <c r="D26" s="17">
        <v>81</v>
      </c>
    </row>
    <row r="27" spans="1:4" ht="18" customHeight="1" x14ac:dyDescent="0.2">
      <c r="A27" s="14">
        <v>18</v>
      </c>
      <c r="B27" s="15">
        <v>36</v>
      </c>
      <c r="C27" s="16">
        <v>33</v>
      </c>
      <c r="D27" s="17">
        <v>69</v>
      </c>
    </row>
    <row r="28" spans="1:4" ht="18" customHeight="1" x14ac:dyDescent="0.2">
      <c r="A28" s="14">
        <v>19</v>
      </c>
      <c r="B28" s="15">
        <v>40</v>
      </c>
      <c r="C28" s="16">
        <v>29</v>
      </c>
      <c r="D28" s="17">
        <v>69</v>
      </c>
    </row>
    <row r="29" spans="1:4" ht="18" customHeight="1" x14ac:dyDescent="0.2">
      <c r="A29" s="18" t="s">
        <v>70</v>
      </c>
      <c r="B29" s="15">
        <v>196</v>
      </c>
      <c r="C29" s="16">
        <v>161</v>
      </c>
      <c r="D29" s="17">
        <v>357</v>
      </c>
    </row>
    <row r="30" spans="1:4" ht="18" customHeight="1" x14ac:dyDescent="0.2">
      <c r="A30" s="14">
        <v>20</v>
      </c>
      <c r="B30" s="15">
        <v>34</v>
      </c>
      <c r="C30" s="16">
        <v>36</v>
      </c>
      <c r="D30" s="17">
        <v>70</v>
      </c>
    </row>
    <row r="31" spans="1:4" ht="18" customHeight="1" x14ac:dyDescent="0.2">
      <c r="A31" s="14">
        <v>21</v>
      </c>
      <c r="B31" s="15">
        <v>38</v>
      </c>
      <c r="C31" s="16">
        <v>31</v>
      </c>
      <c r="D31" s="17">
        <v>69</v>
      </c>
    </row>
    <row r="32" spans="1:4" ht="18" customHeight="1" x14ac:dyDescent="0.2">
      <c r="A32" s="14">
        <v>22</v>
      </c>
      <c r="B32" s="15">
        <v>36</v>
      </c>
      <c r="C32" s="16">
        <v>24</v>
      </c>
      <c r="D32" s="17">
        <v>60</v>
      </c>
    </row>
    <row r="33" spans="1:4" ht="18" customHeight="1" x14ac:dyDescent="0.2">
      <c r="A33" s="14">
        <v>23</v>
      </c>
      <c r="B33" s="15">
        <v>34</v>
      </c>
      <c r="C33" s="16">
        <v>38</v>
      </c>
      <c r="D33" s="17">
        <v>72</v>
      </c>
    </row>
    <row r="34" spans="1:4" ht="18" customHeight="1" x14ac:dyDescent="0.2">
      <c r="A34" s="14">
        <v>24</v>
      </c>
      <c r="B34" s="15">
        <v>31</v>
      </c>
      <c r="C34" s="16">
        <v>43</v>
      </c>
      <c r="D34" s="17">
        <v>74</v>
      </c>
    </row>
    <row r="35" spans="1:4" ht="18" customHeight="1" x14ac:dyDescent="0.2">
      <c r="A35" s="18" t="s">
        <v>71</v>
      </c>
      <c r="B35" s="15">
        <v>173</v>
      </c>
      <c r="C35" s="16">
        <v>172</v>
      </c>
      <c r="D35" s="17">
        <v>345</v>
      </c>
    </row>
    <row r="36" spans="1:4" ht="18" customHeight="1" x14ac:dyDescent="0.2">
      <c r="A36" s="14">
        <v>25</v>
      </c>
      <c r="B36" s="15">
        <v>39</v>
      </c>
      <c r="C36" s="16">
        <v>34</v>
      </c>
      <c r="D36" s="17">
        <v>73</v>
      </c>
    </row>
    <row r="37" spans="1:4" ht="18" customHeight="1" x14ac:dyDescent="0.2">
      <c r="A37" s="14">
        <v>26</v>
      </c>
      <c r="B37" s="15">
        <v>25</v>
      </c>
      <c r="C37" s="16">
        <v>30</v>
      </c>
      <c r="D37" s="17">
        <v>55</v>
      </c>
    </row>
    <row r="38" spans="1:4" ht="18" customHeight="1" x14ac:dyDescent="0.2">
      <c r="A38" s="14">
        <v>27</v>
      </c>
      <c r="B38" s="15">
        <v>47</v>
      </c>
      <c r="C38" s="16">
        <v>40</v>
      </c>
      <c r="D38" s="17">
        <v>87</v>
      </c>
    </row>
    <row r="39" spans="1:4" ht="18" customHeight="1" x14ac:dyDescent="0.2">
      <c r="A39" s="14">
        <v>28</v>
      </c>
      <c r="B39" s="15">
        <v>34</v>
      </c>
      <c r="C39" s="16">
        <v>30</v>
      </c>
      <c r="D39" s="17">
        <v>64</v>
      </c>
    </row>
    <row r="40" spans="1:4" ht="18" customHeight="1" x14ac:dyDescent="0.2">
      <c r="A40" s="14">
        <v>29</v>
      </c>
      <c r="B40" s="15">
        <v>36</v>
      </c>
      <c r="C40" s="16">
        <v>32</v>
      </c>
      <c r="D40" s="17">
        <v>68</v>
      </c>
    </row>
    <row r="41" spans="1:4" ht="18" customHeight="1" x14ac:dyDescent="0.2">
      <c r="A41" s="18" t="s">
        <v>72</v>
      </c>
      <c r="B41" s="15">
        <v>181</v>
      </c>
      <c r="C41" s="16">
        <v>166</v>
      </c>
      <c r="D41" s="17">
        <v>347</v>
      </c>
    </row>
    <row r="42" spans="1:4" ht="18" customHeight="1" x14ac:dyDescent="0.2">
      <c r="A42" s="14">
        <v>30</v>
      </c>
      <c r="B42" s="15">
        <v>33</v>
      </c>
      <c r="C42" s="16">
        <v>44</v>
      </c>
      <c r="D42" s="17">
        <v>77</v>
      </c>
    </row>
    <row r="43" spans="1:4" ht="18" customHeight="1" x14ac:dyDescent="0.2">
      <c r="A43" s="14">
        <v>31</v>
      </c>
      <c r="B43" s="15">
        <v>47</v>
      </c>
      <c r="C43" s="16">
        <v>50</v>
      </c>
      <c r="D43" s="17">
        <v>97</v>
      </c>
    </row>
    <row r="44" spans="1:4" ht="18" customHeight="1" x14ac:dyDescent="0.2">
      <c r="A44" s="14">
        <v>32</v>
      </c>
      <c r="B44" s="15">
        <v>52</v>
      </c>
      <c r="C44" s="16">
        <v>55</v>
      </c>
      <c r="D44" s="17">
        <v>107</v>
      </c>
    </row>
    <row r="45" spans="1:4" ht="18" customHeight="1" x14ac:dyDescent="0.2">
      <c r="A45" s="14">
        <v>33</v>
      </c>
      <c r="B45" s="15">
        <v>41</v>
      </c>
      <c r="C45" s="16">
        <v>61</v>
      </c>
      <c r="D45" s="17">
        <v>102</v>
      </c>
    </row>
    <row r="46" spans="1:4" ht="18" customHeight="1" x14ac:dyDescent="0.2">
      <c r="A46" s="14">
        <v>34</v>
      </c>
      <c r="B46" s="15">
        <v>82</v>
      </c>
      <c r="C46" s="16">
        <v>59</v>
      </c>
      <c r="D46" s="17">
        <v>141</v>
      </c>
    </row>
    <row r="47" spans="1:4" ht="18" customHeight="1" x14ac:dyDescent="0.2">
      <c r="A47" s="18" t="s">
        <v>73</v>
      </c>
      <c r="B47" s="15">
        <v>255</v>
      </c>
      <c r="C47" s="16">
        <v>269</v>
      </c>
      <c r="D47" s="17">
        <v>524</v>
      </c>
    </row>
    <row r="48" spans="1:4" ht="18" customHeight="1" x14ac:dyDescent="0.2">
      <c r="A48" s="14">
        <v>35</v>
      </c>
      <c r="B48" s="15">
        <v>75</v>
      </c>
      <c r="C48" s="16">
        <v>74</v>
      </c>
      <c r="D48" s="17">
        <v>149</v>
      </c>
    </row>
    <row r="49" spans="1:4" ht="18" customHeight="1" x14ac:dyDescent="0.2">
      <c r="A49" s="14">
        <v>36</v>
      </c>
      <c r="B49" s="15">
        <v>72</v>
      </c>
      <c r="C49" s="16">
        <v>85</v>
      </c>
      <c r="D49" s="17">
        <v>157</v>
      </c>
    </row>
    <row r="50" spans="1:4" ht="18" customHeight="1" x14ac:dyDescent="0.2">
      <c r="A50" s="14">
        <v>37</v>
      </c>
      <c r="B50" s="15">
        <v>64</v>
      </c>
      <c r="C50" s="16">
        <v>72</v>
      </c>
      <c r="D50" s="17">
        <v>136</v>
      </c>
    </row>
    <row r="51" spans="1:4" ht="18" customHeight="1" x14ac:dyDescent="0.2">
      <c r="A51" s="14">
        <v>38</v>
      </c>
      <c r="B51" s="15">
        <v>51</v>
      </c>
      <c r="C51" s="16">
        <v>57</v>
      </c>
      <c r="D51" s="17">
        <v>108</v>
      </c>
    </row>
    <row r="52" spans="1:4" ht="18" customHeight="1" x14ac:dyDescent="0.2">
      <c r="A52" s="14">
        <v>39</v>
      </c>
      <c r="B52" s="15">
        <v>62</v>
      </c>
      <c r="C52" s="16">
        <v>48</v>
      </c>
      <c r="D52" s="17">
        <v>110</v>
      </c>
    </row>
    <row r="53" spans="1:4" ht="18" customHeight="1" x14ac:dyDescent="0.2">
      <c r="A53" s="18" t="s">
        <v>74</v>
      </c>
      <c r="B53" s="15">
        <v>324</v>
      </c>
      <c r="C53" s="16">
        <v>336</v>
      </c>
      <c r="D53" s="17">
        <v>660</v>
      </c>
    </row>
    <row r="54" spans="1:4" ht="18" customHeight="1" x14ac:dyDescent="0.2">
      <c r="A54" s="14">
        <v>40</v>
      </c>
      <c r="B54" s="15">
        <v>58</v>
      </c>
      <c r="C54" s="16">
        <v>43</v>
      </c>
      <c r="D54" s="17">
        <v>101</v>
      </c>
    </row>
    <row r="55" spans="1:4" ht="18" customHeight="1" x14ac:dyDescent="0.2">
      <c r="A55" s="14">
        <v>41</v>
      </c>
      <c r="B55" s="15">
        <v>52</v>
      </c>
      <c r="C55" s="16">
        <v>42</v>
      </c>
      <c r="D55" s="17">
        <v>94</v>
      </c>
    </row>
    <row r="56" spans="1:4" ht="18" customHeight="1" x14ac:dyDescent="0.2">
      <c r="A56" s="14">
        <v>42</v>
      </c>
      <c r="B56" s="15">
        <v>53</v>
      </c>
      <c r="C56" s="16">
        <v>51</v>
      </c>
      <c r="D56" s="17">
        <v>104</v>
      </c>
    </row>
    <row r="57" spans="1:4" ht="18" customHeight="1" x14ac:dyDescent="0.2">
      <c r="A57" s="14">
        <v>43</v>
      </c>
      <c r="B57" s="15">
        <v>44</v>
      </c>
      <c r="C57" s="16">
        <v>46</v>
      </c>
      <c r="D57" s="17">
        <v>90</v>
      </c>
    </row>
    <row r="58" spans="1:4" ht="18" customHeight="1" x14ac:dyDescent="0.2">
      <c r="A58" s="14">
        <v>44</v>
      </c>
      <c r="B58" s="15">
        <v>44</v>
      </c>
      <c r="C58" s="16">
        <v>44</v>
      </c>
      <c r="D58" s="17">
        <v>88</v>
      </c>
    </row>
    <row r="59" spans="1:4" ht="18" customHeight="1" x14ac:dyDescent="0.2">
      <c r="A59" s="18" t="s">
        <v>75</v>
      </c>
      <c r="B59" s="15">
        <v>251</v>
      </c>
      <c r="C59" s="16">
        <v>226</v>
      </c>
      <c r="D59" s="17">
        <v>477</v>
      </c>
    </row>
    <row r="60" spans="1:4" ht="18" customHeight="1" x14ac:dyDescent="0.2">
      <c r="A60" s="14">
        <v>45</v>
      </c>
      <c r="B60" s="15">
        <v>46</v>
      </c>
      <c r="C60" s="16">
        <v>48</v>
      </c>
      <c r="D60" s="17">
        <v>94</v>
      </c>
    </row>
    <row r="61" spans="1:4" ht="18" customHeight="1" x14ac:dyDescent="0.2">
      <c r="A61" s="14">
        <v>46</v>
      </c>
      <c r="B61" s="15">
        <v>35</v>
      </c>
      <c r="C61" s="16">
        <v>37</v>
      </c>
      <c r="D61" s="17">
        <v>72</v>
      </c>
    </row>
    <row r="62" spans="1:4" ht="18" customHeight="1" x14ac:dyDescent="0.2">
      <c r="A62" s="14">
        <v>47</v>
      </c>
      <c r="B62" s="15">
        <v>47</v>
      </c>
      <c r="C62" s="16">
        <v>34</v>
      </c>
      <c r="D62" s="17">
        <v>81</v>
      </c>
    </row>
    <row r="63" spans="1:4" ht="18" customHeight="1" x14ac:dyDescent="0.2">
      <c r="A63" s="14">
        <v>48</v>
      </c>
      <c r="B63" s="15">
        <v>45</v>
      </c>
      <c r="C63" s="16">
        <v>36</v>
      </c>
      <c r="D63" s="17">
        <v>81</v>
      </c>
    </row>
    <row r="64" spans="1:4" ht="18" customHeight="1" x14ac:dyDescent="0.2">
      <c r="A64" s="14">
        <v>49</v>
      </c>
      <c r="B64" s="15">
        <v>38</v>
      </c>
      <c r="C64" s="16">
        <v>53</v>
      </c>
      <c r="D64" s="17">
        <v>91</v>
      </c>
    </row>
    <row r="65" spans="1:4" ht="18" customHeight="1" x14ac:dyDescent="0.2">
      <c r="A65" s="18" t="s">
        <v>76</v>
      </c>
      <c r="B65" s="15">
        <v>211</v>
      </c>
      <c r="C65" s="16">
        <v>208</v>
      </c>
      <c r="D65" s="17">
        <v>419</v>
      </c>
    </row>
    <row r="66" spans="1:4" ht="18" customHeight="1" x14ac:dyDescent="0.2">
      <c r="A66" s="14">
        <v>50</v>
      </c>
      <c r="B66" s="15">
        <v>42</v>
      </c>
      <c r="C66" s="16">
        <v>51</v>
      </c>
      <c r="D66" s="17">
        <v>93</v>
      </c>
    </row>
    <row r="67" spans="1:4" ht="18" customHeight="1" x14ac:dyDescent="0.2">
      <c r="A67" s="14">
        <v>51</v>
      </c>
      <c r="B67" s="15">
        <v>57</v>
      </c>
      <c r="C67" s="16">
        <v>45</v>
      </c>
      <c r="D67" s="17">
        <v>102</v>
      </c>
    </row>
    <row r="68" spans="1:4" ht="18" customHeight="1" x14ac:dyDescent="0.2">
      <c r="A68" s="14">
        <v>52</v>
      </c>
      <c r="B68" s="15">
        <v>42</v>
      </c>
      <c r="C68" s="16">
        <v>44</v>
      </c>
      <c r="D68" s="17">
        <v>86</v>
      </c>
    </row>
    <row r="69" spans="1:4" ht="18" customHeight="1" x14ac:dyDescent="0.2">
      <c r="A69" s="14">
        <v>53</v>
      </c>
      <c r="B69" s="15">
        <v>37</v>
      </c>
      <c r="C69" s="16">
        <v>51</v>
      </c>
      <c r="D69" s="17">
        <v>88</v>
      </c>
    </row>
    <row r="70" spans="1:4" ht="18" customHeight="1" x14ac:dyDescent="0.2">
      <c r="A70" s="14">
        <v>54</v>
      </c>
      <c r="B70" s="15">
        <v>48</v>
      </c>
      <c r="C70" s="16">
        <v>49</v>
      </c>
      <c r="D70" s="17">
        <v>97</v>
      </c>
    </row>
    <row r="71" spans="1:4" ht="18" customHeight="1" x14ac:dyDescent="0.2">
      <c r="A71" s="18" t="s">
        <v>77</v>
      </c>
      <c r="B71" s="15">
        <v>226</v>
      </c>
      <c r="C71" s="16">
        <v>240</v>
      </c>
      <c r="D71" s="17">
        <v>466</v>
      </c>
    </row>
    <row r="72" spans="1:4" ht="18" customHeight="1" x14ac:dyDescent="0.2">
      <c r="A72" s="14">
        <v>55</v>
      </c>
      <c r="B72" s="15">
        <v>44</v>
      </c>
      <c r="C72" s="16">
        <v>46</v>
      </c>
      <c r="D72" s="17">
        <v>90</v>
      </c>
    </row>
    <row r="73" spans="1:4" ht="18" customHeight="1" x14ac:dyDescent="0.2">
      <c r="A73" s="14">
        <v>56</v>
      </c>
      <c r="B73" s="15">
        <v>61</v>
      </c>
      <c r="C73" s="16">
        <v>46</v>
      </c>
      <c r="D73" s="17">
        <v>107</v>
      </c>
    </row>
    <row r="74" spans="1:4" ht="18" customHeight="1" x14ac:dyDescent="0.2">
      <c r="A74" s="14">
        <v>57</v>
      </c>
      <c r="B74" s="15">
        <v>41</v>
      </c>
      <c r="C74" s="16">
        <v>54</v>
      </c>
      <c r="D74" s="17">
        <v>95</v>
      </c>
    </row>
    <row r="75" spans="1:4" ht="18" customHeight="1" x14ac:dyDescent="0.2">
      <c r="A75" s="14">
        <v>58</v>
      </c>
      <c r="B75" s="15">
        <v>65</v>
      </c>
      <c r="C75" s="16">
        <v>59</v>
      </c>
      <c r="D75" s="17">
        <v>124</v>
      </c>
    </row>
    <row r="76" spans="1:4" ht="18" customHeight="1" x14ac:dyDescent="0.2">
      <c r="A76" s="14">
        <v>59</v>
      </c>
      <c r="B76" s="15">
        <v>59</v>
      </c>
      <c r="C76" s="16">
        <v>82</v>
      </c>
      <c r="D76" s="17">
        <v>141</v>
      </c>
    </row>
    <row r="77" spans="1:4" ht="18" customHeight="1" x14ac:dyDescent="0.2">
      <c r="A77" s="18" t="s">
        <v>78</v>
      </c>
      <c r="B77" s="15">
        <v>270</v>
      </c>
      <c r="C77" s="16">
        <v>287</v>
      </c>
      <c r="D77" s="17">
        <v>557</v>
      </c>
    </row>
    <row r="78" spans="1:4" ht="18" customHeight="1" x14ac:dyDescent="0.2">
      <c r="A78" s="14">
        <v>60</v>
      </c>
      <c r="B78" s="15">
        <v>86</v>
      </c>
      <c r="C78" s="16">
        <v>83</v>
      </c>
      <c r="D78" s="17">
        <v>169</v>
      </c>
    </row>
    <row r="79" spans="1:4" ht="18" customHeight="1" x14ac:dyDescent="0.2">
      <c r="A79" s="14">
        <v>61</v>
      </c>
      <c r="B79" s="15">
        <v>79</v>
      </c>
      <c r="C79" s="16">
        <v>76</v>
      </c>
      <c r="D79" s="17">
        <v>155</v>
      </c>
    </row>
    <row r="80" spans="1:4" ht="18" customHeight="1" x14ac:dyDescent="0.2">
      <c r="A80" s="14">
        <v>62</v>
      </c>
      <c r="B80" s="15">
        <v>65</v>
      </c>
      <c r="C80" s="16">
        <v>78</v>
      </c>
      <c r="D80" s="17">
        <v>143</v>
      </c>
    </row>
    <row r="81" spans="1:4" ht="18" customHeight="1" x14ac:dyDescent="0.2">
      <c r="A81" s="14">
        <v>63</v>
      </c>
      <c r="B81" s="15">
        <v>27</v>
      </c>
      <c r="C81" s="16">
        <v>42</v>
      </c>
      <c r="D81" s="17">
        <v>69</v>
      </c>
    </row>
    <row r="82" spans="1:4" ht="18" customHeight="1" x14ac:dyDescent="0.2">
      <c r="A82" s="14">
        <v>64</v>
      </c>
      <c r="B82" s="15">
        <v>53</v>
      </c>
      <c r="C82" s="16">
        <v>64</v>
      </c>
      <c r="D82" s="17">
        <v>117</v>
      </c>
    </row>
    <row r="83" spans="1:4" ht="18" customHeight="1" x14ac:dyDescent="0.2">
      <c r="A83" s="18" t="s">
        <v>79</v>
      </c>
      <c r="B83" s="15">
        <v>310</v>
      </c>
      <c r="C83" s="16">
        <v>343</v>
      </c>
      <c r="D83" s="17">
        <v>653</v>
      </c>
    </row>
    <row r="84" spans="1:4" ht="18" customHeight="1" x14ac:dyDescent="0.2">
      <c r="A84" s="18" t="s">
        <v>80</v>
      </c>
      <c r="B84" s="15">
        <v>2397</v>
      </c>
      <c r="C84" s="16">
        <v>2408</v>
      </c>
      <c r="D84" s="17">
        <v>4805</v>
      </c>
    </row>
    <row r="85" spans="1:4" ht="18" customHeight="1" x14ac:dyDescent="0.2">
      <c r="A85" s="14">
        <v>65</v>
      </c>
      <c r="B85" s="15">
        <v>57</v>
      </c>
      <c r="C85" s="16">
        <v>75</v>
      </c>
      <c r="D85" s="17">
        <v>132</v>
      </c>
    </row>
    <row r="86" spans="1:4" ht="18" customHeight="1" x14ac:dyDescent="0.2">
      <c r="A86" s="14">
        <v>66</v>
      </c>
      <c r="B86" s="15">
        <v>55</v>
      </c>
      <c r="C86" s="16">
        <v>62</v>
      </c>
      <c r="D86" s="17">
        <v>117</v>
      </c>
    </row>
    <row r="87" spans="1:4" ht="18" customHeight="1" x14ac:dyDescent="0.2">
      <c r="A87" s="14">
        <v>67</v>
      </c>
      <c r="B87" s="15">
        <v>58</v>
      </c>
      <c r="C87" s="16">
        <v>59</v>
      </c>
      <c r="D87" s="17">
        <v>117</v>
      </c>
    </row>
    <row r="88" spans="1:4" ht="18" customHeight="1" x14ac:dyDescent="0.2">
      <c r="A88" s="14">
        <v>68</v>
      </c>
      <c r="B88" s="15">
        <v>37</v>
      </c>
      <c r="C88" s="16">
        <v>48</v>
      </c>
      <c r="D88" s="17">
        <v>85</v>
      </c>
    </row>
    <row r="89" spans="1:4" ht="18" customHeight="1" x14ac:dyDescent="0.2">
      <c r="A89" s="14">
        <v>69</v>
      </c>
      <c r="B89" s="15">
        <v>65</v>
      </c>
      <c r="C89" s="16">
        <v>40</v>
      </c>
      <c r="D89" s="17">
        <v>105</v>
      </c>
    </row>
    <row r="90" spans="1:4" ht="18" customHeight="1" x14ac:dyDescent="0.2">
      <c r="A90" s="18" t="s">
        <v>81</v>
      </c>
      <c r="B90" s="15">
        <v>272</v>
      </c>
      <c r="C90" s="16">
        <v>284</v>
      </c>
      <c r="D90" s="17">
        <v>556</v>
      </c>
    </row>
    <row r="91" spans="1:4" ht="18" customHeight="1" x14ac:dyDescent="0.2">
      <c r="A91" s="14">
        <v>70</v>
      </c>
      <c r="B91" s="15">
        <v>47</v>
      </c>
      <c r="C91" s="16">
        <v>38</v>
      </c>
      <c r="D91" s="17">
        <v>85</v>
      </c>
    </row>
    <row r="92" spans="1:4" ht="18" customHeight="1" x14ac:dyDescent="0.2">
      <c r="A92" s="14">
        <v>71</v>
      </c>
      <c r="B92" s="15">
        <v>45</v>
      </c>
      <c r="C92" s="16">
        <v>51</v>
      </c>
      <c r="D92" s="17">
        <v>96</v>
      </c>
    </row>
    <row r="93" spans="1:4" ht="18" customHeight="1" x14ac:dyDescent="0.2">
      <c r="A93" s="14">
        <v>72</v>
      </c>
      <c r="B93" s="15">
        <v>46</v>
      </c>
      <c r="C93" s="16">
        <v>45</v>
      </c>
      <c r="D93" s="17">
        <v>91</v>
      </c>
    </row>
    <row r="94" spans="1:4" ht="18" customHeight="1" x14ac:dyDescent="0.2">
      <c r="A94" s="14">
        <v>73</v>
      </c>
      <c r="B94" s="15">
        <v>36</v>
      </c>
      <c r="C94" s="16">
        <v>54</v>
      </c>
      <c r="D94" s="17">
        <v>90</v>
      </c>
    </row>
    <row r="95" spans="1:4" ht="18" customHeight="1" x14ac:dyDescent="0.2">
      <c r="A95" s="14">
        <v>74</v>
      </c>
      <c r="B95" s="15">
        <v>31</v>
      </c>
      <c r="C95" s="16">
        <v>32</v>
      </c>
      <c r="D95" s="17">
        <v>63</v>
      </c>
    </row>
    <row r="96" spans="1:4" ht="18" customHeight="1" x14ac:dyDescent="0.2">
      <c r="A96" s="18" t="s">
        <v>82</v>
      </c>
      <c r="B96" s="15">
        <v>205</v>
      </c>
      <c r="C96" s="16">
        <v>220</v>
      </c>
      <c r="D96" s="17">
        <v>425</v>
      </c>
    </row>
    <row r="97" spans="1:4" ht="18" customHeight="1" x14ac:dyDescent="0.2">
      <c r="A97" s="14">
        <v>75</v>
      </c>
      <c r="B97" s="15">
        <v>31</v>
      </c>
      <c r="C97" s="16">
        <v>36</v>
      </c>
      <c r="D97" s="17">
        <v>67</v>
      </c>
    </row>
    <row r="98" spans="1:4" ht="18" customHeight="1" x14ac:dyDescent="0.2">
      <c r="A98" s="14">
        <v>76</v>
      </c>
      <c r="B98" s="15">
        <v>36</v>
      </c>
      <c r="C98" s="16">
        <v>59</v>
      </c>
      <c r="D98" s="17">
        <v>95</v>
      </c>
    </row>
    <row r="99" spans="1:4" ht="18" customHeight="1" x14ac:dyDescent="0.2">
      <c r="A99" s="14">
        <v>77</v>
      </c>
      <c r="B99" s="15">
        <v>30</v>
      </c>
      <c r="C99" s="16">
        <v>35</v>
      </c>
      <c r="D99" s="17">
        <v>65</v>
      </c>
    </row>
    <row r="100" spans="1:4" ht="18" customHeight="1" x14ac:dyDescent="0.2">
      <c r="A100" s="14">
        <v>78</v>
      </c>
      <c r="B100" s="15">
        <v>32</v>
      </c>
      <c r="C100" s="16">
        <v>40</v>
      </c>
      <c r="D100" s="17">
        <v>72</v>
      </c>
    </row>
    <row r="101" spans="1:4" ht="18" customHeight="1" x14ac:dyDescent="0.2">
      <c r="A101" s="14">
        <v>79</v>
      </c>
      <c r="B101" s="15">
        <v>28</v>
      </c>
      <c r="C101" s="16">
        <v>32</v>
      </c>
      <c r="D101" s="17">
        <v>60</v>
      </c>
    </row>
    <row r="102" spans="1:4" ht="18" customHeight="1" x14ac:dyDescent="0.2">
      <c r="A102" s="18" t="s">
        <v>83</v>
      </c>
      <c r="B102" s="15">
        <v>157</v>
      </c>
      <c r="C102" s="16">
        <v>202</v>
      </c>
      <c r="D102" s="17">
        <v>359</v>
      </c>
    </row>
    <row r="103" spans="1:4" ht="18" customHeight="1" x14ac:dyDescent="0.2">
      <c r="A103" s="14">
        <v>80</v>
      </c>
      <c r="B103" s="15">
        <v>22</v>
      </c>
      <c r="C103" s="16">
        <v>24</v>
      </c>
      <c r="D103" s="17">
        <v>46</v>
      </c>
    </row>
    <row r="104" spans="1:4" ht="18" customHeight="1" x14ac:dyDescent="0.2">
      <c r="A104" s="14">
        <v>81</v>
      </c>
      <c r="B104" s="15">
        <v>20</v>
      </c>
      <c r="C104" s="16">
        <v>35</v>
      </c>
      <c r="D104" s="17">
        <v>55</v>
      </c>
    </row>
    <row r="105" spans="1:4" ht="18" customHeight="1" x14ac:dyDescent="0.2">
      <c r="A105" s="14">
        <v>82</v>
      </c>
      <c r="B105" s="15">
        <v>24</v>
      </c>
      <c r="C105" s="16">
        <v>22</v>
      </c>
      <c r="D105" s="17">
        <v>46</v>
      </c>
    </row>
    <row r="106" spans="1:4" ht="18" customHeight="1" x14ac:dyDescent="0.2">
      <c r="A106" s="14">
        <v>83</v>
      </c>
      <c r="B106" s="15">
        <v>20</v>
      </c>
      <c r="C106" s="16">
        <v>45</v>
      </c>
      <c r="D106" s="17">
        <v>65</v>
      </c>
    </row>
    <row r="107" spans="1:4" ht="18" customHeight="1" x14ac:dyDescent="0.2">
      <c r="A107" s="14">
        <v>84</v>
      </c>
      <c r="B107" s="15">
        <v>10</v>
      </c>
      <c r="C107" s="16">
        <v>27</v>
      </c>
      <c r="D107" s="17">
        <v>37</v>
      </c>
    </row>
    <row r="108" spans="1:4" ht="18" customHeight="1" x14ac:dyDescent="0.2">
      <c r="A108" s="18" t="s">
        <v>84</v>
      </c>
      <c r="B108" s="15">
        <v>96</v>
      </c>
      <c r="C108" s="16">
        <v>153</v>
      </c>
      <c r="D108" s="17">
        <v>249</v>
      </c>
    </row>
    <row r="109" spans="1:4" ht="18" customHeight="1" x14ac:dyDescent="0.2">
      <c r="A109" s="14">
        <v>85</v>
      </c>
      <c r="B109" s="15">
        <v>11</v>
      </c>
      <c r="C109" s="16">
        <v>26</v>
      </c>
      <c r="D109" s="17">
        <v>37</v>
      </c>
    </row>
    <row r="110" spans="1:4" ht="18" customHeight="1" x14ac:dyDescent="0.2">
      <c r="A110" s="14">
        <v>86</v>
      </c>
      <c r="B110" s="15">
        <v>9</v>
      </c>
      <c r="C110" s="16">
        <v>13</v>
      </c>
      <c r="D110" s="17">
        <v>22</v>
      </c>
    </row>
    <row r="111" spans="1:4" ht="18" customHeight="1" x14ac:dyDescent="0.2">
      <c r="A111" s="14">
        <v>87</v>
      </c>
      <c r="B111" s="15">
        <v>9</v>
      </c>
      <c r="C111" s="16">
        <v>22</v>
      </c>
      <c r="D111" s="17">
        <v>31</v>
      </c>
    </row>
    <row r="112" spans="1:4" ht="18" customHeight="1" x14ac:dyDescent="0.2">
      <c r="A112" s="14">
        <v>88</v>
      </c>
      <c r="B112" s="15">
        <v>5</v>
      </c>
      <c r="C112" s="16">
        <v>17</v>
      </c>
      <c r="D112" s="17">
        <v>22</v>
      </c>
    </row>
    <row r="113" spans="1:4" ht="18" customHeight="1" x14ac:dyDescent="0.2">
      <c r="A113" s="14">
        <v>89</v>
      </c>
      <c r="B113" s="15">
        <v>6</v>
      </c>
      <c r="C113" s="16">
        <v>11</v>
      </c>
      <c r="D113" s="17">
        <v>17</v>
      </c>
    </row>
    <row r="114" spans="1:4" ht="18" customHeight="1" x14ac:dyDescent="0.2">
      <c r="A114" s="18" t="s">
        <v>85</v>
      </c>
      <c r="B114" s="15">
        <v>40</v>
      </c>
      <c r="C114" s="16">
        <v>89</v>
      </c>
      <c r="D114" s="17">
        <v>129</v>
      </c>
    </row>
    <row r="115" spans="1:4" ht="18" customHeight="1" x14ac:dyDescent="0.2">
      <c r="A115" s="14">
        <v>90</v>
      </c>
      <c r="B115" s="15">
        <v>2</v>
      </c>
      <c r="C115" s="16">
        <v>12</v>
      </c>
      <c r="D115" s="17">
        <v>14</v>
      </c>
    </row>
    <row r="116" spans="1:4" ht="18" customHeight="1" x14ac:dyDescent="0.2">
      <c r="A116" s="14">
        <v>91</v>
      </c>
      <c r="B116" s="15">
        <v>3</v>
      </c>
      <c r="C116" s="16">
        <v>11</v>
      </c>
      <c r="D116" s="17">
        <v>14</v>
      </c>
    </row>
    <row r="117" spans="1:4" ht="18" customHeight="1" x14ac:dyDescent="0.2">
      <c r="A117" s="14">
        <v>92</v>
      </c>
      <c r="B117" s="15">
        <v>2</v>
      </c>
      <c r="C117" s="16">
        <v>3</v>
      </c>
      <c r="D117" s="17">
        <v>5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4</v>
      </c>
      <c r="C119" s="16">
        <v>4</v>
      </c>
      <c r="D119" s="17">
        <v>8</v>
      </c>
    </row>
    <row r="120" spans="1:4" ht="18" customHeight="1" x14ac:dyDescent="0.2">
      <c r="A120" s="18" t="s">
        <v>86</v>
      </c>
      <c r="B120" s="15">
        <v>12</v>
      </c>
      <c r="C120" s="16">
        <v>35</v>
      </c>
      <c r="D120" s="17">
        <v>47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87</v>
      </c>
      <c r="B126" s="15">
        <v>2</v>
      </c>
      <c r="C126" s="16">
        <v>15</v>
      </c>
      <c r="D126" s="17">
        <v>1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90</v>
      </c>
      <c r="B130" s="4">
        <v>784</v>
      </c>
      <c r="C130" s="5">
        <v>998</v>
      </c>
      <c r="D130" s="6">
        <v>1782</v>
      </c>
    </row>
    <row r="131" spans="1:4" ht="18" customHeight="1" x14ac:dyDescent="0.2">
      <c r="A131" s="20" t="s">
        <v>65</v>
      </c>
      <c r="B131" s="7">
        <v>3775</v>
      </c>
      <c r="C131" s="8">
        <v>3963</v>
      </c>
      <c r="D131" s="9">
        <v>773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5</v>
      </c>
      <c r="C5" s="12">
        <v>16</v>
      </c>
      <c r="D5" s="13">
        <v>41</v>
      </c>
    </row>
    <row r="6" spans="1:4" ht="18" customHeight="1" x14ac:dyDescent="0.2">
      <c r="A6" s="14">
        <v>1</v>
      </c>
      <c r="B6" s="15">
        <v>28</v>
      </c>
      <c r="C6" s="16">
        <v>23</v>
      </c>
      <c r="D6" s="17">
        <v>51</v>
      </c>
    </row>
    <row r="7" spans="1:4" ht="18" customHeight="1" x14ac:dyDescent="0.2">
      <c r="A7" s="14">
        <v>2</v>
      </c>
      <c r="B7" s="15">
        <v>29</v>
      </c>
      <c r="C7" s="16">
        <v>29</v>
      </c>
      <c r="D7" s="17">
        <v>58</v>
      </c>
    </row>
    <row r="8" spans="1:4" ht="18" customHeight="1" x14ac:dyDescent="0.2">
      <c r="A8" s="14">
        <v>3</v>
      </c>
      <c r="B8" s="15">
        <v>34</v>
      </c>
      <c r="C8" s="16">
        <v>28</v>
      </c>
      <c r="D8" s="17">
        <v>62</v>
      </c>
    </row>
    <row r="9" spans="1:4" ht="18" customHeight="1" x14ac:dyDescent="0.2">
      <c r="A9" s="14">
        <v>4</v>
      </c>
      <c r="B9" s="15">
        <v>34</v>
      </c>
      <c r="C9" s="16">
        <v>24</v>
      </c>
      <c r="D9" s="17">
        <v>58</v>
      </c>
    </row>
    <row r="10" spans="1:4" ht="18" customHeight="1" x14ac:dyDescent="0.2">
      <c r="A10" s="18" t="s">
        <v>66</v>
      </c>
      <c r="B10" s="15">
        <v>150</v>
      </c>
      <c r="C10" s="16">
        <v>120</v>
      </c>
      <c r="D10" s="17">
        <v>270</v>
      </c>
    </row>
    <row r="11" spans="1:4" ht="18" customHeight="1" x14ac:dyDescent="0.2">
      <c r="A11" s="14">
        <v>5</v>
      </c>
      <c r="B11" s="15">
        <v>18</v>
      </c>
      <c r="C11" s="16">
        <v>30</v>
      </c>
      <c r="D11" s="17">
        <v>48</v>
      </c>
    </row>
    <row r="12" spans="1:4" ht="18" customHeight="1" x14ac:dyDescent="0.2">
      <c r="A12" s="14">
        <v>6</v>
      </c>
      <c r="B12" s="15">
        <v>43</v>
      </c>
      <c r="C12" s="16">
        <v>27</v>
      </c>
      <c r="D12" s="17">
        <v>70</v>
      </c>
    </row>
    <row r="13" spans="1:4" ht="18" customHeight="1" x14ac:dyDescent="0.2">
      <c r="A13" s="14">
        <v>7</v>
      </c>
      <c r="B13" s="15">
        <v>34</v>
      </c>
      <c r="C13" s="16">
        <v>23</v>
      </c>
      <c r="D13" s="17">
        <v>57</v>
      </c>
    </row>
    <row r="14" spans="1:4" ht="18" customHeight="1" x14ac:dyDescent="0.2">
      <c r="A14" s="14">
        <v>8</v>
      </c>
      <c r="B14" s="15">
        <v>33</v>
      </c>
      <c r="C14" s="16">
        <v>39</v>
      </c>
      <c r="D14" s="17">
        <v>72</v>
      </c>
    </row>
    <row r="15" spans="1:4" ht="18" customHeight="1" x14ac:dyDescent="0.2">
      <c r="A15" s="14">
        <v>9</v>
      </c>
      <c r="B15" s="15">
        <v>35</v>
      </c>
      <c r="C15" s="16">
        <v>33</v>
      </c>
      <c r="D15" s="17">
        <v>68</v>
      </c>
    </row>
    <row r="16" spans="1:4" ht="18" customHeight="1" x14ac:dyDescent="0.2">
      <c r="A16" s="18" t="s">
        <v>67</v>
      </c>
      <c r="B16" s="15">
        <v>163</v>
      </c>
      <c r="C16" s="16">
        <v>152</v>
      </c>
      <c r="D16" s="17">
        <v>315</v>
      </c>
    </row>
    <row r="17" spans="1:4" ht="18" customHeight="1" x14ac:dyDescent="0.2">
      <c r="A17" s="14">
        <v>10</v>
      </c>
      <c r="B17" s="15">
        <v>40</v>
      </c>
      <c r="C17" s="16">
        <v>26</v>
      </c>
      <c r="D17" s="17">
        <v>66</v>
      </c>
    </row>
    <row r="18" spans="1:4" ht="18" customHeight="1" x14ac:dyDescent="0.2">
      <c r="A18" s="14">
        <v>11</v>
      </c>
      <c r="B18" s="15">
        <v>34</v>
      </c>
      <c r="C18" s="16">
        <v>38</v>
      </c>
      <c r="D18" s="17">
        <v>72</v>
      </c>
    </row>
    <row r="19" spans="1:4" ht="18" customHeight="1" x14ac:dyDescent="0.2">
      <c r="A19" s="14">
        <v>12</v>
      </c>
      <c r="B19" s="15">
        <v>39</v>
      </c>
      <c r="C19" s="16">
        <v>41</v>
      </c>
      <c r="D19" s="17">
        <v>80</v>
      </c>
    </row>
    <row r="20" spans="1:4" ht="18" customHeight="1" x14ac:dyDescent="0.2">
      <c r="A20" s="14">
        <v>13</v>
      </c>
      <c r="B20" s="15">
        <v>44</v>
      </c>
      <c r="C20" s="16">
        <v>31</v>
      </c>
      <c r="D20" s="17">
        <v>75</v>
      </c>
    </row>
    <row r="21" spans="1:4" ht="18" customHeight="1" x14ac:dyDescent="0.2">
      <c r="A21" s="14">
        <v>14</v>
      </c>
      <c r="B21" s="15">
        <v>35</v>
      </c>
      <c r="C21" s="16">
        <v>41</v>
      </c>
      <c r="D21" s="17">
        <v>76</v>
      </c>
    </row>
    <row r="22" spans="1:4" ht="18" customHeight="1" x14ac:dyDescent="0.2">
      <c r="A22" s="18" t="s">
        <v>68</v>
      </c>
      <c r="B22" s="15">
        <v>192</v>
      </c>
      <c r="C22" s="16">
        <v>177</v>
      </c>
      <c r="D22" s="17">
        <v>369</v>
      </c>
    </row>
    <row r="23" spans="1:4" ht="18" customHeight="1" x14ac:dyDescent="0.2">
      <c r="A23" s="18" t="s">
        <v>69</v>
      </c>
      <c r="B23" s="15">
        <v>505</v>
      </c>
      <c r="C23" s="16">
        <v>449</v>
      </c>
      <c r="D23" s="17">
        <v>954</v>
      </c>
    </row>
    <row r="24" spans="1:4" ht="18" customHeight="1" x14ac:dyDescent="0.2">
      <c r="A24" s="14">
        <v>15</v>
      </c>
      <c r="B24" s="15">
        <v>28</v>
      </c>
      <c r="C24" s="16">
        <v>44</v>
      </c>
      <c r="D24" s="17">
        <v>72</v>
      </c>
    </row>
    <row r="25" spans="1:4" ht="18" customHeight="1" x14ac:dyDescent="0.2">
      <c r="A25" s="14">
        <v>16</v>
      </c>
      <c r="B25" s="15">
        <v>38</v>
      </c>
      <c r="C25" s="16">
        <v>49</v>
      </c>
      <c r="D25" s="17">
        <v>87</v>
      </c>
    </row>
    <row r="26" spans="1:4" ht="18" customHeight="1" x14ac:dyDescent="0.2">
      <c r="A26" s="14">
        <v>17</v>
      </c>
      <c r="B26" s="15">
        <v>32</v>
      </c>
      <c r="C26" s="16">
        <v>22</v>
      </c>
      <c r="D26" s="17">
        <v>54</v>
      </c>
    </row>
    <row r="27" spans="1:4" ht="18" customHeight="1" x14ac:dyDescent="0.2">
      <c r="A27" s="14">
        <v>18</v>
      </c>
      <c r="B27" s="15">
        <v>40</v>
      </c>
      <c r="C27" s="16">
        <v>37</v>
      </c>
      <c r="D27" s="17">
        <v>77</v>
      </c>
    </row>
    <row r="28" spans="1:4" ht="18" customHeight="1" x14ac:dyDescent="0.2">
      <c r="A28" s="14">
        <v>19</v>
      </c>
      <c r="B28" s="15">
        <v>27</v>
      </c>
      <c r="C28" s="16">
        <v>28</v>
      </c>
      <c r="D28" s="17">
        <v>55</v>
      </c>
    </row>
    <row r="29" spans="1:4" ht="18" customHeight="1" x14ac:dyDescent="0.2">
      <c r="A29" s="18" t="s">
        <v>70</v>
      </c>
      <c r="B29" s="15">
        <v>165</v>
      </c>
      <c r="C29" s="16">
        <v>180</v>
      </c>
      <c r="D29" s="17">
        <v>345</v>
      </c>
    </row>
    <row r="30" spans="1:4" ht="18" customHeight="1" x14ac:dyDescent="0.2">
      <c r="A30" s="14">
        <v>20</v>
      </c>
      <c r="B30" s="15">
        <v>36</v>
      </c>
      <c r="C30" s="16">
        <v>34</v>
      </c>
      <c r="D30" s="17">
        <v>70</v>
      </c>
    </row>
    <row r="31" spans="1:4" ht="18" customHeight="1" x14ac:dyDescent="0.2">
      <c r="A31" s="14">
        <v>21</v>
      </c>
      <c r="B31" s="15">
        <v>33</v>
      </c>
      <c r="C31" s="16">
        <v>28</v>
      </c>
      <c r="D31" s="17">
        <v>61</v>
      </c>
    </row>
    <row r="32" spans="1:4" ht="18" customHeight="1" x14ac:dyDescent="0.2">
      <c r="A32" s="14">
        <v>22</v>
      </c>
      <c r="B32" s="15">
        <v>32</v>
      </c>
      <c r="C32" s="16">
        <v>35</v>
      </c>
      <c r="D32" s="17">
        <v>67</v>
      </c>
    </row>
    <row r="33" spans="1:4" ht="18" customHeight="1" x14ac:dyDescent="0.2">
      <c r="A33" s="14">
        <v>23</v>
      </c>
      <c r="B33" s="15">
        <v>28</v>
      </c>
      <c r="C33" s="16">
        <v>31</v>
      </c>
      <c r="D33" s="17">
        <v>59</v>
      </c>
    </row>
    <row r="34" spans="1:4" ht="18" customHeight="1" x14ac:dyDescent="0.2">
      <c r="A34" s="14">
        <v>24</v>
      </c>
      <c r="B34" s="15">
        <v>29</v>
      </c>
      <c r="C34" s="16">
        <v>34</v>
      </c>
      <c r="D34" s="17">
        <v>63</v>
      </c>
    </row>
    <row r="35" spans="1:4" ht="18" customHeight="1" x14ac:dyDescent="0.2">
      <c r="A35" s="18" t="s">
        <v>71</v>
      </c>
      <c r="B35" s="15">
        <v>158</v>
      </c>
      <c r="C35" s="16">
        <v>162</v>
      </c>
      <c r="D35" s="17">
        <v>320</v>
      </c>
    </row>
    <row r="36" spans="1:4" ht="18" customHeight="1" x14ac:dyDescent="0.2">
      <c r="A36" s="14">
        <v>25</v>
      </c>
      <c r="B36" s="15">
        <v>27</v>
      </c>
      <c r="C36" s="16">
        <v>28</v>
      </c>
      <c r="D36" s="17">
        <v>55</v>
      </c>
    </row>
    <row r="37" spans="1:4" ht="18" customHeight="1" x14ac:dyDescent="0.2">
      <c r="A37" s="14">
        <v>26</v>
      </c>
      <c r="B37" s="15">
        <v>42</v>
      </c>
      <c r="C37" s="16">
        <v>29</v>
      </c>
      <c r="D37" s="17">
        <v>71</v>
      </c>
    </row>
    <row r="38" spans="1:4" ht="18" customHeight="1" x14ac:dyDescent="0.2">
      <c r="A38" s="14">
        <v>27</v>
      </c>
      <c r="B38" s="15">
        <v>37</v>
      </c>
      <c r="C38" s="16">
        <v>40</v>
      </c>
      <c r="D38" s="17">
        <v>77</v>
      </c>
    </row>
    <row r="39" spans="1:4" ht="18" customHeight="1" x14ac:dyDescent="0.2">
      <c r="A39" s="14">
        <v>28</v>
      </c>
      <c r="B39" s="15">
        <v>39</v>
      </c>
      <c r="C39" s="16">
        <v>38</v>
      </c>
      <c r="D39" s="17">
        <v>77</v>
      </c>
    </row>
    <row r="40" spans="1:4" ht="18" customHeight="1" x14ac:dyDescent="0.2">
      <c r="A40" s="14">
        <v>29</v>
      </c>
      <c r="B40" s="15">
        <v>35</v>
      </c>
      <c r="C40" s="16">
        <v>43</v>
      </c>
      <c r="D40" s="17">
        <v>78</v>
      </c>
    </row>
    <row r="41" spans="1:4" ht="18" customHeight="1" x14ac:dyDescent="0.2">
      <c r="A41" s="18" t="s">
        <v>72</v>
      </c>
      <c r="B41" s="15">
        <v>180</v>
      </c>
      <c r="C41" s="16">
        <v>178</v>
      </c>
      <c r="D41" s="17">
        <v>358</v>
      </c>
    </row>
    <row r="42" spans="1:4" ht="18" customHeight="1" x14ac:dyDescent="0.2">
      <c r="A42" s="14">
        <v>30</v>
      </c>
      <c r="B42" s="15">
        <v>43</v>
      </c>
      <c r="C42" s="16">
        <v>41</v>
      </c>
      <c r="D42" s="17">
        <v>84</v>
      </c>
    </row>
    <row r="43" spans="1:4" ht="18" customHeight="1" x14ac:dyDescent="0.2">
      <c r="A43" s="14">
        <v>31</v>
      </c>
      <c r="B43" s="15">
        <v>48</v>
      </c>
      <c r="C43" s="16">
        <v>38</v>
      </c>
      <c r="D43" s="17">
        <v>86</v>
      </c>
    </row>
    <row r="44" spans="1:4" ht="18" customHeight="1" x14ac:dyDescent="0.2">
      <c r="A44" s="14">
        <v>32</v>
      </c>
      <c r="B44" s="15">
        <v>39</v>
      </c>
      <c r="C44" s="16">
        <v>34</v>
      </c>
      <c r="D44" s="17">
        <v>73</v>
      </c>
    </row>
    <row r="45" spans="1:4" ht="18" customHeight="1" x14ac:dyDescent="0.2">
      <c r="A45" s="14">
        <v>33</v>
      </c>
      <c r="B45" s="15">
        <v>59</v>
      </c>
      <c r="C45" s="16">
        <v>37</v>
      </c>
      <c r="D45" s="17">
        <v>96</v>
      </c>
    </row>
    <row r="46" spans="1:4" ht="18" customHeight="1" x14ac:dyDescent="0.2">
      <c r="A46" s="14">
        <v>34</v>
      </c>
      <c r="B46" s="15">
        <v>43</v>
      </c>
      <c r="C46" s="16">
        <v>55</v>
      </c>
      <c r="D46" s="17">
        <v>98</v>
      </c>
    </row>
    <row r="47" spans="1:4" ht="18" customHeight="1" x14ac:dyDescent="0.2">
      <c r="A47" s="18" t="s">
        <v>73</v>
      </c>
      <c r="B47" s="15">
        <v>232</v>
      </c>
      <c r="C47" s="16">
        <v>205</v>
      </c>
      <c r="D47" s="17">
        <v>437</v>
      </c>
    </row>
    <row r="48" spans="1:4" ht="18" customHeight="1" x14ac:dyDescent="0.2">
      <c r="A48" s="14">
        <v>35</v>
      </c>
      <c r="B48" s="15">
        <v>56</v>
      </c>
      <c r="C48" s="16">
        <v>42</v>
      </c>
      <c r="D48" s="17">
        <v>98</v>
      </c>
    </row>
    <row r="49" spans="1:4" ht="18" customHeight="1" x14ac:dyDescent="0.2">
      <c r="A49" s="14">
        <v>36</v>
      </c>
      <c r="B49" s="15">
        <v>53</v>
      </c>
      <c r="C49" s="16">
        <v>49</v>
      </c>
      <c r="D49" s="17">
        <v>102</v>
      </c>
    </row>
    <row r="50" spans="1:4" ht="18" customHeight="1" x14ac:dyDescent="0.2">
      <c r="A50" s="14">
        <v>37</v>
      </c>
      <c r="B50" s="15">
        <v>39</v>
      </c>
      <c r="C50" s="16">
        <v>46</v>
      </c>
      <c r="D50" s="17">
        <v>85</v>
      </c>
    </row>
    <row r="51" spans="1:4" ht="18" customHeight="1" x14ac:dyDescent="0.2">
      <c r="A51" s="14">
        <v>38</v>
      </c>
      <c r="B51" s="15">
        <v>64</v>
      </c>
      <c r="C51" s="16">
        <v>46</v>
      </c>
      <c r="D51" s="17">
        <v>110</v>
      </c>
    </row>
    <row r="52" spans="1:4" ht="18" customHeight="1" x14ac:dyDescent="0.2">
      <c r="A52" s="14">
        <v>39</v>
      </c>
      <c r="B52" s="15">
        <v>54</v>
      </c>
      <c r="C52" s="16">
        <v>58</v>
      </c>
      <c r="D52" s="17">
        <v>112</v>
      </c>
    </row>
    <row r="53" spans="1:4" ht="18" customHeight="1" x14ac:dyDescent="0.2">
      <c r="A53" s="18" t="s">
        <v>74</v>
      </c>
      <c r="B53" s="15">
        <v>266</v>
      </c>
      <c r="C53" s="16">
        <v>241</v>
      </c>
      <c r="D53" s="17">
        <v>507</v>
      </c>
    </row>
    <row r="54" spans="1:4" ht="18" customHeight="1" x14ac:dyDescent="0.2">
      <c r="A54" s="14">
        <v>40</v>
      </c>
      <c r="B54" s="15">
        <v>56</v>
      </c>
      <c r="C54" s="16">
        <v>38</v>
      </c>
      <c r="D54" s="17">
        <v>94</v>
      </c>
    </row>
    <row r="55" spans="1:4" ht="18" customHeight="1" x14ac:dyDescent="0.2">
      <c r="A55" s="14">
        <v>41</v>
      </c>
      <c r="B55" s="15">
        <v>42</v>
      </c>
      <c r="C55" s="16">
        <v>37</v>
      </c>
      <c r="D55" s="17">
        <v>79</v>
      </c>
    </row>
    <row r="56" spans="1:4" ht="18" customHeight="1" x14ac:dyDescent="0.2">
      <c r="A56" s="14">
        <v>42</v>
      </c>
      <c r="B56" s="15">
        <v>41</v>
      </c>
      <c r="C56" s="16">
        <v>42</v>
      </c>
      <c r="D56" s="17">
        <v>83</v>
      </c>
    </row>
    <row r="57" spans="1:4" ht="18" customHeight="1" x14ac:dyDescent="0.2">
      <c r="A57" s="14">
        <v>43</v>
      </c>
      <c r="B57" s="15">
        <v>39</v>
      </c>
      <c r="C57" s="16">
        <v>41</v>
      </c>
      <c r="D57" s="17">
        <v>80</v>
      </c>
    </row>
    <row r="58" spans="1:4" ht="18" customHeight="1" x14ac:dyDescent="0.2">
      <c r="A58" s="14">
        <v>44</v>
      </c>
      <c r="B58" s="15">
        <v>42</v>
      </c>
      <c r="C58" s="16">
        <v>44</v>
      </c>
      <c r="D58" s="17">
        <v>86</v>
      </c>
    </row>
    <row r="59" spans="1:4" ht="18" customHeight="1" x14ac:dyDescent="0.2">
      <c r="A59" s="18" t="s">
        <v>75</v>
      </c>
      <c r="B59" s="15">
        <v>220</v>
      </c>
      <c r="C59" s="16">
        <v>202</v>
      </c>
      <c r="D59" s="17">
        <v>422</v>
      </c>
    </row>
    <row r="60" spans="1:4" ht="18" customHeight="1" x14ac:dyDescent="0.2">
      <c r="A60" s="14">
        <v>45</v>
      </c>
      <c r="B60" s="15">
        <v>28</v>
      </c>
      <c r="C60" s="16">
        <v>36</v>
      </c>
      <c r="D60" s="17">
        <v>64</v>
      </c>
    </row>
    <row r="61" spans="1:4" ht="18" customHeight="1" x14ac:dyDescent="0.2">
      <c r="A61" s="14">
        <v>46</v>
      </c>
      <c r="B61" s="15">
        <v>49</v>
      </c>
      <c r="C61" s="16">
        <v>49</v>
      </c>
      <c r="D61" s="17">
        <v>98</v>
      </c>
    </row>
    <row r="62" spans="1:4" ht="18" customHeight="1" x14ac:dyDescent="0.2">
      <c r="A62" s="14">
        <v>47</v>
      </c>
      <c r="B62" s="15">
        <v>33</v>
      </c>
      <c r="C62" s="16">
        <v>36</v>
      </c>
      <c r="D62" s="17">
        <v>69</v>
      </c>
    </row>
    <row r="63" spans="1:4" ht="18" customHeight="1" x14ac:dyDescent="0.2">
      <c r="A63" s="14">
        <v>48</v>
      </c>
      <c r="B63" s="15">
        <v>38</v>
      </c>
      <c r="C63" s="16">
        <v>49</v>
      </c>
      <c r="D63" s="17">
        <v>87</v>
      </c>
    </row>
    <row r="64" spans="1:4" ht="18" customHeight="1" x14ac:dyDescent="0.2">
      <c r="A64" s="14">
        <v>49</v>
      </c>
      <c r="B64" s="15">
        <v>38</v>
      </c>
      <c r="C64" s="16">
        <v>43</v>
      </c>
      <c r="D64" s="17">
        <v>81</v>
      </c>
    </row>
    <row r="65" spans="1:4" ht="18" customHeight="1" x14ac:dyDescent="0.2">
      <c r="A65" s="18" t="s">
        <v>76</v>
      </c>
      <c r="B65" s="15">
        <v>186</v>
      </c>
      <c r="C65" s="16">
        <v>213</v>
      </c>
      <c r="D65" s="17">
        <v>399</v>
      </c>
    </row>
    <row r="66" spans="1:4" ht="18" customHeight="1" x14ac:dyDescent="0.2">
      <c r="A66" s="14">
        <v>50</v>
      </c>
      <c r="B66" s="15">
        <v>38</v>
      </c>
      <c r="C66" s="16">
        <v>41</v>
      </c>
      <c r="D66" s="17">
        <v>79</v>
      </c>
    </row>
    <row r="67" spans="1:4" ht="18" customHeight="1" x14ac:dyDescent="0.2">
      <c r="A67" s="14">
        <v>51</v>
      </c>
      <c r="B67" s="15">
        <v>49</v>
      </c>
      <c r="C67" s="16">
        <v>42</v>
      </c>
      <c r="D67" s="17">
        <v>91</v>
      </c>
    </row>
    <row r="68" spans="1:4" ht="18" customHeight="1" x14ac:dyDescent="0.2">
      <c r="A68" s="14">
        <v>52</v>
      </c>
      <c r="B68" s="15">
        <v>34</v>
      </c>
      <c r="C68" s="16">
        <v>41</v>
      </c>
      <c r="D68" s="17">
        <v>75</v>
      </c>
    </row>
    <row r="69" spans="1:4" ht="18" customHeight="1" x14ac:dyDescent="0.2">
      <c r="A69" s="14">
        <v>53</v>
      </c>
      <c r="B69" s="15">
        <v>49</v>
      </c>
      <c r="C69" s="16">
        <v>42</v>
      </c>
      <c r="D69" s="17">
        <v>91</v>
      </c>
    </row>
    <row r="70" spans="1:4" ht="18" customHeight="1" x14ac:dyDescent="0.2">
      <c r="A70" s="14">
        <v>54</v>
      </c>
      <c r="B70" s="15">
        <v>39</v>
      </c>
      <c r="C70" s="16">
        <v>54</v>
      </c>
      <c r="D70" s="17">
        <v>93</v>
      </c>
    </row>
    <row r="71" spans="1:4" ht="18" customHeight="1" x14ac:dyDescent="0.2">
      <c r="A71" s="18" t="s">
        <v>77</v>
      </c>
      <c r="B71" s="15">
        <v>209</v>
      </c>
      <c r="C71" s="16">
        <v>220</v>
      </c>
      <c r="D71" s="17">
        <v>429</v>
      </c>
    </row>
    <row r="72" spans="1:4" ht="18" customHeight="1" x14ac:dyDescent="0.2">
      <c r="A72" s="14">
        <v>55</v>
      </c>
      <c r="B72" s="15">
        <v>34</v>
      </c>
      <c r="C72" s="16">
        <v>59</v>
      </c>
      <c r="D72" s="17">
        <v>93</v>
      </c>
    </row>
    <row r="73" spans="1:4" ht="18" customHeight="1" x14ac:dyDescent="0.2">
      <c r="A73" s="14">
        <v>56</v>
      </c>
      <c r="B73" s="15">
        <v>53</v>
      </c>
      <c r="C73" s="16">
        <v>71</v>
      </c>
      <c r="D73" s="17">
        <v>124</v>
      </c>
    </row>
    <row r="74" spans="1:4" ht="18" customHeight="1" x14ac:dyDescent="0.2">
      <c r="A74" s="14">
        <v>57</v>
      </c>
      <c r="B74" s="15">
        <v>58</v>
      </c>
      <c r="C74" s="16">
        <v>74</v>
      </c>
      <c r="D74" s="17">
        <v>132</v>
      </c>
    </row>
    <row r="75" spans="1:4" ht="18" customHeight="1" x14ac:dyDescent="0.2">
      <c r="A75" s="14">
        <v>58</v>
      </c>
      <c r="B75" s="15">
        <v>70</v>
      </c>
      <c r="C75" s="16">
        <v>84</v>
      </c>
      <c r="D75" s="17">
        <v>154</v>
      </c>
    </row>
    <row r="76" spans="1:4" ht="18" customHeight="1" x14ac:dyDescent="0.2">
      <c r="A76" s="14">
        <v>59</v>
      </c>
      <c r="B76" s="15">
        <v>83</v>
      </c>
      <c r="C76" s="16">
        <v>73</v>
      </c>
      <c r="D76" s="17">
        <v>156</v>
      </c>
    </row>
    <row r="77" spans="1:4" ht="18" customHeight="1" x14ac:dyDescent="0.2">
      <c r="A77" s="18" t="s">
        <v>78</v>
      </c>
      <c r="B77" s="15">
        <v>298</v>
      </c>
      <c r="C77" s="16">
        <v>361</v>
      </c>
      <c r="D77" s="17">
        <v>659</v>
      </c>
    </row>
    <row r="78" spans="1:4" ht="18" customHeight="1" x14ac:dyDescent="0.2">
      <c r="A78" s="14">
        <v>60</v>
      </c>
      <c r="B78" s="15">
        <v>96</v>
      </c>
      <c r="C78" s="16">
        <v>82</v>
      </c>
      <c r="D78" s="17">
        <v>178</v>
      </c>
    </row>
    <row r="79" spans="1:4" ht="18" customHeight="1" x14ac:dyDescent="0.2">
      <c r="A79" s="14">
        <v>61</v>
      </c>
      <c r="B79" s="15">
        <v>94</v>
      </c>
      <c r="C79" s="16">
        <v>93</v>
      </c>
      <c r="D79" s="17">
        <v>187</v>
      </c>
    </row>
    <row r="80" spans="1:4" ht="18" customHeight="1" x14ac:dyDescent="0.2">
      <c r="A80" s="14">
        <v>62</v>
      </c>
      <c r="B80" s="15">
        <v>77</v>
      </c>
      <c r="C80" s="16">
        <v>84</v>
      </c>
      <c r="D80" s="17">
        <v>161</v>
      </c>
    </row>
    <row r="81" spans="1:4" ht="18" customHeight="1" x14ac:dyDescent="0.2">
      <c r="A81" s="14">
        <v>63</v>
      </c>
      <c r="B81" s="15">
        <v>46</v>
      </c>
      <c r="C81" s="16">
        <v>53</v>
      </c>
      <c r="D81" s="17">
        <v>99</v>
      </c>
    </row>
    <row r="82" spans="1:4" ht="18" customHeight="1" x14ac:dyDescent="0.2">
      <c r="A82" s="14">
        <v>64</v>
      </c>
      <c r="B82" s="15">
        <v>69</v>
      </c>
      <c r="C82" s="16">
        <v>65</v>
      </c>
      <c r="D82" s="17">
        <v>134</v>
      </c>
    </row>
    <row r="83" spans="1:4" ht="18" customHeight="1" x14ac:dyDescent="0.2">
      <c r="A83" s="18" t="s">
        <v>79</v>
      </c>
      <c r="B83" s="15">
        <v>382</v>
      </c>
      <c r="C83" s="16">
        <v>377</v>
      </c>
      <c r="D83" s="17">
        <v>759</v>
      </c>
    </row>
    <row r="84" spans="1:4" ht="18" customHeight="1" x14ac:dyDescent="0.2">
      <c r="A84" s="18" t="s">
        <v>80</v>
      </c>
      <c r="B84" s="15">
        <v>2296</v>
      </c>
      <c r="C84" s="16">
        <v>2339</v>
      </c>
      <c r="D84" s="17">
        <v>4635</v>
      </c>
    </row>
    <row r="85" spans="1:4" ht="18" customHeight="1" x14ac:dyDescent="0.2">
      <c r="A85" s="14">
        <v>65</v>
      </c>
      <c r="B85" s="15">
        <v>53</v>
      </c>
      <c r="C85" s="16">
        <v>68</v>
      </c>
      <c r="D85" s="17">
        <v>121</v>
      </c>
    </row>
    <row r="86" spans="1:4" ht="18" customHeight="1" x14ac:dyDescent="0.2">
      <c r="A86" s="14">
        <v>66</v>
      </c>
      <c r="B86" s="15">
        <v>73</v>
      </c>
      <c r="C86" s="16">
        <v>42</v>
      </c>
      <c r="D86" s="17">
        <v>115</v>
      </c>
    </row>
    <row r="87" spans="1:4" ht="18" customHeight="1" x14ac:dyDescent="0.2">
      <c r="A87" s="14">
        <v>67</v>
      </c>
      <c r="B87" s="15">
        <v>64</v>
      </c>
      <c r="C87" s="16">
        <v>71</v>
      </c>
      <c r="D87" s="17">
        <v>135</v>
      </c>
    </row>
    <row r="88" spans="1:4" ht="18" customHeight="1" x14ac:dyDescent="0.2">
      <c r="A88" s="14">
        <v>68</v>
      </c>
      <c r="B88" s="15">
        <v>58</v>
      </c>
      <c r="C88" s="16">
        <v>53</v>
      </c>
      <c r="D88" s="17">
        <v>111</v>
      </c>
    </row>
    <row r="89" spans="1:4" ht="18" customHeight="1" x14ac:dyDescent="0.2">
      <c r="A89" s="14">
        <v>69</v>
      </c>
      <c r="B89" s="15">
        <v>57</v>
      </c>
      <c r="C89" s="16">
        <v>50</v>
      </c>
      <c r="D89" s="17">
        <v>107</v>
      </c>
    </row>
    <row r="90" spans="1:4" ht="18" customHeight="1" x14ac:dyDescent="0.2">
      <c r="A90" s="18" t="s">
        <v>81</v>
      </c>
      <c r="B90" s="15">
        <v>305</v>
      </c>
      <c r="C90" s="16">
        <v>284</v>
      </c>
      <c r="D90" s="17">
        <v>589</v>
      </c>
    </row>
    <row r="91" spans="1:4" ht="18" customHeight="1" x14ac:dyDescent="0.2">
      <c r="A91" s="14">
        <v>70</v>
      </c>
      <c r="B91" s="15">
        <v>46</v>
      </c>
      <c r="C91" s="16">
        <v>46</v>
      </c>
      <c r="D91" s="17">
        <v>92</v>
      </c>
    </row>
    <row r="92" spans="1:4" ht="18" customHeight="1" x14ac:dyDescent="0.2">
      <c r="A92" s="14">
        <v>71</v>
      </c>
      <c r="B92" s="15">
        <v>35</v>
      </c>
      <c r="C92" s="16">
        <v>38</v>
      </c>
      <c r="D92" s="17">
        <v>73</v>
      </c>
    </row>
    <row r="93" spans="1:4" ht="18" customHeight="1" x14ac:dyDescent="0.2">
      <c r="A93" s="14">
        <v>72</v>
      </c>
      <c r="B93" s="15">
        <v>40</v>
      </c>
      <c r="C93" s="16">
        <v>50</v>
      </c>
      <c r="D93" s="17">
        <v>90</v>
      </c>
    </row>
    <row r="94" spans="1:4" ht="18" customHeight="1" x14ac:dyDescent="0.2">
      <c r="A94" s="14">
        <v>73</v>
      </c>
      <c r="B94" s="15">
        <v>32</v>
      </c>
      <c r="C94" s="16">
        <v>44</v>
      </c>
      <c r="D94" s="17">
        <v>76</v>
      </c>
    </row>
    <row r="95" spans="1:4" ht="18" customHeight="1" x14ac:dyDescent="0.2">
      <c r="A95" s="14">
        <v>74</v>
      </c>
      <c r="B95" s="15">
        <v>38</v>
      </c>
      <c r="C95" s="16">
        <v>43</v>
      </c>
      <c r="D95" s="17">
        <v>81</v>
      </c>
    </row>
    <row r="96" spans="1:4" ht="18" customHeight="1" x14ac:dyDescent="0.2">
      <c r="A96" s="18" t="s">
        <v>82</v>
      </c>
      <c r="B96" s="15">
        <v>191</v>
      </c>
      <c r="C96" s="16">
        <v>221</v>
      </c>
      <c r="D96" s="17">
        <v>412</v>
      </c>
    </row>
    <row r="97" spans="1:4" ht="18" customHeight="1" x14ac:dyDescent="0.2">
      <c r="A97" s="14">
        <v>75</v>
      </c>
      <c r="B97" s="15">
        <v>24</v>
      </c>
      <c r="C97" s="16">
        <v>35</v>
      </c>
      <c r="D97" s="17">
        <v>59</v>
      </c>
    </row>
    <row r="98" spans="1:4" ht="18" customHeight="1" x14ac:dyDescent="0.2">
      <c r="A98" s="14">
        <v>76</v>
      </c>
      <c r="B98" s="15">
        <v>41</v>
      </c>
      <c r="C98" s="16">
        <v>48</v>
      </c>
      <c r="D98" s="17">
        <v>89</v>
      </c>
    </row>
    <row r="99" spans="1:4" ht="18" customHeight="1" x14ac:dyDescent="0.2">
      <c r="A99" s="14">
        <v>77</v>
      </c>
      <c r="B99" s="15">
        <v>41</v>
      </c>
      <c r="C99" s="16">
        <v>35</v>
      </c>
      <c r="D99" s="17">
        <v>76</v>
      </c>
    </row>
    <row r="100" spans="1:4" ht="18" customHeight="1" x14ac:dyDescent="0.2">
      <c r="A100" s="14">
        <v>78</v>
      </c>
      <c r="B100" s="15">
        <v>25</v>
      </c>
      <c r="C100" s="16">
        <v>38</v>
      </c>
      <c r="D100" s="17">
        <v>63</v>
      </c>
    </row>
    <row r="101" spans="1:4" ht="18" customHeight="1" x14ac:dyDescent="0.2">
      <c r="A101" s="14">
        <v>79</v>
      </c>
      <c r="B101" s="15">
        <v>28</v>
      </c>
      <c r="C101" s="16">
        <v>38</v>
      </c>
      <c r="D101" s="17">
        <v>66</v>
      </c>
    </row>
    <row r="102" spans="1:4" ht="18" customHeight="1" x14ac:dyDescent="0.2">
      <c r="A102" s="18" t="s">
        <v>83</v>
      </c>
      <c r="B102" s="15">
        <v>159</v>
      </c>
      <c r="C102" s="16">
        <v>194</v>
      </c>
      <c r="D102" s="17">
        <v>353</v>
      </c>
    </row>
    <row r="103" spans="1:4" ht="18" customHeight="1" x14ac:dyDescent="0.2">
      <c r="A103" s="14">
        <v>80</v>
      </c>
      <c r="B103" s="15">
        <v>28</v>
      </c>
      <c r="C103" s="16">
        <v>45</v>
      </c>
      <c r="D103" s="17">
        <v>73</v>
      </c>
    </row>
    <row r="104" spans="1:4" ht="18" customHeight="1" x14ac:dyDescent="0.2">
      <c r="A104" s="14">
        <v>81</v>
      </c>
      <c r="B104" s="15">
        <v>15</v>
      </c>
      <c r="C104" s="16">
        <v>36</v>
      </c>
      <c r="D104" s="17">
        <v>51</v>
      </c>
    </row>
    <row r="105" spans="1:4" ht="18" customHeight="1" x14ac:dyDescent="0.2">
      <c r="A105" s="14">
        <v>82</v>
      </c>
      <c r="B105" s="15">
        <v>26</v>
      </c>
      <c r="C105" s="16">
        <v>35</v>
      </c>
      <c r="D105" s="17">
        <v>61</v>
      </c>
    </row>
    <row r="106" spans="1:4" ht="18" customHeight="1" x14ac:dyDescent="0.2">
      <c r="A106" s="14">
        <v>83</v>
      </c>
      <c r="B106" s="15">
        <v>17</v>
      </c>
      <c r="C106" s="16">
        <v>32</v>
      </c>
      <c r="D106" s="17">
        <v>49</v>
      </c>
    </row>
    <row r="107" spans="1:4" ht="18" customHeight="1" x14ac:dyDescent="0.2">
      <c r="A107" s="14">
        <v>84</v>
      </c>
      <c r="B107" s="15">
        <v>19</v>
      </c>
      <c r="C107" s="16">
        <v>33</v>
      </c>
      <c r="D107" s="17">
        <v>52</v>
      </c>
    </row>
    <row r="108" spans="1:4" ht="18" customHeight="1" x14ac:dyDescent="0.2">
      <c r="A108" s="18" t="s">
        <v>84</v>
      </c>
      <c r="B108" s="15">
        <v>105</v>
      </c>
      <c r="C108" s="16">
        <v>181</v>
      </c>
      <c r="D108" s="17">
        <v>286</v>
      </c>
    </row>
    <row r="109" spans="1:4" ht="18" customHeight="1" x14ac:dyDescent="0.2">
      <c r="A109" s="14">
        <v>85</v>
      </c>
      <c r="B109" s="15">
        <v>7</v>
      </c>
      <c r="C109" s="16">
        <v>19</v>
      </c>
      <c r="D109" s="17">
        <v>26</v>
      </c>
    </row>
    <row r="110" spans="1:4" ht="18" customHeight="1" x14ac:dyDescent="0.2">
      <c r="A110" s="14">
        <v>86</v>
      </c>
      <c r="B110" s="15">
        <v>9</v>
      </c>
      <c r="C110" s="16">
        <v>19</v>
      </c>
      <c r="D110" s="17">
        <v>28</v>
      </c>
    </row>
    <row r="111" spans="1:4" ht="18" customHeight="1" x14ac:dyDescent="0.2">
      <c r="A111" s="14">
        <v>87</v>
      </c>
      <c r="B111" s="15">
        <v>12</v>
      </c>
      <c r="C111" s="16">
        <v>21</v>
      </c>
      <c r="D111" s="17">
        <v>33</v>
      </c>
    </row>
    <row r="112" spans="1:4" ht="18" customHeight="1" x14ac:dyDescent="0.2">
      <c r="A112" s="14">
        <v>88</v>
      </c>
      <c r="B112" s="15">
        <v>6</v>
      </c>
      <c r="C112" s="16">
        <v>19</v>
      </c>
      <c r="D112" s="17">
        <v>25</v>
      </c>
    </row>
    <row r="113" spans="1:4" ht="18" customHeight="1" x14ac:dyDescent="0.2">
      <c r="A113" s="14">
        <v>89</v>
      </c>
      <c r="B113" s="15">
        <v>4</v>
      </c>
      <c r="C113" s="16">
        <v>12</v>
      </c>
      <c r="D113" s="17">
        <v>16</v>
      </c>
    </row>
    <row r="114" spans="1:4" ht="18" customHeight="1" x14ac:dyDescent="0.2">
      <c r="A114" s="18" t="s">
        <v>85</v>
      </c>
      <c r="B114" s="15">
        <v>38</v>
      </c>
      <c r="C114" s="16">
        <v>90</v>
      </c>
      <c r="D114" s="17">
        <v>128</v>
      </c>
    </row>
    <row r="115" spans="1:4" ht="18" customHeight="1" x14ac:dyDescent="0.2">
      <c r="A115" s="14">
        <v>90</v>
      </c>
      <c r="B115" s="15">
        <v>2</v>
      </c>
      <c r="C115" s="16">
        <v>10</v>
      </c>
      <c r="D115" s="17">
        <v>12</v>
      </c>
    </row>
    <row r="116" spans="1:4" ht="18" customHeight="1" x14ac:dyDescent="0.2">
      <c r="A116" s="14">
        <v>91</v>
      </c>
      <c r="B116" s="15">
        <v>2</v>
      </c>
      <c r="C116" s="16">
        <v>12</v>
      </c>
      <c r="D116" s="17">
        <v>14</v>
      </c>
    </row>
    <row r="117" spans="1:4" ht="18" customHeight="1" x14ac:dyDescent="0.2">
      <c r="A117" s="14">
        <v>92</v>
      </c>
      <c r="B117" s="15">
        <v>2</v>
      </c>
      <c r="C117" s="16">
        <v>7</v>
      </c>
      <c r="D117" s="17">
        <v>9</v>
      </c>
    </row>
    <row r="118" spans="1:4" ht="18" customHeight="1" x14ac:dyDescent="0.2">
      <c r="A118" s="14">
        <v>93</v>
      </c>
      <c r="B118" s="15">
        <v>3</v>
      </c>
      <c r="C118" s="16">
        <v>10</v>
      </c>
      <c r="D118" s="17">
        <v>13</v>
      </c>
    </row>
    <row r="119" spans="1:4" ht="18" customHeight="1" x14ac:dyDescent="0.2">
      <c r="A119" s="14">
        <v>94</v>
      </c>
      <c r="B119" s="15">
        <v>1</v>
      </c>
      <c r="C119" s="16">
        <v>10</v>
      </c>
      <c r="D119" s="17">
        <v>11</v>
      </c>
    </row>
    <row r="120" spans="1:4" ht="18" customHeight="1" x14ac:dyDescent="0.2">
      <c r="A120" s="18" t="s">
        <v>86</v>
      </c>
      <c r="B120" s="15">
        <v>10</v>
      </c>
      <c r="C120" s="16">
        <v>49</v>
      </c>
      <c r="D120" s="17">
        <v>59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2</v>
      </c>
      <c r="C122" s="16">
        <v>4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87</v>
      </c>
      <c r="B126" s="15">
        <v>5</v>
      </c>
      <c r="C126" s="16">
        <v>21</v>
      </c>
      <c r="D126" s="17">
        <v>2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90</v>
      </c>
      <c r="B130" s="4">
        <v>813</v>
      </c>
      <c r="C130" s="5">
        <v>1040</v>
      </c>
      <c r="D130" s="6">
        <v>1853</v>
      </c>
    </row>
    <row r="131" spans="1:4" ht="18" customHeight="1" x14ac:dyDescent="0.2">
      <c r="A131" s="20" t="s">
        <v>65</v>
      </c>
      <c r="B131" s="7">
        <v>3614</v>
      </c>
      <c r="C131" s="8">
        <v>3828</v>
      </c>
      <c r="D131" s="9">
        <v>744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0</v>
      </c>
      <c r="C5" s="12">
        <v>13</v>
      </c>
      <c r="D5" s="13">
        <v>23</v>
      </c>
    </row>
    <row r="6" spans="1:4" ht="18" customHeight="1" x14ac:dyDescent="0.2">
      <c r="A6" s="14">
        <v>1</v>
      </c>
      <c r="B6" s="15">
        <v>17</v>
      </c>
      <c r="C6" s="16">
        <v>16</v>
      </c>
      <c r="D6" s="17">
        <v>33</v>
      </c>
    </row>
    <row r="7" spans="1:4" ht="18" customHeight="1" x14ac:dyDescent="0.2">
      <c r="A7" s="14">
        <v>2</v>
      </c>
      <c r="B7" s="15">
        <v>12</v>
      </c>
      <c r="C7" s="16">
        <v>16</v>
      </c>
      <c r="D7" s="17">
        <v>28</v>
      </c>
    </row>
    <row r="8" spans="1:4" ht="18" customHeight="1" x14ac:dyDescent="0.2">
      <c r="A8" s="14">
        <v>3</v>
      </c>
      <c r="B8" s="15">
        <v>27</v>
      </c>
      <c r="C8" s="16">
        <v>8</v>
      </c>
      <c r="D8" s="17">
        <v>35</v>
      </c>
    </row>
    <row r="9" spans="1:4" ht="18" customHeight="1" x14ac:dyDescent="0.2">
      <c r="A9" s="14">
        <v>4</v>
      </c>
      <c r="B9" s="15">
        <v>18</v>
      </c>
      <c r="C9" s="16">
        <v>18</v>
      </c>
      <c r="D9" s="17">
        <v>36</v>
      </c>
    </row>
    <row r="10" spans="1:4" ht="18" customHeight="1" x14ac:dyDescent="0.2">
      <c r="A10" s="18" t="s">
        <v>66</v>
      </c>
      <c r="B10" s="15">
        <v>84</v>
      </c>
      <c r="C10" s="16">
        <v>71</v>
      </c>
      <c r="D10" s="17">
        <v>155</v>
      </c>
    </row>
    <row r="11" spans="1:4" ht="18" customHeight="1" x14ac:dyDescent="0.2">
      <c r="A11" s="14">
        <v>5</v>
      </c>
      <c r="B11" s="15">
        <v>22</v>
      </c>
      <c r="C11" s="16">
        <v>18</v>
      </c>
      <c r="D11" s="17">
        <v>40</v>
      </c>
    </row>
    <row r="12" spans="1:4" ht="18" customHeight="1" x14ac:dyDescent="0.2">
      <c r="A12" s="14">
        <v>6</v>
      </c>
      <c r="B12" s="15">
        <v>22</v>
      </c>
      <c r="C12" s="16">
        <v>16</v>
      </c>
      <c r="D12" s="17">
        <v>38</v>
      </c>
    </row>
    <row r="13" spans="1:4" ht="18" customHeight="1" x14ac:dyDescent="0.2">
      <c r="A13" s="14">
        <v>7</v>
      </c>
      <c r="B13" s="15">
        <v>19</v>
      </c>
      <c r="C13" s="16">
        <v>21</v>
      </c>
      <c r="D13" s="17">
        <v>40</v>
      </c>
    </row>
    <row r="14" spans="1:4" ht="18" customHeight="1" x14ac:dyDescent="0.2">
      <c r="A14" s="14">
        <v>8</v>
      </c>
      <c r="B14" s="15">
        <v>30</v>
      </c>
      <c r="C14" s="16">
        <v>26</v>
      </c>
      <c r="D14" s="17">
        <v>56</v>
      </c>
    </row>
    <row r="15" spans="1:4" ht="18" customHeight="1" x14ac:dyDescent="0.2">
      <c r="A15" s="14">
        <v>9</v>
      </c>
      <c r="B15" s="15">
        <v>30</v>
      </c>
      <c r="C15" s="16">
        <v>21</v>
      </c>
      <c r="D15" s="17">
        <v>51</v>
      </c>
    </row>
    <row r="16" spans="1:4" ht="18" customHeight="1" x14ac:dyDescent="0.2">
      <c r="A16" s="18" t="s">
        <v>67</v>
      </c>
      <c r="B16" s="15">
        <v>123</v>
      </c>
      <c r="C16" s="16">
        <v>102</v>
      </c>
      <c r="D16" s="17">
        <v>225</v>
      </c>
    </row>
    <row r="17" spans="1:4" ht="18" customHeight="1" x14ac:dyDescent="0.2">
      <c r="A17" s="14">
        <v>10</v>
      </c>
      <c r="B17" s="15">
        <v>17</v>
      </c>
      <c r="C17" s="16">
        <v>19</v>
      </c>
      <c r="D17" s="17">
        <v>36</v>
      </c>
    </row>
    <row r="18" spans="1:4" ht="18" customHeight="1" x14ac:dyDescent="0.2">
      <c r="A18" s="14">
        <v>11</v>
      </c>
      <c r="B18" s="15">
        <v>27</v>
      </c>
      <c r="C18" s="16">
        <v>21</v>
      </c>
      <c r="D18" s="17">
        <v>48</v>
      </c>
    </row>
    <row r="19" spans="1:4" ht="18" customHeight="1" x14ac:dyDescent="0.2">
      <c r="A19" s="14">
        <v>12</v>
      </c>
      <c r="B19" s="15">
        <v>24</v>
      </c>
      <c r="C19" s="16">
        <v>18</v>
      </c>
      <c r="D19" s="17">
        <v>42</v>
      </c>
    </row>
    <row r="20" spans="1:4" ht="18" customHeight="1" x14ac:dyDescent="0.2">
      <c r="A20" s="14">
        <v>13</v>
      </c>
      <c r="B20" s="15">
        <v>30</v>
      </c>
      <c r="C20" s="16">
        <v>26</v>
      </c>
      <c r="D20" s="17">
        <v>56</v>
      </c>
    </row>
    <row r="21" spans="1:4" ht="18" customHeight="1" x14ac:dyDescent="0.2">
      <c r="A21" s="14">
        <v>14</v>
      </c>
      <c r="B21" s="15">
        <v>23</v>
      </c>
      <c r="C21" s="16">
        <v>29</v>
      </c>
      <c r="D21" s="17">
        <v>52</v>
      </c>
    </row>
    <row r="22" spans="1:4" ht="18" customHeight="1" x14ac:dyDescent="0.2">
      <c r="A22" s="18" t="s">
        <v>68</v>
      </c>
      <c r="B22" s="15">
        <v>121</v>
      </c>
      <c r="C22" s="16">
        <v>113</v>
      </c>
      <c r="D22" s="17">
        <v>234</v>
      </c>
    </row>
    <row r="23" spans="1:4" ht="18" customHeight="1" x14ac:dyDescent="0.2">
      <c r="A23" s="18" t="s">
        <v>69</v>
      </c>
      <c r="B23" s="15">
        <v>328</v>
      </c>
      <c r="C23" s="16">
        <v>286</v>
      </c>
      <c r="D23" s="17">
        <v>614</v>
      </c>
    </row>
    <row r="24" spans="1:4" ht="18" customHeight="1" x14ac:dyDescent="0.2">
      <c r="A24" s="14">
        <v>15</v>
      </c>
      <c r="B24" s="15">
        <v>26</v>
      </c>
      <c r="C24" s="16">
        <v>28</v>
      </c>
      <c r="D24" s="17">
        <v>54</v>
      </c>
    </row>
    <row r="25" spans="1:4" ht="18" customHeight="1" x14ac:dyDescent="0.2">
      <c r="A25" s="14">
        <v>16</v>
      </c>
      <c r="B25" s="15">
        <v>24</v>
      </c>
      <c r="C25" s="16">
        <v>18</v>
      </c>
      <c r="D25" s="17">
        <v>42</v>
      </c>
    </row>
    <row r="26" spans="1:4" ht="18" customHeight="1" x14ac:dyDescent="0.2">
      <c r="A26" s="14">
        <v>17</v>
      </c>
      <c r="B26" s="15">
        <v>22</v>
      </c>
      <c r="C26" s="16">
        <v>22</v>
      </c>
      <c r="D26" s="17">
        <v>44</v>
      </c>
    </row>
    <row r="27" spans="1:4" ht="18" customHeight="1" x14ac:dyDescent="0.2">
      <c r="A27" s="14">
        <v>18</v>
      </c>
      <c r="B27" s="15">
        <v>23</v>
      </c>
      <c r="C27" s="16">
        <v>18</v>
      </c>
      <c r="D27" s="17">
        <v>41</v>
      </c>
    </row>
    <row r="28" spans="1:4" ht="18" customHeight="1" x14ac:dyDescent="0.2">
      <c r="A28" s="14">
        <v>19</v>
      </c>
      <c r="B28" s="15">
        <v>21</v>
      </c>
      <c r="C28" s="16">
        <v>17</v>
      </c>
      <c r="D28" s="17">
        <v>38</v>
      </c>
    </row>
    <row r="29" spans="1:4" ht="18" customHeight="1" x14ac:dyDescent="0.2">
      <c r="A29" s="18" t="s">
        <v>70</v>
      </c>
      <c r="B29" s="15">
        <v>116</v>
      </c>
      <c r="C29" s="16">
        <v>103</v>
      </c>
      <c r="D29" s="17">
        <v>219</v>
      </c>
    </row>
    <row r="30" spans="1:4" ht="18" customHeight="1" x14ac:dyDescent="0.2">
      <c r="A30" s="14">
        <v>20</v>
      </c>
      <c r="B30" s="15">
        <v>18</v>
      </c>
      <c r="C30" s="16">
        <v>16</v>
      </c>
      <c r="D30" s="17">
        <v>34</v>
      </c>
    </row>
    <row r="31" spans="1:4" ht="18" customHeight="1" x14ac:dyDescent="0.2">
      <c r="A31" s="14">
        <v>21</v>
      </c>
      <c r="B31" s="15">
        <v>18</v>
      </c>
      <c r="C31" s="16">
        <v>22</v>
      </c>
      <c r="D31" s="17">
        <v>40</v>
      </c>
    </row>
    <row r="32" spans="1:4" ht="18" customHeight="1" x14ac:dyDescent="0.2">
      <c r="A32" s="14">
        <v>22</v>
      </c>
      <c r="B32" s="15">
        <v>14</v>
      </c>
      <c r="C32" s="16">
        <v>22</v>
      </c>
      <c r="D32" s="17">
        <v>36</v>
      </c>
    </row>
    <row r="33" spans="1:4" ht="18" customHeight="1" x14ac:dyDescent="0.2">
      <c r="A33" s="14">
        <v>23</v>
      </c>
      <c r="B33" s="15">
        <v>14</v>
      </c>
      <c r="C33" s="16">
        <v>12</v>
      </c>
      <c r="D33" s="17">
        <v>26</v>
      </c>
    </row>
    <row r="34" spans="1:4" ht="18" customHeight="1" x14ac:dyDescent="0.2">
      <c r="A34" s="14">
        <v>24</v>
      </c>
      <c r="B34" s="15">
        <v>15</v>
      </c>
      <c r="C34" s="16">
        <v>19</v>
      </c>
      <c r="D34" s="17">
        <v>34</v>
      </c>
    </row>
    <row r="35" spans="1:4" ht="18" customHeight="1" x14ac:dyDescent="0.2">
      <c r="A35" s="18" t="s">
        <v>71</v>
      </c>
      <c r="B35" s="15">
        <v>79</v>
      </c>
      <c r="C35" s="16">
        <v>91</v>
      </c>
      <c r="D35" s="17">
        <v>170</v>
      </c>
    </row>
    <row r="36" spans="1:4" ht="18" customHeight="1" x14ac:dyDescent="0.2">
      <c r="A36" s="14">
        <v>25</v>
      </c>
      <c r="B36" s="15">
        <v>19</v>
      </c>
      <c r="C36" s="16">
        <v>14</v>
      </c>
      <c r="D36" s="17">
        <v>33</v>
      </c>
    </row>
    <row r="37" spans="1:4" ht="18" customHeight="1" x14ac:dyDescent="0.2">
      <c r="A37" s="14">
        <v>26</v>
      </c>
      <c r="B37" s="15">
        <v>9</v>
      </c>
      <c r="C37" s="16">
        <v>16</v>
      </c>
      <c r="D37" s="17">
        <v>25</v>
      </c>
    </row>
    <row r="38" spans="1:4" ht="18" customHeight="1" x14ac:dyDescent="0.2">
      <c r="A38" s="14">
        <v>27</v>
      </c>
      <c r="B38" s="15">
        <v>17</v>
      </c>
      <c r="C38" s="16">
        <v>19</v>
      </c>
      <c r="D38" s="17">
        <v>36</v>
      </c>
    </row>
    <row r="39" spans="1:4" ht="18" customHeight="1" x14ac:dyDescent="0.2">
      <c r="A39" s="14">
        <v>28</v>
      </c>
      <c r="B39" s="15">
        <v>24</v>
      </c>
      <c r="C39" s="16">
        <v>18</v>
      </c>
      <c r="D39" s="17">
        <v>42</v>
      </c>
    </row>
    <row r="40" spans="1:4" ht="18" customHeight="1" x14ac:dyDescent="0.2">
      <c r="A40" s="14">
        <v>29</v>
      </c>
      <c r="B40" s="15">
        <v>19</v>
      </c>
      <c r="C40" s="16">
        <v>20</v>
      </c>
      <c r="D40" s="17">
        <v>39</v>
      </c>
    </row>
    <row r="41" spans="1:4" ht="18" customHeight="1" x14ac:dyDescent="0.2">
      <c r="A41" s="18" t="s">
        <v>72</v>
      </c>
      <c r="B41" s="15">
        <v>88</v>
      </c>
      <c r="C41" s="16">
        <v>87</v>
      </c>
      <c r="D41" s="17">
        <v>175</v>
      </c>
    </row>
    <row r="42" spans="1:4" ht="18" customHeight="1" x14ac:dyDescent="0.2">
      <c r="A42" s="14">
        <v>30</v>
      </c>
      <c r="B42" s="15">
        <v>17</v>
      </c>
      <c r="C42" s="16">
        <v>15</v>
      </c>
      <c r="D42" s="17">
        <v>32</v>
      </c>
    </row>
    <row r="43" spans="1:4" ht="18" customHeight="1" x14ac:dyDescent="0.2">
      <c r="A43" s="14">
        <v>31</v>
      </c>
      <c r="B43" s="15">
        <v>17</v>
      </c>
      <c r="C43" s="16">
        <v>27</v>
      </c>
      <c r="D43" s="17">
        <v>44</v>
      </c>
    </row>
    <row r="44" spans="1:4" ht="18" customHeight="1" x14ac:dyDescent="0.2">
      <c r="A44" s="14">
        <v>32</v>
      </c>
      <c r="B44" s="15">
        <v>13</v>
      </c>
      <c r="C44" s="16">
        <v>22</v>
      </c>
      <c r="D44" s="17">
        <v>35</v>
      </c>
    </row>
    <row r="45" spans="1:4" ht="18" customHeight="1" x14ac:dyDescent="0.2">
      <c r="A45" s="14">
        <v>33</v>
      </c>
      <c r="B45" s="15">
        <v>21</v>
      </c>
      <c r="C45" s="16">
        <v>16</v>
      </c>
      <c r="D45" s="17">
        <v>37</v>
      </c>
    </row>
    <row r="46" spans="1:4" ht="18" customHeight="1" x14ac:dyDescent="0.2">
      <c r="A46" s="14">
        <v>34</v>
      </c>
      <c r="B46" s="15">
        <v>35</v>
      </c>
      <c r="C46" s="16">
        <v>29</v>
      </c>
      <c r="D46" s="17">
        <v>64</v>
      </c>
    </row>
    <row r="47" spans="1:4" ht="18" customHeight="1" x14ac:dyDescent="0.2">
      <c r="A47" s="18" t="s">
        <v>73</v>
      </c>
      <c r="B47" s="15">
        <v>103</v>
      </c>
      <c r="C47" s="16">
        <v>109</v>
      </c>
      <c r="D47" s="17">
        <v>212</v>
      </c>
    </row>
    <row r="48" spans="1:4" ht="18" customHeight="1" x14ac:dyDescent="0.2">
      <c r="A48" s="14">
        <v>35</v>
      </c>
      <c r="B48" s="15">
        <v>30</v>
      </c>
      <c r="C48" s="16">
        <v>25</v>
      </c>
      <c r="D48" s="17">
        <v>55</v>
      </c>
    </row>
    <row r="49" spans="1:4" ht="18" customHeight="1" x14ac:dyDescent="0.2">
      <c r="A49" s="14">
        <v>36</v>
      </c>
      <c r="B49" s="15">
        <v>22</v>
      </c>
      <c r="C49" s="16">
        <v>33</v>
      </c>
      <c r="D49" s="17">
        <v>55</v>
      </c>
    </row>
    <row r="50" spans="1:4" ht="18" customHeight="1" x14ac:dyDescent="0.2">
      <c r="A50" s="14">
        <v>37</v>
      </c>
      <c r="B50" s="15">
        <v>33</v>
      </c>
      <c r="C50" s="16">
        <v>35</v>
      </c>
      <c r="D50" s="17">
        <v>68</v>
      </c>
    </row>
    <row r="51" spans="1:4" ht="18" customHeight="1" x14ac:dyDescent="0.2">
      <c r="A51" s="14">
        <v>38</v>
      </c>
      <c r="B51" s="15">
        <v>36</v>
      </c>
      <c r="C51" s="16">
        <v>24</v>
      </c>
      <c r="D51" s="17">
        <v>60</v>
      </c>
    </row>
    <row r="52" spans="1:4" ht="18" customHeight="1" x14ac:dyDescent="0.2">
      <c r="A52" s="14">
        <v>39</v>
      </c>
      <c r="B52" s="15">
        <v>34</v>
      </c>
      <c r="C52" s="16">
        <v>38</v>
      </c>
      <c r="D52" s="17">
        <v>72</v>
      </c>
    </row>
    <row r="53" spans="1:4" ht="18" customHeight="1" x14ac:dyDescent="0.2">
      <c r="A53" s="18" t="s">
        <v>74</v>
      </c>
      <c r="B53" s="15">
        <v>155</v>
      </c>
      <c r="C53" s="16">
        <v>155</v>
      </c>
      <c r="D53" s="17">
        <v>310</v>
      </c>
    </row>
    <row r="54" spans="1:4" ht="18" customHeight="1" x14ac:dyDescent="0.2">
      <c r="A54" s="14">
        <v>40</v>
      </c>
      <c r="B54" s="15">
        <v>40</v>
      </c>
      <c r="C54" s="16">
        <v>28</v>
      </c>
      <c r="D54" s="17">
        <v>68</v>
      </c>
    </row>
    <row r="55" spans="1:4" ht="18" customHeight="1" x14ac:dyDescent="0.2">
      <c r="A55" s="14">
        <v>41</v>
      </c>
      <c r="B55" s="15">
        <v>26</v>
      </c>
      <c r="C55" s="16">
        <v>29</v>
      </c>
      <c r="D55" s="17">
        <v>55</v>
      </c>
    </row>
    <row r="56" spans="1:4" ht="18" customHeight="1" x14ac:dyDescent="0.2">
      <c r="A56" s="14">
        <v>42</v>
      </c>
      <c r="B56" s="15">
        <v>32</v>
      </c>
      <c r="C56" s="16">
        <v>27</v>
      </c>
      <c r="D56" s="17">
        <v>59</v>
      </c>
    </row>
    <row r="57" spans="1:4" ht="18" customHeight="1" x14ac:dyDescent="0.2">
      <c r="A57" s="14">
        <v>43</v>
      </c>
      <c r="B57" s="15">
        <v>23</v>
      </c>
      <c r="C57" s="16">
        <v>27</v>
      </c>
      <c r="D57" s="17">
        <v>50</v>
      </c>
    </row>
    <row r="58" spans="1:4" ht="18" customHeight="1" x14ac:dyDescent="0.2">
      <c r="A58" s="14">
        <v>44</v>
      </c>
      <c r="B58" s="15">
        <v>28</v>
      </c>
      <c r="C58" s="16">
        <v>26</v>
      </c>
      <c r="D58" s="17">
        <v>54</v>
      </c>
    </row>
    <row r="59" spans="1:4" ht="18" customHeight="1" x14ac:dyDescent="0.2">
      <c r="A59" s="18" t="s">
        <v>75</v>
      </c>
      <c r="B59" s="15">
        <v>149</v>
      </c>
      <c r="C59" s="16">
        <v>137</v>
      </c>
      <c r="D59" s="17">
        <v>286</v>
      </c>
    </row>
    <row r="60" spans="1:4" ht="18" customHeight="1" x14ac:dyDescent="0.2">
      <c r="A60" s="14">
        <v>45</v>
      </c>
      <c r="B60" s="15">
        <v>27</v>
      </c>
      <c r="C60" s="16">
        <v>22</v>
      </c>
      <c r="D60" s="17">
        <v>49</v>
      </c>
    </row>
    <row r="61" spans="1:4" ht="18" customHeight="1" x14ac:dyDescent="0.2">
      <c r="A61" s="14">
        <v>46</v>
      </c>
      <c r="B61" s="15">
        <v>25</v>
      </c>
      <c r="C61" s="16">
        <v>27</v>
      </c>
      <c r="D61" s="17">
        <v>52</v>
      </c>
    </row>
    <row r="62" spans="1:4" ht="18" customHeight="1" x14ac:dyDescent="0.2">
      <c r="A62" s="14">
        <v>47</v>
      </c>
      <c r="B62" s="15">
        <v>28</v>
      </c>
      <c r="C62" s="16">
        <v>19</v>
      </c>
      <c r="D62" s="17">
        <v>47</v>
      </c>
    </row>
    <row r="63" spans="1:4" ht="18" customHeight="1" x14ac:dyDescent="0.2">
      <c r="A63" s="14">
        <v>48</v>
      </c>
      <c r="B63" s="15">
        <v>14</v>
      </c>
      <c r="C63" s="16">
        <v>34</v>
      </c>
      <c r="D63" s="17">
        <v>48</v>
      </c>
    </row>
    <row r="64" spans="1:4" ht="18" customHeight="1" x14ac:dyDescent="0.2">
      <c r="A64" s="14">
        <v>49</v>
      </c>
      <c r="B64" s="15">
        <v>21</v>
      </c>
      <c r="C64" s="16">
        <v>13</v>
      </c>
      <c r="D64" s="17">
        <v>34</v>
      </c>
    </row>
    <row r="65" spans="1:4" ht="18" customHeight="1" x14ac:dyDescent="0.2">
      <c r="A65" s="18" t="s">
        <v>76</v>
      </c>
      <c r="B65" s="15">
        <v>115</v>
      </c>
      <c r="C65" s="16">
        <v>115</v>
      </c>
      <c r="D65" s="17">
        <v>230</v>
      </c>
    </row>
    <row r="66" spans="1:4" ht="18" customHeight="1" x14ac:dyDescent="0.2">
      <c r="A66" s="14">
        <v>50</v>
      </c>
      <c r="B66" s="15">
        <v>26</v>
      </c>
      <c r="C66" s="16">
        <v>28</v>
      </c>
      <c r="D66" s="17">
        <v>54</v>
      </c>
    </row>
    <row r="67" spans="1:4" ht="18" customHeight="1" x14ac:dyDescent="0.2">
      <c r="A67" s="14">
        <v>51</v>
      </c>
      <c r="B67" s="15">
        <v>17</v>
      </c>
      <c r="C67" s="16">
        <v>22</v>
      </c>
      <c r="D67" s="17">
        <v>39</v>
      </c>
    </row>
    <row r="68" spans="1:4" ht="18" customHeight="1" x14ac:dyDescent="0.2">
      <c r="A68" s="14">
        <v>52</v>
      </c>
      <c r="B68" s="15">
        <v>27</v>
      </c>
      <c r="C68" s="16">
        <v>26</v>
      </c>
      <c r="D68" s="17">
        <v>53</v>
      </c>
    </row>
    <row r="69" spans="1:4" ht="18" customHeight="1" x14ac:dyDescent="0.2">
      <c r="A69" s="14">
        <v>53</v>
      </c>
      <c r="B69" s="15">
        <v>22</v>
      </c>
      <c r="C69" s="16">
        <v>20</v>
      </c>
      <c r="D69" s="17">
        <v>42</v>
      </c>
    </row>
    <row r="70" spans="1:4" ht="18" customHeight="1" x14ac:dyDescent="0.2">
      <c r="A70" s="14">
        <v>54</v>
      </c>
      <c r="B70" s="15">
        <v>24</v>
      </c>
      <c r="C70" s="16">
        <v>16</v>
      </c>
      <c r="D70" s="17">
        <v>40</v>
      </c>
    </row>
    <row r="71" spans="1:4" ht="18" customHeight="1" x14ac:dyDescent="0.2">
      <c r="A71" s="18" t="s">
        <v>77</v>
      </c>
      <c r="B71" s="15">
        <v>116</v>
      </c>
      <c r="C71" s="16">
        <v>112</v>
      </c>
      <c r="D71" s="17">
        <v>228</v>
      </c>
    </row>
    <row r="72" spans="1:4" ht="18" customHeight="1" x14ac:dyDescent="0.2">
      <c r="A72" s="14">
        <v>55</v>
      </c>
      <c r="B72" s="15">
        <v>23</v>
      </c>
      <c r="C72" s="16">
        <v>26</v>
      </c>
      <c r="D72" s="17">
        <v>49</v>
      </c>
    </row>
    <row r="73" spans="1:4" ht="18" customHeight="1" x14ac:dyDescent="0.2">
      <c r="A73" s="14">
        <v>56</v>
      </c>
      <c r="B73" s="15">
        <v>27</v>
      </c>
      <c r="C73" s="16">
        <v>22</v>
      </c>
      <c r="D73" s="17">
        <v>49</v>
      </c>
    </row>
    <row r="74" spans="1:4" ht="18" customHeight="1" x14ac:dyDescent="0.2">
      <c r="A74" s="14">
        <v>57</v>
      </c>
      <c r="B74" s="15">
        <v>17</v>
      </c>
      <c r="C74" s="16">
        <v>15</v>
      </c>
      <c r="D74" s="17">
        <v>32</v>
      </c>
    </row>
    <row r="75" spans="1:4" ht="18" customHeight="1" x14ac:dyDescent="0.2">
      <c r="A75" s="14">
        <v>58</v>
      </c>
      <c r="B75" s="15">
        <v>24</v>
      </c>
      <c r="C75" s="16">
        <v>17</v>
      </c>
      <c r="D75" s="17">
        <v>41</v>
      </c>
    </row>
    <row r="76" spans="1:4" ht="18" customHeight="1" x14ac:dyDescent="0.2">
      <c r="A76" s="14">
        <v>59</v>
      </c>
      <c r="B76" s="15">
        <v>28</v>
      </c>
      <c r="C76" s="16">
        <v>35</v>
      </c>
      <c r="D76" s="17">
        <v>63</v>
      </c>
    </row>
    <row r="77" spans="1:4" ht="18" customHeight="1" x14ac:dyDescent="0.2">
      <c r="A77" s="18" t="s">
        <v>78</v>
      </c>
      <c r="B77" s="15">
        <v>119</v>
      </c>
      <c r="C77" s="16">
        <v>115</v>
      </c>
      <c r="D77" s="17">
        <v>234</v>
      </c>
    </row>
    <row r="78" spans="1:4" ht="18" customHeight="1" x14ac:dyDescent="0.2">
      <c r="A78" s="14">
        <v>60</v>
      </c>
      <c r="B78" s="15">
        <v>33</v>
      </c>
      <c r="C78" s="16">
        <v>41</v>
      </c>
      <c r="D78" s="17">
        <v>74</v>
      </c>
    </row>
    <row r="79" spans="1:4" ht="18" customHeight="1" x14ac:dyDescent="0.2">
      <c r="A79" s="14">
        <v>61</v>
      </c>
      <c r="B79" s="15">
        <v>35</v>
      </c>
      <c r="C79" s="16">
        <v>30</v>
      </c>
      <c r="D79" s="17">
        <v>65</v>
      </c>
    </row>
    <row r="80" spans="1:4" ht="18" customHeight="1" x14ac:dyDescent="0.2">
      <c r="A80" s="14">
        <v>62</v>
      </c>
      <c r="B80" s="15">
        <v>24</v>
      </c>
      <c r="C80" s="16">
        <v>34</v>
      </c>
      <c r="D80" s="17">
        <v>58</v>
      </c>
    </row>
    <row r="81" spans="1:4" ht="18" customHeight="1" x14ac:dyDescent="0.2">
      <c r="A81" s="14">
        <v>63</v>
      </c>
      <c r="B81" s="15">
        <v>19</v>
      </c>
      <c r="C81" s="16">
        <v>28</v>
      </c>
      <c r="D81" s="17">
        <v>47</v>
      </c>
    </row>
    <row r="82" spans="1:4" ht="18" customHeight="1" x14ac:dyDescent="0.2">
      <c r="A82" s="14">
        <v>64</v>
      </c>
      <c r="B82" s="15">
        <v>25</v>
      </c>
      <c r="C82" s="16">
        <v>33</v>
      </c>
      <c r="D82" s="17">
        <v>58</v>
      </c>
    </row>
    <row r="83" spans="1:4" ht="18" customHeight="1" x14ac:dyDescent="0.2">
      <c r="A83" s="18" t="s">
        <v>79</v>
      </c>
      <c r="B83" s="15">
        <v>136</v>
      </c>
      <c r="C83" s="16">
        <v>166</v>
      </c>
      <c r="D83" s="17">
        <v>302</v>
      </c>
    </row>
    <row r="84" spans="1:4" ht="18" customHeight="1" x14ac:dyDescent="0.2">
      <c r="A84" s="18" t="s">
        <v>80</v>
      </c>
      <c r="B84" s="15">
        <v>1176</v>
      </c>
      <c r="C84" s="16">
        <v>1190</v>
      </c>
      <c r="D84" s="17">
        <v>2366</v>
      </c>
    </row>
    <row r="85" spans="1:4" ht="18" customHeight="1" x14ac:dyDescent="0.2">
      <c r="A85" s="14">
        <v>65</v>
      </c>
      <c r="B85" s="15">
        <v>21</v>
      </c>
      <c r="C85" s="16">
        <v>27</v>
      </c>
      <c r="D85" s="17">
        <v>48</v>
      </c>
    </row>
    <row r="86" spans="1:4" ht="18" customHeight="1" x14ac:dyDescent="0.2">
      <c r="A86" s="14">
        <v>66</v>
      </c>
      <c r="B86" s="15">
        <v>25</v>
      </c>
      <c r="C86" s="16">
        <v>24</v>
      </c>
      <c r="D86" s="17">
        <v>49</v>
      </c>
    </row>
    <row r="87" spans="1:4" ht="18" customHeight="1" x14ac:dyDescent="0.2">
      <c r="A87" s="14">
        <v>67</v>
      </c>
      <c r="B87" s="15">
        <v>15</v>
      </c>
      <c r="C87" s="16">
        <v>25</v>
      </c>
      <c r="D87" s="17">
        <v>40</v>
      </c>
    </row>
    <row r="88" spans="1:4" ht="18" customHeight="1" x14ac:dyDescent="0.2">
      <c r="A88" s="14">
        <v>68</v>
      </c>
      <c r="B88" s="15">
        <v>20</v>
      </c>
      <c r="C88" s="16">
        <v>25</v>
      </c>
      <c r="D88" s="17">
        <v>45</v>
      </c>
    </row>
    <row r="89" spans="1:4" ht="18" customHeight="1" x14ac:dyDescent="0.2">
      <c r="A89" s="14">
        <v>69</v>
      </c>
      <c r="B89" s="15">
        <v>25</v>
      </c>
      <c r="C89" s="16">
        <v>22</v>
      </c>
      <c r="D89" s="17">
        <v>47</v>
      </c>
    </row>
    <row r="90" spans="1:4" ht="18" customHeight="1" x14ac:dyDescent="0.2">
      <c r="A90" s="18" t="s">
        <v>81</v>
      </c>
      <c r="B90" s="15">
        <v>106</v>
      </c>
      <c r="C90" s="16">
        <v>123</v>
      </c>
      <c r="D90" s="17">
        <v>229</v>
      </c>
    </row>
    <row r="91" spans="1:4" ht="18" customHeight="1" x14ac:dyDescent="0.2">
      <c r="A91" s="14">
        <v>70</v>
      </c>
      <c r="B91" s="15">
        <v>12</v>
      </c>
      <c r="C91" s="16">
        <v>22</v>
      </c>
      <c r="D91" s="17">
        <v>34</v>
      </c>
    </row>
    <row r="92" spans="1:4" ht="18" customHeight="1" x14ac:dyDescent="0.2">
      <c r="A92" s="14">
        <v>71</v>
      </c>
      <c r="B92" s="15">
        <v>18</v>
      </c>
      <c r="C92" s="16">
        <v>31</v>
      </c>
      <c r="D92" s="17">
        <v>49</v>
      </c>
    </row>
    <row r="93" spans="1:4" ht="18" customHeight="1" x14ac:dyDescent="0.2">
      <c r="A93" s="14">
        <v>72</v>
      </c>
      <c r="B93" s="15">
        <v>16</v>
      </c>
      <c r="C93" s="16">
        <v>21</v>
      </c>
      <c r="D93" s="17">
        <v>37</v>
      </c>
    </row>
    <row r="94" spans="1:4" ht="18" customHeight="1" x14ac:dyDescent="0.2">
      <c r="A94" s="14">
        <v>73</v>
      </c>
      <c r="B94" s="15">
        <v>20</v>
      </c>
      <c r="C94" s="16">
        <v>18</v>
      </c>
      <c r="D94" s="17">
        <v>38</v>
      </c>
    </row>
    <row r="95" spans="1:4" ht="18" customHeight="1" x14ac:dyDescent="0.2">
      <c r="A95" s="14">
        <v>74</v>
      </c>
      <c r="B95" s="15">
        <v>16</v>
      </c>
      <c r="C95" s="16">
        <v>18</v>
      </c>
      <c r="D95" s="17">
        <v>34</v>
      </c>
    </row>
    <row r="96" spans="1:4" ht="18" customHeight="1" x14ac:dyDescent="0.2">
      <c r="A96" s="18" t="s">
        <v>82</v>
      </c>
      <c r="B96" s="15">
        <v>82</v>
      </c>
      <c r="C96" s="16">
        <v>110</v>
      </c>
      <c r="D96" s="17">
        <v>192</v>
      </c>
    </row>
    <row r="97" spans="1:4" ht="18" customHeight="1" x14ac:dyDescent="0.2">
      <c r="A97" s="14">
        <v>75</v>
      </c>
      <c r="B97" s="15">
        <v>15</v>
      </c>
      <c r="C97" s="16">
        <v>29</v>
      </c>
      <c r="D97" s="17">
        <v>44</v>
      </c>
    </row>
    <row r="98" spans="1:4" ht="18" customHeight="1" x14ac:dyDescent="0.2">
      <c r="A98" s="14">
        <v>76</v>
      </c>
      <c r="B98" s="15">
        <v>17</v>
      </c>
      <c r="C98" s="16">
        <v>22</v>
      </c>
      <c r="D98" s="17">
        <v>39</v>
      </c>
    </row>
    <row r="99" spans="1:4" ht="18" customHeight="1" x14ac:dyDescent="0.2">
      <c r="A99" s="14">
        <v>77</v>
      </c>
      <c r="B99" s="15">
        <v>12</v>
      </c>
      <c r="C99" s="16">
        <v>19</v>
      </c>
      <c r="D99" s="17">
        <v>31</v>
      </c>
    </row>
    <row r="100" spans="1:4" ht="18" customHeight="1" x14ac:dyDescent="0.2">
      <c r="A100" s="14">
        <v>78</v>
      </c>
      <c r="B100" s="15">
        <v>14</v>
      </c>
      <c r="C100" s="16">
        <v>36</v>
      </c>
      <c r="D100" s="17">
        <v>50</v>
      </c>
    </row>
    <row r="101" spans="1:4" ht="18" customHeight="1" x14ac:dyDescent="0.2">
      <c r="A101" s="14">
        <v>79</v>
      </c>
      <c r="B101" s="15">
        <v>16</v>
      </c>
      <c r="C101" s="16">
        <v>16</v>
      </c>
      <c r="D101" s="17">
        <v>32</v>
      </c>
    </row>
    <row r="102" spans="1:4" ht="18" customHeight="1" x14ac:dyDescent="0.2">
      <c r="A102" s="18" t="s">
        <v>83</v>
      </c>
      <c r="B102" s="15">
        <v>74</v>
      </c>
      <c r="C102" s="16">
        <v>122</v>
      </c>
      <c r="D102" s="17">
        <v>196</v>
      </c>
    </row>
    <row r="103" spans="1:4" ht="18" customHeight="1" x14ac:dyDescent="0.2">
      <c r="A103" s="14">
        <v>80</v>
      </c>
      <c r="B103" s="15">
        <v>10</v>
      </c>
      <c r="C103" s="16">
        <v>23</v>
      </c>
      <c r="D103" s="17">
        <v>33</v>
      </c>
    </row>
    <row r="104" spans="1:4" ht="18" customHeight="1" x14ac:dyDescent="0.2">
      <c r="A104" s="14">
        <v>81</v>
      </c>
      <c r="B104" s="15">
        <v>15</v>
      </c>
      <c r="C104" s="16">
        <v>15</v>
      </c>
      <c r="D104" s="17">
        <v>30</v>
      </c>
    </row>
    <row r="105" spans="1:4" ht="18" customHeight="1" x14ac:dyDescent="0.2">
      <c r="A105" s="14">
        <v>82</v>
      </c>
      <c r="B105" s="15">
        <v>13</v>
      </c>
      <c r="C105" s="16">
        <v>20</v>
      </c>
      <c r="D105" s="17">
        <v>33</v>
      </c>
    </row>
    <row r="106" spans="1:4" ht="18" customHeight="1" x14ac:dyDescent="0.2">
      <c r="A106" s="14">
        <v>83</v>
      </c>
      <c r="B106" s="15">
        <v>5</v>
      </c>
      <c r="C106" s="16">
        <v>20</v>
      </c>
      <c r="D106" s="17">
        <v>25</v>
      </c>
    </row>
    <row r="107" spans="1:4" ht="18" customHeight="1" x14ac:dyDescent="0.2">
      <c r="A107" s="14">
        <v>84</v>
      </c>
      <c r="B107" s="15">
        <v>5</v>
      </c>
      <c r="C107" s="16">
        <v>20</v>
      </c>
      <c r="D107" s="17">
        <v>25</v>
      </c>
    </row>
    <row r="108" spans="1:4" ht="18" customHeight="1" x14ac:dyDescent="0.2">
      <c r="A108" s="18" t="s">
        <v>84</v>
      </c>
      <c r="B108" s="15">
        <v>48</v>
      </c>
      <c r="C108" s="16">
        <v>98</v>
      </c>
      <c r="D108" s="17">
        <v>146</v>
      </c>
    </row>
    <row r="109" spans="1:4" ht="18" customHeight="1" x14ac:dyDescent="0.2">
      <c r="A109" s="14">
        <v>85</v>
      </c>
      <c r="B109" s="15">
        <v>6</v>
      </c>
      <c r="C109" s="16">
        <v>10</v>
      </c>
      <c r="D109" s="17">
        <v>16</v>
      </c>
    </row>
    <row r="110" spans="1:4" ht="18" customHeight="1" x14ac:dyDescent="0.2">
      <c r="A110" s="14">
        <v>86</v>
      </c>
      <c r="B110" s="15">
        <v>3</v>
      </c>
      <c r="C110" s="16">
        <v>13</v>
      </c>
      <c r="D110" s="17">
        <v>16</v>
      </c>
    </row>
    <row r="111" spans="1:4" ht="18" customHeight="1" x14ac:dyDescent="0.2">
      <c r="A111" s="14">
        <v>87</v>
      </c>
      <c r="B111" s="15">
        <v>3</v>
      </c>
      <c r="C111" s="16">
        <v>13</v>
      </c>
      <c r="D111" s="17">
        <v>16</v>
      </c>
    </row>
    <row r="112" spans="1:4" ht="18" customHeight="1" x14ac:dyDescent="0.2">
      <c r="A112" s="14">
        <v>88</v>
      </c>
      <c r="B112" s="15">
        <v>5</v>
      </c>
      <c r="C112" s="16">
        <v>10</v>
      </c>
      <c r="D112" s="17">
        <v>15</v>
      </c>
    </row>
    <row r="113" spans="1:4" ht="18" customHeight="1" x14ac:dyDescent="0.2">
      <c r="A113" s="14">
        <v>89</v>
      </c>
      <c r="B113" s="15">
        <v>2</v>
      </c>
      <c r="C113" s="16">
        <v>11</v>
      </c>
      <c r="D113" s="17">
        <v>13</v>
      </c>
    </row>
    <row r="114" spans="1:4" ht="18" customHeight="1" x14ac:dyDescent="0.2">
      <c r="A114" s="18" t="s">
        <v>85</v>
      </c>
      <c r="B114" s="15">
        <v>19</v>
      </c>
      <c r="C114" s="16">
        <v>57</v>
      </c>
      <c r="D114" s="17">
        <v>76</v>
      </c>
    </row>
    <row r="115" spans="1:4" ht="18" customHeight="1" x14ac:dyDescent="0.2">
      <c r="A115" s="14">
        <v>90</v>
      </c>
      <c r="B115" s="15">
        <v>3</v>
      </c>
      <c r="C115" s="16">
        <v>9</v>
      </c>
      <c r="D115" s="17">
        <v>12</v>
      </c>
    </row>
    <row r="116" spans="1:4" ht="18" customHeight="1" x14ac:dyDescent="0.2">
      <c r="A116" s="14">
        <v>91</v>
      </c>
      <c r="B116" s="15">
        <v>4</v>
      </c>
      <c r="C116" s="16">
        <v>5</v>
      </c>
      <c r="D116" s="17">
        <v>9</v>
      </c>
    </row>
    <row r="117" spans="1:4" ht="18" customHeight="1" x14ac:dyDescent="0.2">
      <c r="A117" s="14">
        <v>92</v>
      </c>
      <c r="B117" s="15">
        <v>1</v>
      </c>
      <c r="C117" s="16">
        <v>4</v>
      </c>
      <c r="D117" s="17">
        <v>5</v>
      </c>
    </row>
    <row r="118" spans="1:4" ht="18" customHeight="1" x14ac:dyDescent="0.2">
      <c r="A118" s="14">
        <v>93</v>
      </c>
      <c r="B118" s="15">
        <v>0</v>
      </c>
      <c r="C118" s="16">
        <v>3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86</v>
      </c>
      <c r="B120" s="15">
        <v>8</v>
      </c>
      <c r="C120" s="16">
        <v>26</v>
      </c>
      <c r="D120" s="17">
        <v>34</v>
      </c>
    </row>
    <row r="121" spans="1:4" ht="18" customHeight="1" x14ac:dyDescent="0.2">
      <c r="A121" s="14">
        <v>95</v>
      </c>
      <c r="B121" s="15">
        <v>0</v>
      </c>
      <c r="C121" s="16">
        <v>5</v>
      </c>
      <c r="D121" s="17">
        <v>5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338</v>
      </c>
      <c r="C130" s="5">
        <v>547</v>
      </c>
      <c r="D130" s="6">
        <v>885</v>
      </c>
    </row>
    <row r="131" spans="1:4" ht="18" customHeight="1" x14ac:dyDescent="0.2">
      <c r="A131" s="20" t="s">
        <v>65</v>
      </c>
      <c r="B131" s="7">
        <v>1842</v>
      </c>
      <c r="C131" s="8">
        <v>2023</v>
      </c>
      <c r="D131" s="9">
        <v>386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</v>
      </c>
      <c r="C5" s="12">
        <v>8</v>
      </c>
      <c r="D5" s="13">
        <v>13</v>
      </c>
    </row>
    <row r="6" spans="1:4" ht="18" customHeight="1" x14ac:dyDescent="0.2">
      <c r="A6" s="14">
        <v>1</v>
      </c>
      <c r="B6" s="15">
        <v>6</v>
      </c>
      <c r="C6" s="16">
        <v>7</v>
      </c>
      <c r="D6" s="17">
        <v>13</v>
      </c>
    </row>
    <row r="7" spans="1:4" ht="18" customHeight="1" x14ac:dyDescent="0.2">
      <c r="A7" s="14">
        <v>2</v>
      </c>
      <c r="B7" s="15">
        <v>8</v>
      </c>
      <c r="C7" s="16">
        <v>10</v>
      </c>
      <c r="D7" s="17">
        <v>18</v>
      </c>
    </row>
    <row r="8" spans="1:4" ht="18" customHeight="1" x14ac:dyDescent="0.2">
      <c r="A8" s="14">
        <v>3</v>
      </c>
      <c r="B8" s="15">
        <v>11</v>
      </c>
      <c r="C8" s="16">
        <v>6</v>
      </c>
      <c r="D8" s="17">
        <v>17</v>
      </c>
    </row>
    <row r="9" spans="1:4" ht="18" customHeight="1" x14ac:dyDescent="0.2">
      <c r="A9" s="14">
        <v>4</v>
      </c>
      <c r="B9" s="15">
        <v>8</v>
      </c>
      <c r="C9" s="16">
        <v>9</v>
      </c>
      <c r="D9" s="17">
        <v>17</v>
      </c>
    </row>
    <row r="10" spans="1:4" ht="18" customHeight="1" x14ac:dyDescent="0.2">
      <c r="A10" s="18" t="s">
        <v>66</v>
      </c>
      <c r="B10" s="15">
        <v>38</v>
      </c>
      <c r="C10" s="16">
        <v>40</v>
      </c>
      <c r="D10" s="17">
        <v>78</v>
      </c>
    </row>
    <row r="11" spans="1:4" ht="18" customHeight="1" x14ac:dyDescent="0.2">
      <c r="A11" s="14">
        <v>5</v>
      </c>
      <c r="B11" s="15">
        <v>14</v>
      </c>
      <c r="C11" s="16">
        <v>5</v>
      </c>
      <c r="D11" s="17">
        <v>19</v>
      </c>
    </row>
    <row r="12" spans="1:4" ht="18" customHeight="1" x14ac:dyDescent="0.2">
      <c r="A12" s="14">
        <v>6</v>
      </c>
      <c r="B12" s="15">
        <v>6</v>
      </c>
      <c r="C12" s="16">
        <v>8</v>
      </c>
      <c r="D12" s="17">
        <v>14</v>
      </c>
    </row>
    <row r="13" spans="1:4" ht="18" customHeight="1" x14ac:dyDescent="0.2">
      <c r="A13" s="14">
        <v>7</v>
      </c>
      <c r="B13" s="15">
        <v>17</v>
      </c>
      <c r="C13" s="16">
        <v>10</v>
      </c>
      <c r="D13" s="17">
        <v>27</v>
      </c>
    </row>
    <row r="14" spans="1:4" ht="18" customHeight="1" x14ac:dyDescent="0.2">
      <c r="A14" s="14">
        <v>8</v>
      </c>
      <c r="B14" s="15">
        <v>7</v>
      </c>
      <c r="C14" s="16">
        <v>11</v>
      </c>
      <c r="D14" s="17">
        <v>18</v>
      </c>
    </row>
    <row r="15" spans="1:4" ht="18" customHeight="1" x14ac:dyDescent="0.2">
      <c r="A15" s="14">
        <v>9</v>
      </c>
      <c r="B15" s="15">
        <v>9</v>
      </c>
      <c r="C15" s="16">
        <v>10</v>
      </c>
      <c r="D15" s="17">
        <v>19</v>
      </c>
    </row>
    <row r="16" spans="1:4" ht="18" customHeight="1" x14ac:dyDescent="0.2">
      <c r="A16" s="18" t="s">
        <v>67</v>
      </c>
      <c r="B16" s="15">
        <v>53</v>
      </c>
      <c r="C16" s="16">
        <v>44</v>
      </c>
      <c r="D16" s="17">
        <v>97</v>
      </c>
    </row>
    <row r="17" spans="1:4" ht="18" customHeight="1" x14ac:dyDescent="0.2">
      <c r="A17" s="14">
        <v>10</v>
      </c>
      <c r="B17" s="15">
        <v>9</v>
      </c>
      <c r="C17" s="16">
        <v>9</v>
      </c>
      <c r="D17" s="17">
        <v>18</v>
      </c>
    </row>
    <row r="18" spans="1:4" ht="18" customHeight="1" x14ac:dyDescent="0.2">
      <c r="A18" s="14">
        <v>11</v>
      </c>
      <c r="B18" s="15">
        <v>12</v>
      </c>
      <c r="C18" s="16">
        <v>12</v>
      </c>
      <c r="D18" s="17">
        <v>24</v>
      </c>
    </row>
    <row r="19" spans="1:4" ht="18" customHeight="1" x14ac:dyDescent="0.2">
      <c r="A19" s="14">
        <v>12</v>
      </c>
      <c r="B19" s="15">
        <v>21</v>
      </c>
      <c r="C19" s="16">
        <v>15</v>
      </c>
      <c r="D19" s="17">
        <v>36</v>
      </c>
    </row>
    <row r="20" spans="1:4" ht="18" customHeight="1" x14ac:dyDescent="0.2">
      <c r="A20" s="14">
        <v>13</v>
      </c>
      <c r="B20" s="15">
        <v>8</v>
      </c>
      <c r="C20" s="16">
        <v>10</v>
      </c>
      <c r="D20" s="17">
        <v>18</v>
      </c>
    </row>
    <row r="21" spans="1:4" ht="18" customHeight="1" x14ac:dyDescent="0.2">
      <c r="A21" s="14">
        <v>14</v>
      </c>
      <c r="B21" s="15">
        <v>15</v>
      </c>
      <c r="C21" s="16">
        <v>10</v>
      </c>
      <c r="D21" s="17">
        <v>25</v>
      </c>
    </row>
    <row r="22" spans="1:4" ht="18" customHeight="1" x14ac:dyDescent="0.2">
      <c r="A22" s="18" t="s">
        <v>68</v>
      </c>
      <c r="B22" s="15">
        <v>65</v>
      </c>
      <c r="C22" s="16">
        <v>56</v>
      </c>
      <c r="D22" s="17">
        <v>121</v>
      </c>
    </row>
    <row r="23" spans="1:4" ht="18" customHeight="1" x14ac:dyDescent="0.2">
      <c r="A23" s="18" t="s">
        <v>69</v>
      </c>
      <c r="B23" s="15">
        <v>156</v>
      </c>
      <c r="C23" s="16">
        <v>140</v>
      </c>
      <c r="D23" s="17">
        <v>296</v>
      </c>
    </row>
    <row r="24" spans="1:4" ht="18" customHeight="1" x14ac:dyDescent="0.2">
      <c r="A24" s="14">
        <v>15</v>
      </c>
      <c r="B24" s="15">
        <v>18</v>
      </c>
      <c r="C24" s="16">
        <v>10</v>
      </c>
      <c r="D24" s="17">
        <v>28</v>
      </c>
    </row>
    <row r="25" spans="1:4" ht="18" customHeight="1" x14ac:dyDescent="0.2">
      <c r="A25" s="14">
        <v>16</v>
      </c>
      <c r="B25" s="15">
        <v>17</v>
      </c>
      <c r="C25" s="16">
        <v>10</v>
      </c>
      <c r="D25" s="17">
        <v>27</v>
      </c>
    </row>
    <row r="26" spans="1:4" ht="18" customHeight="1" x14ac:dyDescent="0.2">
      <c r="A26" s="14">
        <v>17</v>
      </c>
      <c r="B26" s="15">
        <v>7</v>
      </c>
      <c r="C26" s="16">
        <v>7</v>
      </c>
      <c r="D26" s="17">
        <v>14</v>
      </c>
    </row>
    <row r="27" spans="1:4" ht="18" customHeight="1" x14ac:dyDescent="0.2">
      <c r="A27" s="14">
        <v>18</v>
      </c>
      <c r="B27" s="15">
        <v>10</v>
      </c>
      <c r="C27" s="16">
        <v>15</v>
      </c>
      <c r="D27" s="17">
        <v>25</v>
      </c>
    </row>
    <row r="28" spans="1:4" ht="18" customHeight="1" x14ac:dyDescent="0.2">
      <c r="A28" s="14">
        <v>19</v>
      </c>
      <c r="B28" s="15">
        <v>9</v>
      </c>
      <c r="C28" s="16">
        <v>9</v>
      </c>
      <c r="D28" s="17">
        <v>18</v>
      </c>
    </row>
    <row r="29" spans="1:4" ht="18" customHeight="1" x14ac:dyDescent="0.2">
      <c r="A29" s="18" t="s">
        <v>70</v>
      </c>
      <c r="B29" s="15">
        <v>61</v>
      </c>
      <c r="C29" s="16">
        <v>51</v>
      </c>
      <c r="D29" s="17">
        <v>112</v>
      </c>
    </row>
    <row r="30" spans="1:4" ht="18" customHeight="1" x14ac:dyDescent="0.2">
      <c r="A30" s="14">
        <v>20</v>
      </c>
      <c r="B30" s="15">
        <v>16</v>
      </c>
      <c r="C30" s="16">
        <v>9</v>
      </c>
      <c r="D30" s="17">
        <v>25</v>
      </c>
    </row>
    <row r="31" spans="1:4" ht="18" customHeight="1" x14ac:dyDescent="0.2">
      <c r="A31" s="14">
        <v>21</v>
      </c>
      <c r="B31" s="15">
        <v>13</v>
      </c>
      <c r="C31" s="16">
        <v>14</v>
      </c>
      <c r="D31" s="17">
        <v>27</v>
      </c>
    </row>
    <row r="32" spans="1:4" ht="18" customHeight="1" x14ac:dyDescent="0.2">
      <c r="A32" s="14">
        <v>22</v>
      </c>
      <c r="B32" s="15">
        <v>4</v>
      </c>
      <c r="C32" s="16">
        <v>10</v>
      </c>
      <c r="D32" s="17">
        <v>14</v>
      </c>
    </row>
    <row r="33" spans="1:4" ht="18" customHeight="1" x14ac:dyDescent="0.2">
      <c r="A33" s="14">
        <v>23</v>
      </c>
      <c r="B33" s="15">
        <v>19</v>
      </c>
      <c r="C33" s="16">
        <v>9</v>
      </c>
      <c r="D33" s="17">
        <v>28</v>
      </c>
    </row>
    <row r="34" spans="1:4" ht="18" customHeight="1" x14ac:dyDescent="0.2">
      <c r="A34" s="14">
        <v>24</v>
      </c>
      <c r="B34" s="15">
        <v>12</v>
      </c>
      <c r="C34" s="16">
        <v>13</v>
      </c>
      <c r="D34" s="17">
        <v>25</v>
      </c>
    </row>
    <row r="35" spans="1:4" ht="18" customHeight="1" x14ac:dyDescent="0.2">
      <c r="A35" s="18" t="s">
        <v>71</v>
      </c>
      <c r="B35" s="15">
        <v>64</v>
      </c>
      <c r="C35" s="16">
        <v>55</v>
      </c>
      <c r="D35" s="17">
        <v>119</v>
      </c>
    </row>
    <row r="36" spans="1:4" ht="18" customHeight="1" x14ac:dyDescent="0.2">
      <c r="A36" s="14">
        <v>25</v>
      </c>
      <c r="B36" s="15">
        <v>7</v>
      </c>
      <c r="C36" s="16">
        <v>15</v>
      </c>
      <c r="D36" s="17">
        <v>22</v>
      </c>
    </row>
    <row r="37" spans="1:4" ht="18" customHeight="1" x14ac:dyDescent="0.2">
      <c r="A37" s="14">
        <v>26</v>
      </c>
      <c r="B37" s="15">
        <v>14</v>
      </c>
      <c r="C37" s="16">
        <v>8</v>
      </c>
      <c r="D37" s="17">
        <v>22</v>
      </c>
    </row>
    <row r="38" spans="1:4" ht="18" customHeight="1" x14ac:dyDescent="0.2">
      <c r="A38" s="14">
        <v>27</v>
      </c>
      <c r="B38" s="15">
        <v>12</v>
      </c>
      <c r="C38" s="16">
        <v>6</v>
      </c>
      <c r="D38" s="17">
        <v>18</v>
      </c>
    </row>
    <row r="39" spans="1:4" ht="18" customHeight="1" x14ac:dyDescent="0.2">
      <c r="A39" s="14">
        <v>28</v>
      </c>
      <c r="B39" s="15">
        <v>8</v>
      </c>
      <c r="C39" s="16">
        <v>13</v>
      </c>
      <c r="D39" s="17">
        <v>21</v>
      </c>
    </row>
    <row r="40" spans="1:4" ht="18" customHeight="1" x14ac:dyDescent="0.2">
      <c r="A40" s="14">
        <v>29</v>
      </c>
      <c r="B40" s="15">
        <v>10</v>
      </c>
      <c r="C40" s="16">
        <v>17</v>
      </c>
      <c r="D40" s="17">
        <v>27</v>
      </c>
    </row>
    <row r="41" spans="1:4" ht="18" customHeight="1" x14ac:dyDescent="0.2">
      <c r="A41" s="18" t="s">
        <v>72</v>
      </c>
      <c r="B41" s="15">
        <v>51</v>
      </c>
      <c r="C41" s="16">
        <v>59</v>
      </c>
      <c r="D41" s="17">
        <v>110</v>
      </c>
    </row>
    <row r="42" spans="1:4" ht="18" customHeight="1" x14ac:dyDescent="0.2">
      <c r="A42" s="14">
        <v>30</v>
      </c>
      <c r="B42" s="15">
        <v>18</v>
      </c>
      <c r="C42" s="16">
        <v>9</v>
      </c>
      <c r="D42" s="17">
        <v>27</v>
      </c>
    </row>
    <row r="43" spans="1:4" ht="18" customHeight="1" x14ac:dyDescent="0.2">
      <c r="A43" s="14">
        <v>31</v>
      </c>
      <c r="B43" s="15">
        <v>15</v>
      </c>
      <c r="C43" s="16">
        <v>10</v>
      </c>
      <c r="D43" s="17">
        <v>25</v>
      </c>
    </row>
    <row r="44" spans="1:4" ht="18" customHeight="1" x14ac:dyDescent="0.2">
      <c r="A44" s="14">
        <v>32</v>
      </c>
      <c r="B44" s="15">
        <v>17</v>
      </c>
      <c r="C44" s="16">
        <v>9</v>
      </c>
      <c r="D44" s="17">
        <v>26</v>
      </c>
    </row>
    <row r="45" spans="1:4" ht="18" customHeight="1" x14ac:dyDescent="0.2">
      <c r="A45" s="14">
        <v>33</v>
      </c>
      <c r="B45" s="15">
        <v>16</v>
      </c>
      <c r="C45" s="16">
        <v>19</v>
      </c>
      <c r="D45" s="17">
        <v>35</v>
      </c>
    </row>
    <row r="46" spans="1:4" ht="18" customHeight="1" x14ac:dyDescent="0.2">
      <c r="A46" s="14">
        <v>34</v>
      </c>
      <c r="B46" s="15">
        <v>20</v>
      </c>
      <c r="C46" s="16">
        <v>19</v>
      </c>
      <c r="D46" s="17">
        <v>39</v>
      </c>
    </row>
    <row r="47" spans="1:4" ht="18" customHeight="1" x14ac:dyDescent="0.2">
      <c r="A47" s="18" t="s">
        <v>73</v>
      </c>
      <c r="B47" s="15">
        <v>86</v>
      </c>
      <c r="C47" s="16">
        <v>66</v>
      </c>
      <c r="D47" s="17">
        <v>152</v>
      </c>
    </row>
    <row r="48" spans="1:4" ht="18" customHeight="1" x14ac:dyDescent="0.2">
      <c r="A48" s="14">
        <v>35</v>
      </c>
      <c r="B48" s="15">
        <v>24</v>
      </c>
      <c r="C48" s="16">
        <v>12</v>
      </c>
      <c r="D48" s="17">
        <v>36</v>
      </c>
    </row>
    <row r="49" spans="1:4" ht="18" customHeight="1" x14ac:dyDescent="0.2">
      <c r="A49" s="14">
        <v>36</v>
      </c>
      <c r="B49" s="15">
        <v>18</v>
      </c>
      <c r="C49" s="16">
        <v>20</v>
      </c>
      <c r="D49" s="17">
        <v>38</v>
      </c>
    </row>
    <row r="50" spans="1:4" ht="18" customHeight="1" x14ac:dyDescent="0.2">
      <c r="A50" s="14">
        <v>37</v>
      </c>
      <c r="B50" s="15">
        <v>14</v>
      </c>
      <c r="C50" s="16">
        <v>10</v>
      </c>
      <c r="D50" s="17">
        <v>24</v>
      </c>
    </row>
    <row r="51" spans="1:4" ht="18" customHeight="1" x14ac:dyDescent="0.2">
      <c r="A51" s="14">
        <v>38</v>
      </c>
      <c r="B51" s="15">
        <v>9</v>
      </c>
      <c r="C51" s="16">
        <v>15</v>
      </c>
      <c r="D51" s="17">
        <v>24</v>
      </c>
    </row>
    <row r="52" spans="1:4" ht="18" customHeight="1" x14ac:dyDescent="0.2">
      <c r="A52" s="14">
        <v>39</v>
      </c>
      <c r="B52" s="15">
        <v>16</v>
      </c>
      <c r="C52" s="16">
        <v>19</v>
      </c>
      <c r="D52" s="17">
        <v>35</v>
      </c>
    </row>
    <row r="53" spans="1:4" ht="18" customHeight="1" x14ac:dyDescent="0.2">
      <c r="A53" s="18" t="s">
        <v>74</v>
      </c>
      <c r="B53" s="15">
        <v>81</v>
      </c>
      <c r="C53" s="16">
        <v>76</v>
      </c>
      <c r="D53" s="17">
        <v>157</v>
      </c>
    </row>
    <row r="54" spans="1:4" ht="18" customHeight="1" x14ac:dyDescent="0.2">
      <c r="A54" s="14">
        <v>40</v>
      </c>
      <c r="B54" s="15">
        <v>18</v>
      </c>
      <c r="C54" s="16">
        <v>14</v>
      </c>
      <c r="D54" s="17">
        <v>32</v>
      </c>
    </row>
    <row r="55" spans="1:4" ht="18" customHeight="1" x14ac:dyDescent="0.2">
      <c r="A55" s="14">
        <v>41</v>
      </c>
      <c r="B55" s="15">
        <v>13</v>
      </c>
      <c r="C55" s="16">
        <v>16</v>
      </c>
      <c r="D55" s="17">
        <v>29</v>
      </c>
    </row>
    <row r="56" spans="1:4" ht="18" customHeight="1" x14ac:dyDescent="0.2">
      <c r="A56" s="14">
        <v>42</v>
      </c>
      <c r="B56" s="15">
        <v>13</v>
      </c>
      <c r="C56" s="16">
        <v>17</v>
      </c>
      <c r="D56" s="17">
        <v>30</v>
      </c>
    </row>
    <row r="57" spans="1:4" ht="18" customHeight="1" x14ac:dyDescent="0.2">
      <c r="A57" s="14">
        <v>43</v>
      </c>
      <c r="B57" s="15">
        <v>17</v>
      </c>
      <c r="C57" s="16">
        <v>11</v>
      </c>
      <c r="D57" s="17">
        <v>28</v>
      </c>
    </row>
    <row r="58" spans="1:4" ht="18" customHeight="1" x14ac:dyDescent="0.2">
      <c r="A58" s="14">
        <v>44</v>
      </c>
      <c r="B58" s="15">
        <v>13</v>
      </c>
      <c r="C58" s="16">
        <v>13</v>
      </c>
      <c r="D58" s="17">
        <v>26</v>
      </c>
    </row>
    <row r="59" spans="1:4" ht="18" customHeight="1" x14ac:dyDescent="0.2">
      <c r="A59" s="18" t="s">
        <v>75</v>
      </c>
      <c r="B59" s="15">
        <v>74</v>
      </c>
      <c r="C59" s="16">
        <v>71</v>
      </c>
      <c r="D59" s="17">
        <v>145</v>
      </c>
    </row>
    <row r="60" spans="1:4" ht="18" customHeight="1" x14ac:dyDescent="0.2">
      <c r="A60" s="14">
        <v>45</v>
      </c>
      <c r="B60" s="15">
        <v>11</v>
      </c>
      <c r="C60" s="16">
        <v>10</v>
      </c>
      <c r="D60" s="17">
        <v>21</v>
      </c>
    </row>
    <row r="61" spans="1:4" ht="18" customHeight="1" x14ac:dyDescent="0.2">
      <c r="A61" s="14">
        <v>46</v>
      </c>
      <c r="B61" s="15">
        <v>21</v>
      </c>
      <c r="C61" s="16">
        <v>18</v>
      </c>
      <c r="D61" s="17">
        <v>39</v>
      </c>
    </row>
    <row r="62" spans="1:4" ht="18" customHeight="1" x14ac:dyDescent="0.2">
      <c r="A62" s="14">
        <v>47</v>
      </c>
      <c r="B62" s="15">
        <v>18</v>
      </c>
      <c r="C62" s="16">
        <v>10</v>
      </c>
      <c r="D62" s="17">
        <v>28</v>
      </c>
    </row>
    <row r="63" spans="1:4" ht="18" customHeight="1" x14ac:dyDescent="0.2">
      <c r="A63" s="14">
        <v>48</v>
      </c>
      <c r="B63" s="15">
        <v>10</v>
      </c>
      <c r="C63" s="16">
        <v>20</v>
      </c>
      <c r="D63" s="17">
        <v>30</v>
      </c>
    </row>
    <row r="64" spans="1:4" ht="18" customHeight="1" x14ac:dyDescent="0.2">
      <c r="A64" s="14">
        <v>49</v>
      </c>
      <c r="B64" s="15">
        <v>11</v>
      </c>
      <c r="C64" s="16">
        <v>10</v>
      </c>
      <c r="D64" s="17">
        <v>21</v>
      </c>
    </row>
    <row r="65" spans="1:4" ht="18" customHeight="1" x14ac:dyDescent="0.2">
      <c r="A65" s="18" t="s">
        <v>76</v>
      </c>
      <c r="B65" s="15">
        <v>71</v>
      </c>
      <c r="C65" s="16">
        <v>68</v>
      </c>
      <c r="D65" s="17">
        <v>139</v>
      </c>
    </row>
    <row r="66" spans="1:4" ht="18" customHeight="1" x14ac:dyDescent="0.2">
      <c r="A66" s="14">
        <v>50</v>
      </c>
      <c r="B66" s="15">
        <v>18</v>
      </c>
      <c r="C66" s="16">
        <v>14</v>
      </c>
      <c r="D66" s="17">
        <v>32</v>
      </c>
    </row>
    <row r="67" spans="1:4" ht="18" customHeight="1" x14ac:dyDescent="0.2">
      <c r="A67" s="14">
        <v>51</v>
      </c>
      <c r="B67" s="15">
        <v>11</v>
      </c>
      <c r="C67" s="16">
        <v>12</v>
      </c>
      <c r="D67" s="17">
        <v>23</v>
      </c>
    </row>
    <row r="68" spans="1:4" ht="18" customHeight="1" x14ac:dyDescent="0.2">
      <c r="A68" s="14">
        <v>52</v>
      </c>
      <c r="B68" s="15">
        <v>13</v>
      </c>
      <c r="C68" s="16">
        <v>15</v>
      </c>
      <c r="D68" s="17">
        <v>28</v>
      </c>
    </row>
    <row r="69" spans="1:4" ht="18" customHeight="1" x14ac:dyDescent="0.2">
      <c r="A69" s="14">
        <v>53</v>
      </c>
      <c r="B69" s="15">
        <v>19</v>
      </c>
      <c r="C69" s="16">
        <v>21</v>
      </c>
      <c r="D69" s="17">
        <v>40</v>
      </c>
    </row>
    <row r="70" spans="1:4" ht="18" customHeight="1" x14ac:dyDescent="0.2">
      <c r="A70" s="14">
        <v>54</v>
      </c>
      <c r="B70" s="15">
        <v>19</v>
      </c>
      <c r="C70" s="16">
        <v>20</v>
      </c>
      <c r="D70" s="17">
        <v>39</v>
      </c>
    </row>
    <row r="71" spans="1:4" ht="18" customHeight="1" x14ac:dyDescent="0.2">
      <c r="A71" s="18" t="s">
        <v>77</v>
      </c>
      <c r="B71" s="15">
        <v>80</v>
      </c>
      <c r="C71" s="16">
        <v>82</v>
      </c>
      <c r="D71" s="17">
        <v>162</v>
      </c>
    </row>
    <row r="72" spans="1:4" ht="18" customHeight="1" x14ac:dyDescent="0.2">
      <c r="A72" s="14">
        <v>55</v>
      </c>
      <c r="B72" s="15">
        <v>10</v>
      </c>
      <c r="C72" s="16">
        <v>17</v>
      </c>
      <c r="D72" s="17">
        <v>27</v>
      </c>
    </row>
    <row r="73" spans="1:4" ht="18" customHeight="1" x14ac:dyDescent="0.2">
      <c r="A73" s="14">
        <v>56</v>
      </c>
      <c r="B73" s="15">
        <v>13</v>
      </c>
      <c r="C73" s="16">
        <v>26</v>
      </c>
      <c r="D73" s="17">
        <v>39</v>
      </c>
    </row>
    <row r="74" spans="1:4" ht="18" customHeight="1" x14ac:dyDescent="0.2">
      <c r="A74" s="14">
        <v>57</v>
      </c>
      <c r="B74" s="15">
        <v>27</v>
      </c>
      <c r="C74" s="16">
        <v>26</v>
      </c>
      <c r="D74" s="17">
        <v>53</v>
      </c>
    </row>
    <row r="75" spans="1:4" ht="18" customHeight="1" x14ac:dyDescent="0.2">
      <c r="A75" s="14">
        <v>58</v>
      </c>
      <c r="B75" s="15">
        <v>24</v>
      </c>
      <c r="C75" s="16">
        <v>23</v>
      </c>
      <c r="D75" s="17">
        <v>47</v>
      </c>
    </row>
    <row r="76" spans="1:4" ht="18" customHeight="1" x14ac:dyDescent="0.2">
      <c r="A76" s="14">
        <v>59</v>
      </c>
      <c r="B76" s="15">
        <v>27</v>
      </c>
      <c r="C76" s="16">
        <v>29</v>
      </c>
      <c r="D76" s="17">
        <v>56</v>
      </c>
    </row>
    <row r="77" spans="1:4" ht="18" customHeight="1" x14ac:dyDescent="0.2">
      <c r="A77" s="18" t="s">
        <v>78</v>
      </c>
      <c r="B77" s="15">
        <v>101</v>
      </c>
      <c r="C77" s="16">
        <v>121</v>
      </c>
      <c r="D77" s="17">
        <v>222</v>
      </c>
    </row>
    <row r="78" spans="1:4" ht="18" customHeight="1" x14ac:dyDescent="0.2">
      <c r="A78" s="14">
        <v>60</v>
      </c>
      <c r="B78" s="15">
        <v>34</v>
      </c>
      <c r="C78" s="16">
        <v>37</v>
      </c>
      <c r="D78" s="17">
        <v>71</v>
      </c>
    </row>
    <row r="79" spans="1:4" ht="18" customHeight="1" x14ac:dyDescent="0.2">
      <c r="A79" s="14">
        <v>61</v>
      </c>
      <c r="B79" s="15">
        <v>26</v>
      </c>
      <c r="C79" s="16">
        <v>35</v>
      </c>
      <c r="D79" s="17">
        <v>61</v>
      </c>
    </row>
    <row r="80" spans="1:4" ht="18" customHeight="1" x14ac:dyDescent="0.2">
      <c r="A80" s="14">
        <v>62</v>
      </c>
      <c r="B80" s="15">
        <v>31</v>
      </c>
      <c r="C80" s="16">
        <v>35</v>
      </c>
      <c r="D80" s="17">
        <v>66</v>
      </c>
    </row>
    <row r="81" spans="1:4" ht="18" customHeight="1" x14ac:dyDescent="0.2">
      <c r="A81" s="14">
        <v>63</v>
      </c>
      <c r="B81" s="15">
        <v>18</v>
      </c>
      <c r="C81" s="16">
        <v>14</v>
      </c>
      <c r="D81" s="17">
        <v>32</v>
      </c>
    </row>
    <row r="82" spans="1:4" ht="18" customHeight="1" x14ac:dyDescent="0.2">
      <c r="A82" s="14">
        <v>64</v>
      </c>
      <c r="B82" s="15">
        <v>16</v>
      </c>
      <c r="C82" s="16">
        <v>22</v>
      </c>
      <c r="D82" s="17">
        <v>38</v>
      </c>
    </row>
    <row r="83" spans="1:4" ht="18" customHeight="1" x14ac:dyDescent="0.2">
      <c r="A83" s="18" t="s">
        <v>79</v>
      </c>
      <c r="B83" s="15">
        <v>125</v>
      </c>
      <c r="C83" s="16">
        <v>143</v>
      </c>
      <c r="D83" s="17">
        <v>268</v>
      </c>
    </row>
    <row r="84" spans="1:4" ht="18" customHeight="1" x14ac:dyDescent="0.2">
      <c r="A84" s="18" t="s">
        <v>80</v>
      </c>
      <c r="B84" s="15">
        <v>794</v>
      </c>
      <c r="C84" s="16">
        <v>792</v>
      </c>
      <c r="D84" s="17">
        <v>1586</v>
      </c>
    </row>
    <row r="85" spans="1:4" ht="18" customHeight="1" x14ac:dyDescent="0.2">
      <c r="A85" s="14">
        <v>65</v>
      </c>
      <c r="B85" s="15">
        <v>26</v>
      </c>
      <c r="C85" s="16">
        <v>17</v>
      </c>
      <c r="D85" s="17">
        <v>43</v>
      </c>
    </row>
    <row r="86" spans="1:4" ht="18" customHeight="1" x14ac:dyDescent="0.2">
      <c r="A86" s="14">
        <v>66</v>
      </c>
      <c r="B86" s="15">
        <v>18</v>
      </c>
      <c r="C86" s="16">
        <v>27</v>
      </c>
      <c r="D86" s="17">
        <v>45</v>
      </c>
    </row>
    <row r="87" spans="1:4" ht="18" customHeight="1" x14ac:dyDescent="0.2">
      <c r="A87" s="14">
        <v>67</v>
      </c>
      <c r="B87" s="15">
        <v>27</v>
      </c>
      <c r="C87" s="16">
        <v>25</v>
      </c>
      <c r="D87" s="17">
        <v>52</v>
      </c>
    </row>
    <row r="88" spans="1:4" ht="18" customHeight="1" x14ac:dyDescent="0.2">
      <c r="A88" s="14">
        <v>68</v>
      </c>
      <c r="B88" s="15">
        <v>19</v>
      </c>
      <c r="C88" s="16">
        <v>18</v>
      </c>
      <c r="D88" s="17">
        <v>37</v>
      </c>
    </row>
    <row r="89" spans="1:4" ht="18" customHeight="1" x14ac:dyDescent="0.2">
      <c r="A89" s="14">
        <v>69</v>
      </c>
      <c r="B89" s="15">
        <v>15</v>
      </c>
      <c r="C89" s="16">
        <v>18</v>
      </c>
      <c r="D89" s="17">
        <v>33</v>
      </c>
    </row>
    <row r="90" spans="1:4" ht="18" customHeight="1" x14ac:dyDescent="0.2">
      <c r="A90" s="18" t="s">
        <v>81</v>
      </c>
      <c r="B90" s="15">
        <v>105</v>
      </c>
      <c r="C90" s="16">
        <v>105</v>
      </c>
      <c r="D90" s="17">
        <v>210</v>
      </c>
    </row>
    <row r="91" spans="1:4" ht="18" customHeight="1" x14ac:dyDescent="0.2">
      <c r="A91" s="14">
        <v>70</v>
      </c>
      <c r="B91" s="15">
        <v>10</v>
      </c>
      <c r="C91" s="16">
        <v>14</v>
      </c>
      <c r="D91" s="17">
        <v>24</v>
      </c>
    </row>
    <row r="92" spans="1:4" ht="18" customHeight="1" x14ac:dyDescent="0.2">
      <c r="A92" s="14">
        <v>71</v>
      </c>
      <c r="B92" s="15">
        <v>14</v>
      </c>
      <c r="C92" s="16">
        <v>15</v>
      </c>
      <c r="D92" s="17">
        <v>29</v>
      </c>
    </row>
    <row r="93" spans="1:4" ht="18" customHeight="1" x14ac:dyDescent="0.2">
      <c r="A93" s="14">
        <v>72</v>
      </c>
      <c r="B93" s="15">
        <v>17</v>
      </c>
      <c r="C93" s="16">
        <v>21</v>
      </c>
      <c r="D93" s="17">
        <v>38</v>
      </c>
    </row>
    <row r="94" spans="1:4" ht="18" customHeight="1" x14ac:dyDescent="0.2">
      <c r="A94" s="14">
        <v>73</v>
      </c>
      <c r="B94" s="15">
        <v>16</v>
      </c>
      <c r="C94" s="16">
        <v>17</v>
      </c>
      <c r="D94" s="17">
        <v>33</v>
      </c>
    </row>
    <row r="95" spans="1:4" ht="18" customHeight="1" x14ac:dyDescent="0.2">
      <c r="A95" s="14">
        <v>74</v>
      </c>
      <c r="B95" s="15">
        <v>11</v>
      </c>
      <c r="C95" s="16">
        <v>17</v>
      </c>
      <c r="D95" s="17">
        <v>28</v>
      </c>
    </row>
    <row r="96" spans="1:4" ht="18" customHeight="1" x14ac:dyDescent="0.2">
      <c r="A96" s="18" t="s">
        <v>82</v>
      </c>
      <c r="B96" s="15">
        <v>68</v>
      </c>
      <c r="C96" s="16">
        <v>84</v>
      </c>
      <c r="D96" s="17">
        <v>152</v>
      </c>
    </row>
    <row r="97" spans="1:4" ht="18" customHeight="1" x14ac:dyDescent="0.2">
      <c r="A97" s="14">
        <v>75</v>
      </c>
      <c r="B97" s="15">
        <v>15</v>
      </c>
      <c r="C97" s="16">
        <v>17</v>
      </c>
      <c r="D97" s="17">
        <v>32</v>
      </c>
    </row>
    <row r="98" spans="1:4" ht="18" customHeight="1" x14ac:dyDescent="0.2">
      <c r="A98" s="14">
        <v>76</v>
      </c>
      <c r="B98" s="15">
        <v>14</v>
      </c>
      <c r="C98" s="16">
        <v>24</v>
      </c>
      <c r="D98" s="17">
        <v>38</v>
      </c>
    </row>
    <row r="99" spans="1:4" ht="18" customHeight="1" x14ac:dyDescent="0.2">
      <c r="A99" s="14">
        <v>77</v>
      </c>
      <c r="B99" s="15">
        <v>16</v>
      </c>
      <c r="C99" s="16">
        <v>17</v>
      </c>
      <c r="D99" s="17">
        <v>33</v>
      </c>
    </row>
    <row r="100" spans="1:4" ht="18" customHeight="1" x14ac:dyDescent="0.2">
      <c r="A100" s="14">
        <v>78</v>
      </c>
      <c r="B100" s="15">
        <v>14</v>
      </c>
      <c r="C100" s="16">
        <v>21</v>
      </c>
      <c r="D100" s="17">
        <v>35</v>
      </c>
    </row>
    <row r="101" spans="1:4" ht="18" customHeight="1" x14ac:dyDescent="0.2">
      <c r="A101" s="14">
        <v>79</v>
      </c>
      <c r="B101" s="15">
        <v>12</v>
      </c>
      <c r="C101" s="16">
        <v>21</v>
      </c>
      <c r="D101" s="17">
        <v>33</v>
      </c>
    </row>
    <row r="102" spans="1:4" ht="18" customHeight="1" x14ac:dyDescent="0.2">
      <c r="A102" s="18" t="s">
        <v>83</v>
      </c>
      <c r="B102" s="15">
        <v>71</v>
      </c>
      <c r="C102" s="16">
        <v>100</v>
      </c>
      <c r="D102" s="17">
        <v>171</v>
      </c>
    </row>
    <row r="103" spans="1:4" ht="18" customHeight="1" x14ac:dyDescent="0.2">
      <c r="A103" s="14">
        <v>80</v>
      </c>
      <c r="B103" s="15">
        <v>17</v>
      </c>
      <c r="C103" s="16">
        <v>17</v>
      </c>
      <c r="D103" s="17">
        <v>34</v>
      </c>
    </row>
    <row r="104" spans="1:4" ht="18" customHeight="1" x14ac:dyDescent="0.2">
      <c r="A104" s="14">
        <v>81</v>
      </c>
      <c r="B104" s="15">
        <v>7</v>
      </c>
      <c r="C104" s="16">
        <v>24</v>
      </c>
      <c r="D104" s="17">
        <v>31</v>
      </c>
    </row>
    <row r="105" spans="1:4" ht="18" customHeight="1" x14ac:dyDescent="0.2">
      <c r="A105" s="14">
        <v>82</v>
      </c>
      <c r="B105" s="15">
        <v>14</v>
      </c>
      <c r="C105" s="16">
        <v>20</v>
      </c>
      <c r="D105" s="17">
        <v>34</v>
      </c>
    </row>
    <row r="106" spans="1:4" ht="18" customHeight="1" x14ac:dyDescent="0.2">
      <c r="A106" s="14">
        <v>83</v>
      </c>
      <c r="B106" s="15">
        <v>6</v>
      </c>
      <c r="C106" s="16">
        <v>19</v>
      </c>
      <c r="D106" s="17">
        <v>25</v>
      </c>
    </row>
    <row r="107" spans="1:4" ht="18" customHeight="1" x14ac:dyDescent="0.2">
      <c r="A107" s="14">
        <v>84</v>
      </c>
      <c r="B107" s="15">
        <v>9</v>
      </c>
      <c r="C107" s="16">
        <v>16</v>
      </c>
      <c r="D107" s="17">
        <v>25</v>
      </c>
    </row>
    <row r="108" spans="1:4" ht="18" customHeight="1" x14ac:dyDescent="0.2">
      <c r="A108" s="18" t="s">
        <v>84</v>
      </c>
      <c r="B108" s="15">
        <v>53</v>
      </c>
      <c r="C108" s="16">
        <v>96</v>
      </c>
      <c r="D108" s="17">
        <v>149</v>
      </c>
    </row>
    <row r="109" spans="1:4" ht="18" customHeight="1" x14ac:dyDescent="0.2">
      <c r="A109" s="14">
        <v>85</v>
      </c>
      <c r="B109" s="15">
        <v>1</v>
      </c>
      <c r="C109" s="16">
        <v>14</v>
      </c>
      <c r="D109" s="17">
        <v>15</v>
      </c>
    </row>
    <row r="110" spans="1:4" ht="18" customHeight="1" x14ac:dyDescent="0.2">
      <c r="A110" s="14">
        <v>86</v>
      </c>
      <c r="B110" s="15">
        <v>3</v>
      </c>
      <c r="C110" s="16">
        <v>14</v>
      </c>
      <c r="D110" s="17">
        <v>17</v>
      </c>
    </row>
    <row r="111" spans="1:4" ht="18" customHeight="1" x14ac:dyDescent="0.2">
      <c r="A111" s="14">
        <v>87</v>
      </c>
      <c r="B111" s="15">
        <v>5</v>
      </c>
      <c r="C111" s="16">
        <v>12</v>
      </c>
      <c r="D111" s="17">
        <v>17</v>
      </c>
    </row>
    <row r="112" spans="1:4" ht="18" customHeight="1" x14ac:dyDescent="0.2">
      <c r="A112" s="14">
        <v>88</v>
      </c>
      <c r="B112" s="15">
        <v>3</v>
      </c>
      <c r="C112" s="16">
        <v>9</v>
      </c>
      <c r="D112" s="17">
        <v>12</v>
      </c>
    </row>
    <row r="113" spans="1:4" ht="18" customHeight="1" x14ac:dyDescent="0.2">
      <c r="A113" s="14">
        <v>89</v>
      </c>
      <c r="B113" s="15">
        <v>4</v>
      </c>
      <c r="C113" s="16">
        <v>8</v>
      </c>
      <c r="D113" s="17">
        <v>12</v>
      </c>
    </row>
    <row r="114" spans="1:4" ht="18" customHeight="1" x14ac:dyDescent="0.2">
      <c r="A114" s="18" t="s">
        <v>85</v>
      </c>
      <c r="B114" s="15">
        <v>16</v>
      </c>
      <c r="C114" s="16">
        <v>57</v>
      </c>
      <c r="D114" s="17">
        <v>73</v>
      </c>
    </row>
    <row r="115" spans="1:4" ht="18" customHeight="1" x14ac:dyDescent="0.2">
      <c r="A115" s="14">
        <v>90</v>
      </c>
      <c r="B115" s="15">
        <v>2</v>
      </c>
      <c r="C115" s="16">
        <v>4</v>
      </c>
      <c r="D115" s="17">
        <v>6</v>
      </c>
    </row>
    <row r="116" spans="1:4" ht="18" customHeight="1" x14ac:dyDescent="0.2">
      <c r="A116" s="14">
        <v>91</v>
      </c>
      <c r="B116" s="15">
        <v>4</v>
      </c>
      <c r="C116" s="16">
        <v>5</v>
      </c>
      <c r="D116" s="17">
        <v>9</v>
      </c>
    </row>
    <row r="117" spans="1:4" ht="18" customHeight="1" x14ac:dyDescent="0.2">
      <c r="A117" s="14">
        <v>92</v>
      </c>
      <c r="B117" s="15">
        <v>2</v>
      </c>
      <c r="C117" s="16">
        <v>8</v>
      </c>
      <c r="D117" s="17">
        <v>10</v>
      </c>
    </row>
    <row r="118" spans="1:4" ht="18" customHeight="1" x14ac:dyDescent="0.2">
      <c r="A118" s="14">
        <v>93</v>
      </c>
      <c r="B118" s="15">
        <v>0</v>
      </c>
      <c r="C118" s="16">
        <v>5</v>
      </c>
      <c r="D118" s="17">
        <v>5</v>
      </c>
    </row>
    <row r="119" spans="1:4" ht="18" customHeight="1" x14ac:dyDescent="0.2">
      <c r="A119" s="14">
        <v>94</v>
      </c>
      <c r="B119" s="15">
        <v>2</v>
      </c>
      <c r="C119" s="16">
        <v>4</v>
      </c>
      <c r="D119" s="17">
        <v>6</v>
      </c>
    </row>
    <row r="120" spans="1:4" ht="18" customHeight="1" x14ac:dyDescent="0.2">
      <c r="A120" s="18" t="s">
        <v>86</v>
      </c>
      <c r="B120" s="15">
        <v>10</v>
      </c>
      <c r="C120" s="16">
        <v>26</v>
      </c>
      <c r="D120" s="17">
        <v>36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0</v>
      </c>
      <c r="C126" s="16">
        <v>8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323</v>
      </c>
      <c r="C130" s="5">
        <v>478</v>
      </c>
      <c r="D130" s="6">
        <v>801</v>
      </c>
    </row>
    <row r="131" spans="1:4" ht="18" customHeight="1" x14ac:dyDescent="0.2">
      <c r="A131" s="20" t="s">
        <v>65</v>
      </c>
      <c r="B131" s="7">
        <v>1273</v>
      </c>
      <c r="C131" s="8">
        <v>1410</v>
      </c>
      <c r="D131" s="9">
        <v>268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1</v>
      </c>
      <c r="C5" s="12">
        <v>14</v>
      </c>
      <c r="D5" s="13">
        <v>25</v>
      </c>
    </row>
    <row r="6" spans="1:4" ht="18" customHeight="1" x14ac:dyDescent="0.2">
      <c r="A6" s="14">
        <v>1</v>
      </c>
      <c r="B6" s="15">
        <v>7</v>
      </c>
      <c r="C6" s="16">
        <v>14</v>
      </c>
      <c r="D6" s="17">
        <v>21</v>
      </c>
    </row>
    <row r="7" spans="1:4" ht="18" customHeight="1" x14ac:dyDescent="0.2">
      <c r="A7" s="14">
        <v>2</v>
      </c>
      <c r="B7" s="15">
        <v>13</v>
      </c>
      <c r="C7" s="16">
        <v>7</v>
      </c>
      <c r="D7" s="17">
        <v>20</v>
      </c>
    </row>
    <row r="8" spans="1:4" ht="18" customHeight="1" x14ac:dyDescent="0.2">
      <c r="A8" s="14">
        <v>3</v>
      </c>
      <c r="B8" s="15">
        <v>8</v>
      </c>
      <c r="C8" s="16">
        <v>9</v>
      </c>
      <c r="D8" s="17">
        <v>17</v>
      </c>
    </row>
    <row r="9" spans="1:4" ht="18" customHeight="1" x14ac:dyDescent="0.2">
      <c r="A9" s="14">
        <v>4</v>
      </c>
      <c r="B9" s="15">
        <v>11</v>
      </c>
      <c r="C9" s="16">
        <v>20</v>
      </c>
      <c r="D9" s="17">
        <v>31</v>
      </c>
    </row>
    <row r="10" spans="1:4" ht="18" customHeight="1" x14ac:dyDescent="0.2">
      <c r="A10" s="18" t="s">
        <v>66</v>
      </c>
      <c r="B10" s="15">
        <v>50</v>
      </c>
      <c r="C10" s="16">
        <v>64</v>
      </c>
      <c r="D10" s="17">
        <v>114</v>
      </c>
    </row>
    <row r="11" spans="1:4" ht="18" customHeight="1" x14ac:dyDescent="0.2">
      <c r="A11" s="14">
        <v>5</v>
      </c>
      <c r="B11" s="15">
        <v>13</v>
      </c>
      <c r="C11" s="16">
        <v>7</v>
      </c>
      <c r="D11" s="17">
        <v>20</v>
      </c>
    </row>
    <row r="12" spans="1:4" ht="18" customHeight="1" x14ac:dyDescent="0.2">
      <c r="A12" s="14">
        <v>6</v>
      </c>
      <c r="B12" s="15">
        <v>11</v>
      </c>
      <c r="C12" s="16">
        <v>16</v>
      </c>
      <c r="D12" s="17">
        <v>27</v>
      </c>
    </row>
    <row r="13" spans="1:4" ht="18" customHeight="1" x14ac:dyDescent="0.2">
      <c r="A13" s="14">
        <v>7</v>
      </c>
      <c r="B13" s="15">
        <v>14</v>
      </c>
      <c r="C13" s="16">
        <v>16</v>
      </c>
      <c r="D13" s="17">
        <v>30</v>
      </c>
    </row>
    <row r="14" spans="1:4" ht="18" customHeight="1" x14ac:dyDescent="0.2">
      <c r="A14" s="14">
        <v>8</v>
      </c>
      <c r="B14" s="15">
        <v>12</v>
      </c>
      <c r="C14" s="16">
        <v>16</v>
      </c>
      <c r="D14" s="17">
        <v>28</v>
      </c>
    </row>
    <row r="15" spans="1:4" ht="18" customHeight="1" x14ac:dyDescent="0.2">
      <c r="A15" s="14">
        <v>9</v>
      </c>
      <c r="B15" s="15">
        <v>24</v>
      </c>
      <c r="C15" s="16">
        <v>13</v>
      </c>
      <c r="D15" s="17">
        <v>37</v>
      </c>
    </row>
    <row r="16" spans="1:4" ht="18" customHeight="1" x14ac:dyDescent="0.2">
      <c r="A16" s="18" t="s">
        <v>67</v>
      </c>
      <c r="B16" s="15">
        <v>74</v>
      </c>
      <c r="C16" s="16">
        <v>68</v>
      </c>
      <c r="D16" s="17">
        <v>142</v>
      </c>
    </row>
    <row r="17" spans="1:4" ht="18" customHeight="1" x14ac:dyDescent="0.2">
      <c r="A17" s="14">
        <v>10</v>
      </c>
      <c r="B17" s="15">
        <v>13</v>
      </c>
      <c r="C17" s="16">
        <v>15</v>
      </c>
      <c r="D17" s="17">
        <v>28</v>
      </c>
    </row>
    <row r="18" spans="1:4" ht="18" customHeight="1" x14ac:dyDescent="0.2">
      <c r="A18" s="14">
        <v>11</v>
      </c>
      <c r="B18" s="15">
        <v>18</v>
      </c>
      <c r="C18" s="16">
        <v>10</v>
      </c>
      <c r="D18" s="17">
        <v>28</v>
      </c>
    </row>
    <row r="19" spans="1:4" ht="18" customHeight="1" x14ac:dyDescent="0.2">
      <c r="A19" s="14">
        <v>12</v>
      </c>
      <c r="B19" s="15">
        <v>20</v>
      </c>
      <c r="C19" s="16">
        <v>8</v>
      </c>
      <c r="D19" s="17">
        <v>28</v>
      </c>
    </row>
    <row r="20" spans="1:4" ht="18" customHeight="1" x14ac:dyDescent="0.2">
      <c r="A20" s="14">
        <v>13</v>
      </c>
      <c r="B20" s="15">
        <v>12</v>
      </c>
      <c r="C20" s="16">
        <v>10</v>
      </c>
      <c r="D20" s="17">
        <v>22</v>
      </c>
    </row>
    <row r="21" spans="1:4" ht="18" customHeight="1" x14ac:dyDescent="0.2">
      <c r="A21" s="14">
        <v>14</v>
      </c>
      <c r="B21" s="15">
        <v>17</v>
      </c>
      <c r="C21" s="16">
        <v>9</v>
      </c>
      <c r="D21" s="17">
        <v>26</v>
      </c>
    </row>
    <row r="22" spans="1:4" ht="18" customHeight="1" x14ac:dyDescent="0.2">
      <c r="A22" s="18" t="s">
        <v>68</v>
      </c>
      <c r="B22" s="15">
        <v>80</v>
      </c>
      <c r="C22" s="16">
        <v>52</v>
      </c>
      <c r="D22" s="17">
        <v>132</v>
      </c>
    </row>
    <row r="23" spans="1:4" ht="18" customHeight="1" x14ac:dyDescent="0.2">
      <c r="A23" s="18" t="s">
        <v>69</v>
      </c>
      <c r="B23" s="15">
        <v>204</v>
      </c>
      <c r="C23" s="16">
        <v>184</v>
      </c>
      <c r="D23" s="17">
        <v>388</v>
      </c>
    </row>
    <row r="24" spans="1:4" ht="18" customHeight="1" x14ac:dyDescent="0.2">
      <c r="A24" s="14">
        <v>15</v>
      </c>
      <c r="B24" s="15">
        <v>14</v>
      </c>
      <c r="C24" s="16">
        <v>12</v>
      </c>
      <c r="D24" s="17">
        <v>26</v>
      </c>
    </row>
    <row r="25" spans="1:4" ht="18" customHeight="1" x14ac:dyDescent="0.2">
      <c r="A25" s="14">
        <v>16</v>
      </c>
      <c r="B25" s="15">
        <v>21</v>
      </c>
      <c r="C25" s="16">
        <v>16</v>
      </c>
      <c r="D25" s="17">
        <v>37</v>
      </c>
    </row>
    <row r="26" spans="1:4" ht="18" customHeight="1" x14ac:dyDescent="0.2">
      <c r="A26" s="14">
        <v>17</v>
      </c>
      <c r="B26" s="15">
        <v>21</v>
      </c>
      <c r="C26" s="16">
        <v>13</v>
      </c>
      <c r="D26" s="17">
        <v>34</v>
      </c>
    </row>
    <row r="27" spans="1:4" ht="18" customHeight="1" x14ac:dyDescent="0.2">
      <c r="A27" s="14">
        <v>18</v>
      </c>
      <c r="B27" s="15">
        <v>13</v>
      </c>
      <c r="C27" s="16">
        <v>22</v>
      </c>
      <c r="D27" s="17">
        <v>35</v>
      </c>
    </row>
    <row r="28" spans="1:4" ht="18" customHeight="1" x14ac:dyDescent="0.2">
      <c r="A28" s="14">
        <v>19</v>
      </c>
      <c r="B28" s="15">
        <v>24</v>
      </c>
      <c r="C28" s="16">
        <v>17</v>
      </c>
      <c r="D28" s="17">
        <v>41</v>
      </c>
    </row>
    <row r="29" spans="1:4" ht="18" customHeight="1" x14ac:dyDescent="0.2">
      <c r="A29" s="18" t="s">
        <v>70</v>
      </c>
      <c r="B29" s="15">
        <v>93</v>
      </c>
      <c r="C29" s="16">
        <v>80</v>
      </c>
      <c r="D29" s="17">
        <v>173</v>
      </c>
    </row>
    <row r="30" spans="1:4" ht="18" customHeight="1" x14ac:dyDescent="0.2">
      <c r="A30" s="14">
        <v>20</v>
      </c>
      <c r="B30" s="15">
        <v>19</v>
      </c>
      <c r="C30" s="16">
        <v>22</v>
      </c>
      <c r="D30" s="17">
        <v>41</v>
      </c>
    </row>
    <row r="31" spans="1:4" ht="18" customHeight="1" x14ac:dyDescent="0.2">
      <c r="A31" s="14">
        <v>21</v>
      </c>
      <c r="B31" s="15">
        <v>24</v>
      </c>
      <c r="C31" s="16">
        <v>15</v>
      </c>
      <c r="D31" s="17">
        <v>39</v>
      </c>
    </row>
    <row r="32" spans="1:4" ht="18" customHeight="1" x14ac:dyDescent="0.2">
      <c r="A32" s="14">
        <v>22</v>
      </c>
      <c r="B32" s="15">
        <v>17</v>
      </c>
      <c r="C32" s="16">
        <v>23</v>
      </c>
      <c r="D32" s="17">
        <v>40</v>
      </c>
    </row>
    <row r="33" spans="1:4" ht="18" customHeight="1" x14ac:dyDescent="0.2">
      <c r="A33" s="14">
        <v>23</v>
      </c>
      <c r="B33" s="15">
        <v>14</v>
      </c>
      <c r="C33" s="16">
        <v>12</v>
      </c>
      <c r="D33" s="17">
        <v>26</v>
      </c>
    </row>
    <row r="34" spans="1:4" ht="18" customHeight="1" x14ac:dyDescent="0.2">
      <c r="A34" s="14">
        <v>24</v>
      </c>
      <c r="B34" s="15">
        <v>16</v>
      </c>
      <c r="C34" s="16">
        <v>16</v>
      </c>
      <c r="D34" s="17">
        <v>32</v>
      </c>
    </row>
    <row r="35" spans="1:4" ht="18" customHeight="1" x14ac:dyDescent="0.2">
      <c r="A35" s="18" t="s">
        <v>71</v>
      </c>
      <c r="B35" s="15">
        <v>90</v>
      </c>
      <c r="C35" s="16">
        <v>88</v>
      </c>
      <c r="D35" s="17">
        <v>178</v>
      </c>
    </row>
    <row r="36" spans="1:4" ht="18" customHeight="1" x14ac:dyDescent="0.2">
      <c r="A36" s="14">
        <v>25</v>
      </c>
      <c r="B36" s="15">
        <v>20</v>
      </c>
      <c r="C36" s="16">
        <v>17</v>
      </c>
      <c r="D36" s="17">
        <v>37</v>
      </c>
    </row>
    <row r="37" spans="1:4" ht="18" customHeight="1" x14ac:dyDescent="0.2">
      <c r="A37" s="14">
        <v>26</v>
      </c>
      <c r="B37" s="15">
        <v>14</v>
      </c>
      <c r="C37" s="16">
        <v>12</v>
      </c>
      <c r="D37" s="17">
        <v>26</v>
      </c>
    </row>
    <row r="38" spans="1:4" ht="18" customHeight="1" x14ac:dyDescent="0.2">
      <c r="A38" s="14">
        <v>27</v>
      </c>
      <c r="B38" s="15">
        <v>16</v>
      </c>
      <c r="C38" s="16">
        <v>15</v>
      </c>
      <c r="D38" s="17">
        <v>31</v>
      </c>
    </row>
    <row r="39" spans="1:4" ht="18" customHeight="1" x14ac:dyDescent="0.2">
      <c r="A39" s="14">
        <v>28</v>
      </c>
      <c r="B39" s="15">
        <v>19</v>
      </c>
      <c r="C39" s="16">
        <v>11</v>
      </c>
      <c r="D39" s="17">
        <v>30</v>
      </c>
    </row>
    <row r="40" spans="1:4" ht="18" customHeight="1" x14ac:dyDescent="0.2">
      <c r="A40" s="14">
        <v>29</v>
      </c>
      <c r="B40" s="15">
        <v>13</v>
      </c>
      <c r="C40" s="16">
        <v>13</v>
      </c>
      <c r="D40" s="17">
        <v>26</v>
      </c>
    </row>
    <row r="41" spans="1:4" ht="18" customHeight="1" x14ac:dyDescent="0.2">
      <c r="A41" s="18" t="s">
        <v>72</v>
      </c>
      <c r="B41" s="15">
        <v>82</v>
      </c>
      <c r="C41" s="16">
        <v>68</v>
      </c>
      <c r="D41" s="17">
        <v>150</v>
      </c>
    </row>
    <row r="42" spans="1:4" ht="18" customHeight="1" x14ac:dyDescent="0.2">
      <c r="A42" s="14">
        <v>30</v>
      </c>
      <c r="B42" s="15">
        <v>18</v>
      </c>
      <c r="C42" s="16">
        <v>19</v>
      </c>
      <c r="D42" s="17">
        <v>37</v>
      </c>
    </row>
    <row r="43" spans="1:4" ht="18" customHeight="1" x14ac:dyDescent="0.2">
      <c r="A43" s="14">
        <v>31</v>
      </c>
      <c r="B43" s="15">
        <v>17</v>
      </c>
      <c r="C43" s="16">
        <v>20</v>
      </c>
      <c r="D43" s="17">
        <v>37</v>
      </c>
    </row>
    <row r="44" spans="1:4" ht="18" customHeight="1" x14ac:dyDescent="0.2">
      <c r="A44" s="14">
        <v>32</v>
      </c>
      <c r="B44" s="15">
        <v>21</v>
      </c>
      <c r="C44" s="16">
        <v>21</v>
      </c>
      <c r="D44" s="17">
        <v>42</v>
      </c>
    </row>
    <row r="45" spans="1:4" ht="18" customHeight="1" x14ac:dyDescent="0.2">
      <c r="A45" s="14">
        <v>33</v>
      </c>
      <c r="B45" s="15">
        <v>14</v>
      </c>
      <c r="C45" s="16">
        <v>18</v>
      </c>
      <c r="D45" s="17">
        <v>32</v>
      </c>
    </row>
    <row r="46" spans="1:4" ht="18" customHeight="1" x14ac:dyDescent="0.2">
      <c r="A46" s="14">
        <v>34</v>
      </c>
      <c r="B46" s="15">
        <v>21</v>
      </c>
      <c r="C46" s="16">
        <v>20</v>
      </c>
      <c r="D46" s="17">
        <v>41</v>
      </c>
    </row>
    <row r="47" spans="1:4" ht="18" customHeight="1" x14ac:dyDescent="0.2">
      <c r="A47" s="18" t="s">
        <v>73</v>
      </c>
      <c r="B47" s="15">
        <v>91</v>
      </c>
      <c r="C47" s="16">
        <v>98</v>
      </c>
      <c r="D47" s="17">
        <v>189</v>
      </c>
    </row>
    <row r="48" spans="1:4" ht="18" customHeight="1" x14ac:dyDescent="0.2">
      <c r="A48" s="14">
        <v>35</v>
      </c>
      <c r="B48" s="15">
        <v>26</v>
      </c>
      <c r="C48" s="16">
        <v>19</v>
      </c>
      <c r="D48" s="17">
        <v>45</v>
      </c>
    </row>
    <row r="49" spans="1:4" ht="18" customHeight="1" x14ac:dyDescent="0.2">
      <c r="A49" s="14">
        <v>36</v>
      </c>
      <c r="B49" s="15">
        <v>27</v>
      </c>
      <c r="C49" s="16">
        <v>22</v>
      </c>
      <c r="D49" s="17">
        <v>49</v>
      </c>
    </row>
    <row r="50" spans="1:4" ht="18" customHeight="1" x14ac:dyDescent="0.2">
      <c r="A50" s="14">
        <v>37</v>
      </c>
      <c r="B50" s="15">
        <v>13</v>
      </c>
      <c r="C50" s="16">
        <v>27</v>
      </c>
      <c r="D50" s="17">
        <v>40</v>
      </c>
    </row>
    <row r="51" spans="1:4" ht="18" customHeight="1" x14ac:dyDescent="0.2">
      <c r="A51" s="14">
        <v>38</v>
      </c>
      <c r="B51" s="15">
        <v>21</v>
      </c>
      <c r="C51" s="16">
        <v>21</v>
      </c>
      <c r="D51" s="17">
        <v>42</v>
      </c>
    </row>
    <row r="52" spans="1:4" ht="18" customHeight="1" x14ac:dyDescent="0.2">
      <c r="A52" s="14">
        <v>39</v>
      </c>
      <c r="B52" s="15">
        <v>21</v>
      </c>
      <c r="C52" s="16">
        <v>12</v>
      </c>
      <c r="D52" s="17">
        <v>33</v>
      </c>
    </row>
    <row r="53" spans="1:4" ht="18" customHeight="1" x14ac:dyDescent="0.2">
      <c r="A53" s="18" t="s">
        <v>74</v>
      </c>
      <c r="B53" s="15">
        <v>108</v>
      </c>
      <c r="C53" s="16">
        <v>101</v>
      </c>
      <c r="D53" s="17">
        <v>209</v>
      </c>
    </row>
    <row r="54" spans="1:4" ht="18" customHeight="1" x14ac:dyDescent="0.2">
      <c r="A54" s="14">
        <v>40</v>
      </c>
      <c r="B54" s="15">
        <v>25</v>
      </c>
      <c r="C54" s="16">
        <v>23</v>
      </c>
      <c r="D54" s="17">
        <v>48</v>
      </c>
    </row>
    <row r="55" spans="1:4" ht="18" customHeight="1" x14ac:dyDescent="0.2">
      <c r="A55" s="14">
        <v>41</v>
      </c>
      <c r="B55" s="15">
        <v>25</v>
      </c>
      <c r="C55" s="16">
        <v>18</v>
      </c>
      <c r="D55" s="17">
        <v>43</v>
      </c>
    </row>
    <row r="56" spans="1:4" ht="18" customHeight="1" x14ac:dyDescent="0.2">
      <c r="A56" s="14">
        <v>42</v>
      </c>
      <c r="B56" s="15">
        <v>25</v>
      </c>
      <c r="C56" s="16">
        <v>19</v>
      </c>
      <c r="D56" s="17">
        <v>44</v>
      </c>
    </row>
    <row r="57" spans="1:4" ht="18" customHeight="1" x14ac:dyDescent="0.2">
      <c r="A57" s="14">
        <v>43</v>
      </c>
      <c r="B57" s="15">
        <v>13</v>
      </c>
      <c r="C57" s="16">
        <v>16</v>
      </c>
      <c r="D57" s="17">
        <v>29</v>
      </c>
    </row>
    <row r="58" spans="1:4" ht="18" customHeight="1" x14ac:dyDescent="0.2">
      <c r="A58" s="14">
        <v>44</v>
      </c>
      <c r="B58" s="15">
        <v>23</v>
      </c>
      <c r="C58" s="16">
        <v>14</v>
      </c>
      <c r="D58" s="17">
        <v>37</v>
      </c>
    </row>
    <row r="59" spans="1:4" ht="18" customHeight="1" x14ac:dyDescent="0.2">
      <c r="A59" s="18" t="s">
        <v>75</v>
      </c>
      <c r="B59" s="15">
        <v>111</v>
      </c>
      <c r="C59" s="16">
        <v>90</v>
      </c>
      <c r="D59" s="17">
        <v>201</v>
      </c>
    </row>
    <row r="60" spans="1:4" ht="18" customHeight="1" x14ac:dyDescent="0.2">
      <c r="A60" s="14">
        <v>45</v>
      </c>
      <c r="B60" s="15">
        <v>15</v>
      </c>
      <c r="C60" s="16">
        <v>26</v>
      </c>
      <c r="D60" s="17">
        <v>41</v>
      </c>
    </row>
    <row r="61" spans="1:4" ht="18" customHeight="1" x14ac:dyDescent="0.2">
      <c r="A61" s="14">
        <v>46</v>
      </c>
      <c r="B61" s="15">
        <v>18</v>
      </c>
      <c r="C61" s="16">
        <v>26</v>
      </c>
      <c r="D61" s="17">
        <v>44</v>
      </c>
    </row>
    <row r="62" spans="1:4" ht="18" customHeight="1" x14ac:dyDescent="0.2">
      <c r="A62" s="14">
        <v>47</v>
      </c>
      <c r="B62" s="15">
        <v>20</v>
      </c>
      <c r="C62" s="16">
        <v>18</v>
      </c>
      <c r="D62" s="17">
        <v>38</v>
      </c>
    </row>
    <row r="63" spans="1:4" ht="18" customHeight="1" x14ac:dyDescent="0.2">
      <c r="A63" s="14">
        <v>48</v>
      </c>
      <c r="B63" s="15">
        <v>16</v>
      </c>
      <c r="C63" s="16">
        <v>21</v>
      </c>
      <c r="D63" s="17">
        <v>37</v>
      </c>
    </row>
    <row r="64" spans="1:4" ht="18" customHeight="1" x14ac:dyDescent="0.2">
      <c r="A64" s="14">
        <v>49</v>
      </c>
      <c r="B64" s="15">
        <v>21</v>
      </c>
      <c r="C64" s="16">
        <v>21</v>
      </c>
      <c r="D64" s="17">
        <v>42</v>
      </c>
    </row>
    <row r="65" spans="1:4" ht="18" customHeight="1" x14ac:dyDescent="0.2">
      <c r="A65" s="18" t="s">
        <v>76</v>
      </c>
      <c r="B65" s="15">
        <v>90</v>
      </c>
      <c r="C65" s="16">
        <v>112</v>
      </c>
      <c r="D65" s="17">
        <v>202</v>
      </c>
    </row>
    <row r="66" spans="1:4" ht="18" customHeight="1" x14ac:dyDescent="0.2">
      <c r="A66" s="14">
        <v>50</v>
      </c>
      <c r="B66" s="15">
        <v>14</v>
      </c>
      <c r="C66" s="16">
        <v>18</v>
      </c>
      <c r="D66" s="17">
        <v>32</v>
      </c>
    </row>
    <row r="67" spans="1:4" ht="18" customHeight="1" x14ac:dyDescent="0.2">
      <c r="A67" s="14">
        <v>51</v>
      </c>
      <c r="B67" s="15">
        <v>20</v>
      </c>
      <c r="C67" s="16">
        <v>24</v>
      </c>
      <c r="D67" s="17">
        <v>44</v>
      </c>
    </row>
    <row r="68" spans="1:4" ht="18" customHeight="1" x14ac:dyDescent="0.2">
      <c r="A68" s="14">
        <v>52</v>
      </c>
      <c r="B68" s="15">
        <v>34</v>
      </c>
      <c r="C68" s="16">
        <v>25</v>
      </c>
      <c r="D68" s="17">
        <v>59</v>
      </c>
    </row>
    <row r="69" spans="1:4" ht="18" customHeight="1" x14ac:dyDescent="0.2">
      <c r="A69" s="14">
        <v>53</v>
      </c>
      <c r="B69" s="15">
        <v>21</v>
      </c>
      <c r="C69" s="16">
        <v>29</v>
      </c>
      <c r="D69" s="17">
        <v>50</v>
      </c>
    </row>
    <row r="70" spans="1:4" ht="18" customHeight="1" x14ac:dyDescent="0.2">
      <c r="A70" s="14">
        <v>54</v>
      </c>
      <c r="B70" s="15">
        <v>21</v>
      </c>
      <c r="C70" s="16">
        <v>19</v>
      </c>
      <c r="D70" s="17">
        <v>40</v>
      </c>
    </row>
    <row r="71" spans="1:4" ht="18" customHeight="1" x14ac:dyDescent="0.2">
      <c r="A71" s="18" t="s">
        <v>77</v>
      </c>
      <c r="B71" s="15">
        <v>110</v>
      </c>
      <c r="C71" s="16">
        <v>115</v>
      </c>
      <c r="D71" s="17">
        <v>225</v>
      </c>
    </row>
    <row r="72" spans="1:4" ht="18" customHeight="1" x14ac:dyDescent="0.2">
      <c r="A72" s="14">
        <v>55</v>
      </c>
      <c r="B72" s="15">
        <v>37</v>
      </c>
      <c r="C72" s="16">
        <v>33</v>
      </c>
      <c r="D72" s="17">
        <v>70</v>
      </c>
    </row>
    <row r="73" spans="1:4" ht="18" customHeight="1" x14ac:dyDescent="0.2">
      <c r="A73" s="14">
        <v>56</v>
      </c>
      <c r="B73" s="15">
        <v>30</v>
      </c>
      <c r="C73" s="16">
        <v>27</v>
      </c>
      <c r="D73" s="17">
        <v>57</v>
      </c>
    </row>
    <row r="74" spans="1:4" ht="18" customHeight="1" x14ac:dyDescent="0.2">
      <c r="A74" s="14">
        <v>57</v>
      </c>
      <c r="B74" s="15">
        <v>34</v>
      </c>
      <c r="C74" s="16">
        <v>24</v>
      </c>
      <c r="D74" s="17">
        <v>58</v>
      </c>
    </row>
    <row r="75" spans="1:4" ht="18" customHeight="1" x14ac:dyDescent="0.2">
      <c r="A75" s="14">
        <v>58</v>
      </c>
      <c r="B75" s="15">
        <v>33</v>
      </c>
      <c r="C75" s="16">
        <v>15</v>
      </c>
      <c r="D75" s="17">
        <v>48</v>
      </c>
    </row>
    <row r="76" spans="1:4" ht="18" customHeight="1" x14ac:dyDescent="0.2">
      <c r="A76" s="14">
        <v>59</v>
      </c>
      <c r="B76" s="15">
        <v>25</v>
      </c>
      <c r="C76" s="16">
        <v>32</v>
      </c>
      <c r="D76" s="17">
        <v>57</v>
      </c>
    </row>
    <row r="77" spans="1:4" ht="18" customHeight="1" x14ac:dyDescent="0.2">
      <c r="A77" s="18" t="s">
        <v>78</v>
      </c>
      <c r="B77" s="15">
        <v>159</v>
      </c>
      <c r="C77" s="16">
        <v>131</v>
      </c>
      <c r="D77" s="17">
        <v>290</v>
      </c>
    </row>
    <row r="78" spans="1:4" ht="18" customHeight="1" x14ac:dyDescent="0.2">
      <c r="A78" s="14">
        <v>60</v>
      </c>
      <c r="B78" s="15">
        <v>31</v>
      </c>
      <c r="C78" s="16">
        <v>37</v>
      </c>
      <c r="D78" s="17">
        <v>68</v>
      </c>
    </row>
    <row r="79" spans="1:4" ht="18" customHeight="1" x14ac:dyDescent="0.2">
      <c r="A79" s="14">
        <v>61</v>
      </c>
      <c r="B79" s="15">
        <v>45</v>
      </c>
      <c r="C79" s="16">
        <v>30</v>
      </c>
      <c r="D79" s="17">
        <v>75</v>
      </c>
    </row>
    <row r="80" spans="1:4" ht="18" customHeight="1" x14ac:dyDescent="0.2">
      <c r="A80" s="14">
        <v>62</v>
      </c>
      <c r="B80" s="15">
        <v>36</v>
      </c>
      <c r="C80" s="16">
        <v>34</v>
      </c>
      <c r="D80" s="17">
        <v>70</v>
      </c>
    </row>
    <row r="81" spans="1:4" ht="18" customHeight="1" x14ac:dyDescent="0.2">
      <c r="A81" s="14">
        <v>63</v>
      </c>
      <c r="B81" s="15">
        <v>16</v>
      </c>
      <c r="C81" s="16">
        <v>15</v>
      </c>
      <c r="D81" s="17">
        <v>31</v>
      </c>
    </row>
    <row r="82" spans="1:4" ht="18" customHeight="1" x14ac:dyDescent="0.2">
      <c r="A82" s="14">
        <v>64</v>
      </c>
      <c r="B82" s="15">
        <v>27</v>
      </c>
      <c r="C82" s="16">
        <v>26</v>
      </c>
      <c r="D82" s="17">
        <v>53</v>
      </c>
    </row>
    <row r="83" spans="1:4" ht="18" customHeight="1" x14ac:dyDescent="0.2">
      <c r="A83" s="18" t="s">
        <v>79</v>
      </c>
      <c r="B83" s="15">
        <v>155</v>
      </c>
      <c r="C83" s="16">
        <v>142</v>
      </c>
      <c r="D83" s="17">
        <v>297</v>
      </c>
    </row>
    <row r="84" spans="1:4" ht="18" customHeight="1" x14ac:dyDescent="0.2">
      <c r="A84" s="18" t="s">
        <v>80</v>
      </c>
      <c r="B84" s="15">
        <v>1089</v>
      </c>
      <c r="C84" s="16">
        <v>1025</v>
      </c>
      <c r="D84" s="17">
        <v>2114</v>
      </c>
    </row>
    <row r="85" spans="1:4" ht="18" customHeight="1" x14ac:dyDescent="0.2">
      <c r="A85" s="14">
        <v>65</v>
      </c>
      <c r="B85" s="15">
        <v>22</v>
      </c>
      <c r="C85" s="16">
        <v>24</v>
      </c>
      <c r="D85" s="17">
        <v>46</v>
      </c>
    </row>
    <row r="86" spans="1:4" ht="18" customHeight="1" x14ac:dyDescent="0.2">
      <c r="A86" s="14">
        <v>66</v>
      </c>
      <c r="B86" s="15">
        <v>16</v>
      </c>
      <c r="C86" s="16">
        <v>21</v>
      </c>
      <c r="D86" s="17">
        <v>37</v>
      </c>
    </row>
    <row r="87" spans="1:4" ht="18" customHeight="1" x14ac:dyDescent="0.2">
      <c r="A87" s="14">
        <v>67</v>
      </c>
      <c r="B87" s="15">
        <v>29</v>
      </c>
      <c r="C87" s="16">
        <v>26</v>
      </c>
      <c r="D87" s="17">
        <v>55</v>
      </c>
    </row>
    <row r="88" spans="1:4" ht="18" customHeight="1" x14ac:dyDescent="0.2">
      <c r="A88" s="14">
        <v>68</v>
      </c>
      <c r="B88" s="15">
        <v>21</v>
      </c>
      <c r="C88" s="16">
        <v>18</v>
      </c>
      <c r="D88" s="17">
        <v>39</v>
      </c>
    </row>
    <row r="89" spans="1:4" ht="18" customHeight="1" x14ac:dyDescent="0.2">
      <c r="A89" s="14">
        <v>69</v>
      </c>
      <c r="B89" s="15">
        <v>18</v>
      </c>
      <c r="C89" s="16">
        <v>19</v>
      </c>
      <c r="D89" s="17">
        <v>37</v>
      </c>
    </row>
    <row r="90" spans="1:4" ht="18" customHeight="1" x14ac:dyDescent="0.2">
      <c r="A90" s="18" t="s">
        <v>81</v>
      </c>
      <c r="B90" s="15">
        <v>106</v>
      </c>
      <c r="C90" s="16">
        <v>108</v>
      </c>
      <c r="D90" s="17">
        <v>214</v>
      </c>
    </row>
    <row r="91" spans="1:4" ht="18" customHeight="1" x14ac:dyDescent="0.2">
      <c r="A91" s="14">
        <v>70</v>
      </c>
      <c r="B91" s="15">
        <v>18</v>
      </c>
      <c r="C91" s="16">
        <v>26</v>
      </c>
      <c r="D91" s="17">
        <v>44</v>
      </c>
    </row>
    <row r="92" spans="1:4" ht="18" customHeight="1" x14ac:dyDescent="0.2">
      <c r="A92" s="14">
        <v>71</v>
      </c>
      <c r="B92" s="15">
        <v>12</v>
      </c>
      <c r="C92" s="16">
        <v>20</v>
      </c>
      <c r="D92" s="17">
        <v>32</v>
      </c>
    </row>
    <row r="93" spans="1:4" ht="18" customHeight="1" x14ac:dyDescent="0.2">
      <c r="A93" s="14">
        <v>72</v>
      </c>
      <c r="B93" s="15">
        <v>19</v>
      </c>
      <c r="C93" s="16">
        <v>13</v>
      </c>
      <c r="D93" s="17">
        <v>32</v>
      </c>
    </row>
    <row r="94" spans="1:4" ht="18" customHeight="1" x14ac:dyDescent="0.2">
      <c r="A94" s="14">
        <v>73</v>
      </c>
      <c r="B94" s="15">
        <v>17</v>
      </c>
      <c r="C94" s="16">
        <v>22</v>
      </c>
      <c r="D94" s="17">
        <v>39</v>
      </c>
    </row>
    <row r="95" spans="1:4" ht="18" customHeight="1" x14ac:dyDescent="0.2">
      <c r="A95" s="14">
        <v>74</v>
      </c>
      <c r="B95" s="15">
        <v>17</v>
      </c>
      <c r="C95" s="16">
        <v>14</v>
      </c>
      <c r="D95" s="17">
        <v>31</v>
      </c>
    </row>
    <row r="96" spans="1:4" ht="18" customHeight="1" x14ac:dyDescent="0.2">
      <c r="A96" s="18" t="s">
        <v>82</v>
      </c>
      <c r="B96" s="15">
        <v>83</v>
      </c>
      <c r="C96" s="16">
        <v>95</v>
      </c>
      <c r="D96" s="17">
        <v>178</v>
      </c>
    </row>
    <row r="97" spans="1:4" ht="18" customHeight="1" x14ac:dyDescent="0.2">
      <c r="A97" s="14">
        <v>75</v>
      </c>
      <c r="B97" s="15">
        <v>11</v>
      </c>
      <c r="C97" s="16">
        <v>12</v>
      </c>
      <c r="D97" s="17">
        <v>23</v>
      </c>
    </row>
    <row r="98" spans="1:4" ht="18" customHeight="1" x14ac:dyDescent="0.2">
      <c r="A98" s="14">
        <v>76</v>
      </c>
      <c r="B98" s="15">
        <v>16</v>
      </c>
      <c r="C98" s="16">
        <v>21</v>
      </c>
      <c r="D98" s="17">
        <v>37</v>
      </c>
    </row>
    <row r="99" spans="1:4" ht="18" customHeight="1" x14ac:dyDescent="0.2">
      <c r="A99" s="14">
        <v>77</v>
      </c>
      <c r="B99" s="15">
        <v>3</v>
      </c>
      <c r="C99" s="16">
        <v>18</v>
      </c>
      <c r="D99" s="17">
        <v>21</v>
      </c>
    </row>
    <row r="100" spans="1:4" ht="18" customHeight="1" x14ac:dyDescent="0.2">
      <c r="A100" s="14">
        <v>78</v>
      </c>
      <c r="B100" s="15">
        <v>6</v>
      </c>
      <c r="C100" s="16">
        <v>20</v>
      </c>
      <c r="D100" s="17">
        <v>26</v>
      </c>
    </row>
    <row r="101" spans="1:4" ht="18" customHeight="1" x14ac:dyDescent="0.2">
      <c r="A101" s="14">
        <v>79</v>
      </c>
      <c r="B101" s="15">
        <v>11</v>
      </c>
      <c r="C101" s="16">
        <v>6</v>
      </c>
      <c r="D101" s="17">
        <v>17</v>
      </c>
    </row>
    <row r="102" spans="1:4" ht="18" customHeight="1" x14ac:dyDescent="0.2">
      <c r="A102" s="18" t="s">
        <v>83</v>
      </c>
      <c r="B102" s="15">
        <v>47</v>
      </c>
      <c r="C102" s="16">
        <v>77</v>
      </c>
      <c r="D102" s="17">
        <v>124</v>
      </c>
    </row>
    <row r="103" spans="1:4" ht="18" customHeight="1" x14ac:dyDescent="0.2">
      <c r="A103" s="14">
        <v>80</v>
      </c>
      <c r="B103" s="15">
        <v>9</v>
      </c>
      <c r="C103" s="16">
        <v>10</v>
      </c>
      <c r="D103" s="17">
        <v>19</v>
      </c>
    </row>
    <row r="104" spans="1:4" ht="18" customHeight="1" x14ac:dyDescent="0.2">
      <c r="A104" s="14">
        <v>81</v>
      </c>
      <c r="B104" s="15">
        <v>11</v>
      </c>
      <c r="C104" s="16">
        <v>19</v>
      </c>
      <c r="D104" s="17">
        <v>30</v>
      </c>
    </row>
    <row r="105" spans="1:4" ht="18" customHeight="1" x14ac:dyDescent="0.2">
      <c r="A105" s="14">
        <v>82</v>
      </c>
      <c r="B105" s="15">
        <v>9</v>
      </c>
      <c r="C105" s="16">
        <v>14</v>
      </c>
      <c r="D105" s="17">
        <v>23</v>
      </c>
    </row>
    <row r="106" spans="1:4" ht="18" customHeight="1" x14ac:dyDescent="0.2">
      <c r="A106" s="14">
        <v>83</v>
      </c>
      <c r="B106" s="15">
        <v>9</v>
      </c>
      <c r="C106" s="16">
        <v>14</v>
      </c>
      <c r="D106" s="17">
        <v>23</v>
      </c>
    </row>
    <row r="107" spans="1:4" ht="18" customHeight="1" x14ac:dyDescent="0.2">
      <c r="A107" s="14">
        <v>84</v>
      </c>
      <c r="B107" s="15">
        <v>12</v>
      </c>
      <c r="C107" s="16">
        <v>8</v>
      </c>
      <c r="D107" s="17">
        <v>20</v>
      </c>
    </row>
    <row r="108" spans="1:4" ht="18" customHeight="1" x14ac:dyDescent="0.2">
      <c r="A108" s="18" t="s">
        <v>84</v>
      </c>
      <c r="B108" s="15">
        <v>50</v>
      </c>
      <c r="C108" s="16">
        <v>65</v>
      </c>
      <c r="D108" s="17">
        <v>115</v>
      </c>
    </row>
    <row r="109" spans="1:4" ht="18" customHeight="1" x14ac:dyDescent="0.2">
      <c r="A109" s="14">
        <v>85</v>
      </c>
      <c r="B109" s="15">
        <v>4</v>
      </c>
      <c r="C109" s="16">
        <v>11</v>
      </c>
      <c r="D109" s="17">
        <v>15</v>
      </c>
    </row>
    <row r="110" spans="1:4" ht="18" customHeight="1" x14ac:dyDescent="0.2">
      <c r="A110" s="14">
        <v>86</v>
      </c>
      <c r="B110" s="15">
        <v>5</v>
      </c>
      <c r="C110" s="16">
        <v>19</v>
      </c>
      <c r="D110" s="17">
        <v>24</v>
      </c>
    </row>
    <row r="111" spans="1:4" ht="18" customHeight="1" x14ac:dyDescent="0.2">
      <c r="A111" s="14">
        <v>87</v>
      </c>
      <c r="B111" s="15">
        <v>4</v>
      </c>
      <c r="C111" s="16">
        <v>12</v>
      </c>
      <c r="D111" s="17">
        <v>16</v>
      </c>
    </row>
    <row r="112" spans="1:4" ht="18" customHeight="1" x14ac:dyDescent="0.2">
      <c r="A112" s="14">
        <v>88</v>
      </c>
      <c r="B112" s="15">
        <v>0</v>
      </c>
      <c r="C112" s="16">
        <v>11</v>
      </c>
      <c r="D112" s="17">
        <v>11</v>
      </c>
    </row>
    <row r="113" spans="1:4" ht="18" customHeight="1" x14ac:dyDescent="0.2">
      <c r="A113" s="14">
        <v>89</v>
      </c>
      <c r="B113" s="15">
        <v>1</v>
      </c>
      <c r="C113" s="16">
        <v>9</v>
      </c>
      <c r="D113" s="17">
        <v>10</v>
      </c>
    </row>
    <row r="114" spans="1:4" ht="18" customHeight="1" x14ac:dyDescent="0.2">
      <c r="A114" s="18" t="s">
        <v>85</v>
      </c>
      <c r="B114" s="15">
        <v>14</v>
      </c>
      <c r="C114" s="16">
        <v>62</v>
      </c>
      <c r="D114" s="17">
        <v>76</v>
      </c>
    </row>
    <row r="115" spans="1:4" ht="18" customHeight="1" x14ac:dyDescent="0.2">
      <c r="A115" s="14">
        <v>90</v>
      </c>
      <c r="B115" s="15">
        <v>1</v>
      </c>
      <c r="C115" s="16">
        <v>4</v>
      </c>
      <c r="D115" s="17">
        <v>5</v>
      </c>
    </row>
    <row r="116" spans="1:4" ht="18" customHeight="1" x14ac:dyDescent="0.2">
      <c r="A116" s="14">
        <v>91</v>
      </c>
      <c r="B116" s="15">
        <v>1</v>
      </c>
      <c r="C116" s="16">
        <v>5</v>
      </c>
      <c r="D116" s="17">
        <v>6</v>
      </c>
    </row>
    <row r="117" spans="1:4" ht="18" customHeight="1" x14ac:dyDescent="0.2">
      <c r="A117" s="14">
        <v>92</v>
      </c>
      <c r="B117" s="15">
        <v>3</v>
      </c>
      <c r="C117" s="16">
        <v>6</v>
      </c>
      <c r="D117" s="17">
        <v>9</v>
      </c>
    </row>
    <row r="118" spans="1:4" ht="18" customHeight="1" x14ac:dyDescent="0.2">
      <c r="A118" s="14">
        <v>93</v>
      </c>
      <c r="B118" s="15">
        <v>1</v>
      </c>
      <c r="C118" s="16">
        <v>1</v>
      </c>
      <c r="D118" s="17">
        <v>2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86</v>
      </c>
      <c r="B120" s="15">
        <v>6</v>
      </c>
      <c r="C120" s="16">
        <v>17</v>
      </c>
      <c r="D120" s="17">
        <v>23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0</v>
      </c>
      <c r="C126" s="16">
        <v>6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90</v>
      </c>
      <c r="B130" s="4">
        <v>306</v>
      </c>
      <c r="C130" s="5">
        <v>430</v>
      </c>
      <c r="D130" s="6">
        <v>736</v>
      </c>
    </row>
    <row r="131" spans="1:4" ht="18" customHeight="1" x14ac:dyDescent="0.2">
      <c r="A131" s="20" t="s">
        <v>65</v>
      </c>
      <c r="B131" s="7">
        <v>1599</v>
      </c>
      <c r="C131" s="8">
        <v>1639</v>
      </c>
      <c r="D131" s="9">
        <v>323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1</v>
      </c>
      <c r="C5" s="12">
        <v>15</v>
      </c>
      <c r="D5" s="13">
        <v>36</v>
      </c>
    </row>
    <row r="6" spans="1:4" ht="18" customHeight="1" x14ac:dyDescent="0.2">
      <c r="A6" s="14">
        <v>1</v>
      </c>
      <c r="B6" s="15">
        <v>12</v>
      </c>
      <c r="C6" s="16">
        <v>19</v>
      </c>
      <c r="D6" s="17">
        <v>31</v>
      </c>
    </row>
    <row r="7" spans="1:4" ht="18" customHeight="1" x14ac:dyDescent="0.2">
      <c r="A7" s="14">
        <v>2</v>
      </c>
      <c r="B7" s="15">
        <v>12</v>
      </c>
      <c r="C7" s="16">
        <v>15</v>
      </c>
      <c r="D7" s="17">
        <v>27</v>
      </c>
    </row>
    <row r="8" spans="1:4" ht="18" customHeight="1" x14ac:dyDescent="0.2">
      <c r="A8" s="14">
        <v>3</v>
      </c>
      <c r="B8" s="15">
        <v>10</v>
      </c>
      <c r="C8" s="16">
        <v>20</v>
      </c>
      <c r="D8" s="17">
        <v>30</v>
      </c>
    </row>
    <row r="9" spans="1:4" ht="18" customHeight="1" x14ac:dyDescent="0.2">
      <c r="A9" s="14">
        <v>4</v>
      </c>
      <c r="B9" s="15">
        <v>16</v>
      </c>
      <c r="C9" s="16">
        <v>14</v>
      </c>
      <c r="D9" s="17">
        <v>30</v>
      </c>
    </row>
    <row r="10" spans="1:4" ht="18" customHeight="1" x14ac:dyDescent="0.2">
      <c r="A10" s="18" t="s">
        <v>66</v>
      </c>
      <c r="B10" s="15">
        <v>71</v>
      </c>
      <c r="C10" s="16">
        <v>83</v>
      </c>
      <c r="D10" s="17">
        <v>154</v>
      </c>
    </row>
    <row r="11" spans="1:4" ht="18" customHeight="1" x14ac:dyDescent="0.2">
      <c r="A11" s="14">
        <v>5</v>
      </c>
      <c r="B11" s="15">
        <v>11</v>
      </c>
      <c r="C11" s="16">
        <v>18</v>
      </c>
      <c r="D11" s="17">
        <v>29</v>
      </c>
    </row>
    <row r="12" spans="1:4" ht="18" customHeight="1" x14ac:dyDescent="0.2">
      <c r="A12" s="14">
        <v>6</v>
      </c>
      <c r="B12" s="15">
        <v>24</v>
      </c>
      <c r="C12" s="16">
        <v>17</v>
      </c>
      <c r="D12" s="17">
        <v>41</v>
      </c>
    </row>
    <row r="13" spans="1:4" ht="18" customHeight="1" x14ac:dyDescent="0.2">
      <c r="A13" s="14">
        <v>7</v>
      </c>
      <c r="B13" s="15">
        <v>23</v>
      </c>
      <c r="C13" s="16">
        <v>20</v>
      </c>
      <c r="D13" s="17">
        <v>43</v>
      </c>
    </row>
    <row r="14" spans="1:4" ht="18" customHeight="1" x14ac:dyDescent="0.2">
      <c r="A14" s="14">
        <v>8</v>
      </c>
      <c r="B14" s="15">
        <v>18</v>
      </c>
      <c r="C14" s="16">
        <v>18</v>
      </c>
      <c r="D14" s="17">
        <v>36</v>
      </c>
    </row>
    <row r="15" spans="1:4" ht="18" customHeight="1" x14ac:dyDescent="0.2">
      <c r="A15" s="14">
        <v>9</v>
      </c>
      <c r="B15" s="15">
        <v>17</v>
      </c>
      <c r="C15" s="16">
        <v>18</v>
      </c>
      <c r="D15" s="17">
        <v>35</v>
      </c>
    </row>
    <row r="16" spans="1:4" ht="18" customHeight="1" x14ac:dyDescent="0.2">
      <c r="A16" s="18" t="s">
        <v>67</v>
      </c>
      <c r="B16" s="15">
        <v>93</v>
      </c>
      <c r="C16" s="16">
        <v>91</v>
      </c>
      <c r="D16" s="17">
        <v>184</v>
      </c>
    </row>
    <row r="17" spans="1:4" ht="18" customHeight="1" x14ac:dyDescent="0.2">
      <c r="A17" s="14">
        <v>10</v>
      </c>
      <c r="B17" s="15">
        <v>14</v>
      </c>
      <c r="C17" s="16">
        <v>16</v>
      </c>
      <c r="D17" s="17">
        <v>30</v>
      </c>
    </row>
    <row r="18" spans="1:4" ht="18" customHeight="1" x14ac:dyDescent="0.2">
      <c r="A18" s="14">
        <v>11</v>
      </c>
      <c r="B18" s="15">
        <v>16</v>
      </c>
      <c r="C18" s="16">
        <v>15</v>
      </c>
      <c r="D18" s="17">
        <v>31</v>
      </c>
    </row>
    <row r="19" spans="1:4" ht="18" customHeight="1" x14ac:dyDescent="0.2">
      <c r="A19" s="14">
        <v>12</v>
      </c>
      <c r="B19" s="15">
        <v>15</v>
      </c>
      <c r="C19" s="16">
        <v>15</v>
      </c>
      <c r="D19" s="17">
        <v>30</v>
      </c>
    </row>
    <row r="20" spans="1:4" ht="18" customHeight="1" x14ac:dyDescent="0.2">
      <c r="A20" s="14">
        <v>13</v>
      </c>
      <c r="B20" s="15">
        <v>20</v>
      </c>
      <c r="C20" s="16">
        <v>13</v>
      </c>
      <c r="D20" s="17">
        <v>33</v>
      </c>
    </row>
    <row r="21" spans="1:4" ht="18" customHeight="1" x14ac:dyDescent="0.2">
      <c r="A21" s="14">
        <v>14</v>
      </c>
      <c r="B21" s="15">
        <v>12</v>
      </c>
      <c r="C21" s="16">
        <v>14</v>
      </c>
      <c r="D21" s="17">
        <v>26</v>
      </c>
    </row>
    <row r="22" spans="1:4" ht="18" customHeight="1" x14ac:dyDescent="0.2">
      <c r="A22" s="18" t="s">
        <v>68</v>
      </c>
      <c r="B22" s="15">
        <v>77</v>
      </c>
      <c r="C22" s="16">
        <v>73</v>
      </c>
      <c r="D22" s="17">
        <v>150</v>
      </c>
    </row>
    <row r="23" spans="1:4" ht="18" customHeight="1" x14ac:dyDescent="0.2">
      <c r="A23" s="18" t="s">
        <v>69</v>
      </c>
      <c r="B23" s="15">
        <v>241</v>
      </c>
      <c r="C23" s="16">
        <v>247</v>
      </c>
      <c r="D23" s="17">
        <v>488</v>
      </c>
    </row>
    <row r="24" spans="1:4" ht="18" customHeight="1" x14ac:dyDescent="0.2">
      <c r="A24" s="14">
        <v>15</v>
      </c>
      <c r="B24" s="15">
        <v>15</v>
      </c>
      <c r="C24" s="16">
        <v>12</v>
      </c>
      <c r="D24" s="17">
        <v>27</v>
      </c>
    </row>
    <row r="25" spans="1:4" ht="18" customHeight="1" x14ac:dyDescent="0.2">
      <c r="A25" s="14">
        <v>16</v>
      </c>
      <c r="B25" s="15">
        <v>14</v>
      </c>
      <c r="C25" s="16">
        <v>10</v>
      </c>
      <c r="D25" s="17">
        <v>24</v>
      </c>
    </row>
    <row r="26" spans="1:4" ht="18" customHeight="1" x14ac:dyDescent="0.2">
      <c r="A26" s="14">
        <v>17</v>
      </c>
      <c r="B26" s="15">
        <v>16</v>
      </c>
      <c r="C26" s="16">
        <v>9</v>
      </c>
      <c r="D26" s="17">
        <v>25</v>
      </c>
    </row>
    <row r="27" spans="1:4" ht="18" customHeight="1" x14ac:dyDescent="0.2">
      <c r="A27" s="14">
        <v>18</v>
      </c>
      <c r="B27" s="15">
        <v>16</v>
      </c>
      <c r="C27" s="16">
        <v>10</v>
      </c>
      <c r="D27" s="17">
        <v>26</v>
      </c>
    </row>
    <row r="28" spans="1:4" ht="18" customHeight="1" x14ac:dyDescent="0.2">
      <c r="A28" s="14">
        <v>19</v>
      </c>
      <c r="B28" s="15">
        <v>6</v>
      </c>
      <c r="C28" s="16">
        <v>12</v>
      </c>
      <c r="D28" s="17">
        <v>18</v>
      </c>
    </row>
    <row r="29" spans="1:4" ht="18" customHeight="1" x14ac:dyDescent="0.2">
      <c r="A29" s="18" t="s">
        <v>70</v>
      </c>
      <c r="B29" s="15">
        <v>67</v>
      </c>
      <c r="C29" s="16">
        <v>53</v>
      </c>
      <c r="D29" s="17">
        <v>120</v>
      </c>
    </row>
    <row r="30" spans="1:4" ht="18" customHeight="1" x14ac:dyDescent="0.2">
      <c r="A30" s="14">
        <v>20</v>
      </c>
      <c r="B30" s="15">
        <v>8</v>
      </c>
      <c r="C30" s="16">
        <v>4</v>
      </c>
      <c r="D30" s="17">
        <v>12</v>
      </c>
    </row>
    <row r="31" spans="1:4" ht="18" customHeight="1" x14ac:dyDescent="0.2">
      <c r="A31" s="14">
        <v>21</v>
      </c>
      <c r="B31" s="15">
        <v>12</v>
      </c>
      <c r="C31" s="16">
        <v>9</v>
      </c>
      <c r="D31" s="17">
        <v>21</v>
      </c>
    </row>
    <row r="32" spans="1:4" ht="18" customHeight="1" x14ac:dyDescent="0.2">
      <c r="A32" s="14">
        <v>22</v>
      </c>
      <c r="B32" s="15">
        <v>15</v>
      </c>
      <c r="C32" s="16">
        <v>9</v>
      </c>
      <c r="D32" s="17">
        <v>24</v>
      </c>
    </row>
    <row r="33" spans="1:4" ht="18" customHeight="1" x14ac:dyDescent="0.2">
      <c r="A33" s="14">
        <v>23</v>
      </c>
      <c r="B33" s="15">
        <v>13</v>
      </c>
      <c r="C33" s="16">
        <v>19</v>
      </c>
      <c r="D33" s="17">
        <v>32</v>
      </c>
    </row>
    <row r="34" spans="1:4" ht="18" customHeight="1" x14ac:dyDescent="0.2">
      <c r="A34" s="14">
        <v>24</v>
      </c>
      <c r="B34" s="15">
        <v>12</v>
      </c>
      <c r="C34" s="16">
        <v>16</v>
      </c>
      <c r="D34" s="17">
        <v>28</v>
      </c>
    </row>
    <row r="35" spans="1:4" ht="18" customHeight="1" x14ac:dyDescent="0.2">
      <c r="A35" s="18" t="s">
        <v>71</v>
      </c>
      <c r="B35" s="15">
        <v>60</v>
      </c>
      <c r="C35" s="16">
        <v>57</v>
      </c>
      <c r="D35" s="17">
        <v>117</v>
      </c>
    </row>
    <row r="36" spans="1:4" ht="18" customHeight="1" x14ac:dyDescent="0.2">
      <c r="A36" s="14">
        <v>25</v>
      </c>
      <c r="B36" s="15">
        <v>13</v>
      </c>
      <c r="C36" s="16">
        <v>11</v>
      </c>
      <c r="D36" s="17">
        <v>24</v>
      </c>
    </row>
    <row r="37" spans="1:4" ht="18" customHeight="1" x14ac:dyDescent="0.2">
      <c r="A37" s="14">
        <v>26</v>
      </c>
      <c r="B37" s="15">
        <v>14</v>
      </c>
      <c r="C37" s="16">
        <v>8</v>
      </c>
      <c r="D37" s="17">
        <v>22</v>
      </c>
    </row>
    <row r="38" spans="1:4" ht="18" customHeight="1" x14ac:dyDescent="0.2">
      <c r="A38" s="14">
        <v>27</v>
      </c>
      <c r="B38" s="15">
        <v>14</v>
      </c>
      <c r="C38" s="16">
        <v>17</v>
      </c>
      <c r="D38" s="17">
        <v>31</v>
      </c>
    </row>
    <row r="39" spans="1:4" ht="18" customHeight="1" x14ac:dyDescent="0.2">
      <c r="A39" s="14">
        <v>28</v>
      </c>
      <c r="B39" s="15">
        <v>26</v>
      </c>
      <c r="C39" s="16">
        <v>18</v>
      </c>
      <c r="D39" s="17">
        <v>44</v>
      </c>
    </row>
    <row r="40" spans="1:4" ht="18" customHeight="1" x14ac:dyDescent="0.2">
      <c r="A40" s="14">
        <v>29</v>
      </c>
      <c r="B40" s="15">
        <v>17</v>
      </c>
      <c r="C40" s="16">
        <v>14</v>
      </c>
      <c r="D40" s="17">
        <v>31</v>
      </c>
    </row>
    <row r="41" spans="1:4" ht="18" customHeight="1" x14ac:dyDescent="0.2">
      <c r="A41" s="18" t="s">
        <v>72</v>
      </c>
      <c r="B41" s="15">
        <v>84</v>
      </c>
      <c r="C41" s="16">
        <v>68</v>
      </c>
      <c r="D41" s="17">
        <v>152</v>
      </c>
    </row>
    <row r="42" spans="1:4" ht="18" customHeight="1" x14ac:dyDescent="0.2">
      <c r="A42" s="14">
        <v>30</v>
      </c>
      <c r="B42" s="15">
        <v>14</v>
      </c>
      <c r="C42" s="16">
        <v>23</v>
      </c>
      <c r="D42" s="17">
        <v>37</v>
      </c>
    </row>
    <row r="43" spans="1:4" ht="18" customHeight="1" x14ac:dyDescent="0.2">
      <c r="A43" s="14">
        <v>31</v>
      </c>
      <c r="B43" s="15">
        <v>23</v>
      </c>
      <c r="C43" s="16">
        <v>25</v>
      </c>
      <c r="D43" s="17">
        <v>48</v>
      </c>
    </row>
    <row r="44" spans="1:4" ht="18" customHeight="1" x14ac:dyDescent="0.2">
      <c r="A44" s="14">
        <v>32</v>
      </c>
      <c r="B44" s="15">
        <v>23</v>
      </c>
      <c r="C44" s="16">
        <v>22</v>
      </c>
      <c r="D44" s="17">
        <v>45</v>
      </c>
    </row>
    <row r="45" spans="1:4" ht="18" customHeight="1" x14ac:dyDescent="0.2">
      <c r="A45" s="14">
        <v>33</v>
      </c>
      <c r="B45" s="15">
        <v>31</v>
      </c>
      <c r="C45" s="16">
        <v>26</v>
      </c>
      <c r="D45" s="17">
        <v>57</v>
      </c>
    </row>
    <row r="46" spans="1:4" ht="18" customHeight="1" x14ac:dyDescent="0.2">
      <c r="A46" s="14">
        <v>34</v>
      </c>
      <c r="B46" s="15">
        <v>21</v>
      </c>
      <c r="C46" s="16">
        <v>28</v>
      </c>
      <c r="D46" s="17">
        <v>49</v>
      </c>
    </row>
    <row r="47" spans="1:4" ht="18" customHeight="1" x14ac:dyDescent="0.2">
      <c r="A47" s="18" t="s">
        <v>73</v>
      </c>
      <c r="B47" s="15">
        <v>112</v>
      </c>
      <c r="C47" s="16">
        <v>124</v>
      </c>
      <c r="D47" s="17">
        <v>236</v>
      </c>
    </row>
    <row r="48" spans="1:4" ht="18" customHeight="1" x14ac:dyDescent="0.2">
      <c r="A48" s="14">
        <v>35</v>
      </c>
      <c r="B48" s="15">
        <v>25</v>
      </c>
      <c r="C48" s="16">
        <v>27</v>
      </c>
      <c r="D48" s="17">
        <v>52</v>
      </c>
    </row>
    <row r="49" spans="1:4" ht="18" customHeight="1" x14ac:dyDescent="0.2">
      <c r="A49" s="14">
        <v>36</v>
      </c>
      <c r="B49" s="15">
        <v>31</v>
      </c>
      <c r="C49" s="16">
        <v>25</v>
      </c>
      <c r="D49" s="17">
        <v>56</v>
      </c>
    </row>
    <row r="50" spans="1:4" ht="18" customHeight="1" x14ac:dyDescent="0.2">
      <c r="A50" s="14">
        <v>37</v>
      </c>
      <c r="B50" s="15">
        <v>37</v>
      </c>
      <c r="C50" s="16">
        <v>23</v>
      </c>
      <c r="D50" s="17">
        <v>60</v>
      </c>
    </row>
    <row r="51" spans="1:4" ht="18" customHeight="1" x14ac:dyDescent="0.2">
      <c r="A51" s="14">
        <v>38</v>
      </c>
      <c r="B51" s="15">
        <v>31</v>
      </c>
      <c r="C51" s="16">
        <v>23</v>
      </c>
      <c r="D51" s="17">
        <v>54</v>
      </c>
    </row>
    <row r="52" spans="1:4" ht="18" customHeight="1" x14ac:dyDescent="0.2">
      <c r="A52" s="14">
        <v>39</v>
      </c>
      <c r="B52" s="15">
        <v>24</v>
      </c>
      <c r="C52" s="16">
        <v>19</v>
      </c>
      <c r="D52" s="17">
        <v>43</v>
      </c>
    </row>
    <row r="53" spans="1:4" ht="18" customHeight="1" x14ac:dyDescent="0.2">
      <c r="A53" s="18" t="s">
        <v>74</v>
      </c>
      <c r="B53" s="15">
        <v>148</v>
      </c>
      <c r="C53" s="16">
        <v>117</v>
      </c>
      <c r="D53" s="17">
        <v>265</v>
      </c>
    </row>
    <row r="54" spans="1:4" ht="18" customHeight="1" x14ac:dyDescent="0.2">
      <c r="A54" s="14">
        <v>40</v>
      </c>
      <c r="B54" s="15">
        <v>28</v>
      </c>
      <c r="C54" s="16">
        <v>22</v>
      </c>
      <c r="D54" s="17">
        <v>50</v>
      </c>
    </row>
    <row r="55" spans="1:4" ht="18" customHeight="1" x14ac:dyDescent="0.2">
      <c r="A55" s="14">
        <v>41</v>
      </c>
      <c r="B55" s="15">
        <v>30</v>
      </c>
      <c r="C55" s="16">
        <v>23</v>
      </c>
      <c r="D55" s="17">
        <v>53</v>
      </c>
    </row>
    <row r="56" spans="1:4" ht="18" customHeight="1" x14ac:dyDescent="0.2">
      <c r="A56" s="14">
        <v>42</v>
      </c>
      <c r="B56" s="15">
        <v>16</v>
      </c>
      <c r="C56" s="16">
        <v>17</v>
      </c>
      <c r="D56" s="17">
        <v>33</v>
      </c>
    </row>
    <row r="57" spans="1:4" ht="18" customHeight="1" x14ac:dyDescent="0.2">
      <c r="A57" s="14">
        <v>43</v>
      </c>
      <c r="B57" s="15">
        <v>12</v>
      </c>
      <c r="C57" s="16">
        <v>23</v>
      </c>
      <c r="D57" s="17">
        <v>35</v>
      </c>
    </row>
    <row r="58" spans="1:4" ht="18" customHeight="1" x14ac:dyDescent="0.2">
      <c r="A58" s="14">
        <v>44</v>
      </c>
      <c r="B58" s="15">
        <v>13</v>
      </c>
      <c r="C58" s="16">
        <v>14</v>
      </c>
      <c r="D58" s="17">
        <v>27</v>
      </c>
    </row>
    <row r="59" spans="1:4" ht="18" customHeight="1" x14ac:dyDescent="0.2">
      <c r="A59" s="18" t="s">
        <v>75</v>
      </c>
      <c r="B59" s="15">
        <v>99</v>
      </c>
      <c r="C59" s="16">
        <v>99</v>
      </c>
      <c r="D59" s="17">
        <v>198</v>
      </c>
    </row>
    <row r="60" spans="1:4" ht="18" customHeight="1" x14ac:dyDescent="0.2">
      <c r="A60" s="14">
        <v>45</v>
      </c>
      <c r="B60" s="15">
        <v>14</v>
      </c>
      <c r="C60" s="16">
        <v>11</v>
      </c>
      <c r="D60" s="17">
        <v>25</v>
      </c>
    </row>
    <row r="61" spans="1:4" ht="18" customHeight="1" x14ac:dyDescent="0.2">
      <c r="A61" s="14">
        <v>46</v>
      </c>
      <c r="B61" s="15">
        <v>12</v>
      </c>
      <c r="C61" s="16">
        <v>9</v>
      </c>
      <c r="D61" s="17">
        <v>21</v>
      </c>
    </row>
    <row r="62" spans="1:4" ht="18" customHeight="1" x14ac:dyDescent="0.2">
      <c r="A62" s="14">
        <v>47</v>
      </c>
      <c r="B62" s="15">
        <v>8</v>
      </c>
      <c r="C62" s="16">
        <v>12</v>
      </c>
      <c r="D62" s="17">
        <v>20</v>
      </c>
    </row>
    <row r="63" spans="1:4" ht="18" customHeight="1" x14ac:dyDescent="0.2">
      <c r="A63" s="14">
        <v>48</v>
      </c>
      <c r="B63" s="15">
        <v>15</v>
      </c>
      <c r="C63" s="16">
        <v>10</v>
      </c>
      <c r="D63" s="17">
        <v>25</v>
      </c>
    </row>
    <row r="64" spans="1:4" ht="18" customHeight="1" x14ac:dyDescent="0.2">
      <c r="A64" s="14">
        <v>49</v>
      </c>
      <c r="B64" s="15">
        <v>14</v>
      </c>
      <c r="C64" s="16">
        <v>9</v>
      </c>
      <c r="D64" s="17">
        <v>23</v>
      </c>
    </row>
    <row r="65" spans="1:4" ht="18" customHeight="1" x14ac:dyDescent="0.2">
      <c r="A65" s="18" t="s">
        <v>76</v>
      </c>
      <c r="B65" s="15">
        <v>63</v>
      </c>
      <c r="C65" s="16">
        <v>51</v>
      </c>
      <c r="D65" s="17">
        <v>114</v>
      </c>
    </row>
    <row r="66" spans="1:4" ht="18" customHeight="1" x14ac:dyDescent="0.2">
      <c r="A66" s="14">
        <v>50</v>
      </c>
      <c r="B66" s="15">
        <v>6</v>
      </c>
      <c r="C66" s="16">
        <v>21</v>
      </c>
      <c r="D66" s="17">
        <v>27</v>
      </c>
    </row>
    <row r="67" spans="1:4" ht="18" customHeight="1" x14ac:dyDescent="0.2">
      <c r="A67" s="14">
        <v>51</v>
      </c>
      <c r="B67" s="15">
        <v>13</v>
      </c>
      <c r="C67" s="16">
        <v>14</v>
      </c>
      <c r="D67" s="17">
        <v>27</v>
      </c>
    </row>
    <row r="68" spans="1:4" ht="18" customHeight="1" x14ac:dyDescent="0.2">
      <c r="A68" s="14">
        <v>52</v>
      </c>
      <c r="B68" s="15">
        <v>11</v>
      </c>
      <c r="C68" s="16">
        <v>12</v>
      </c>
      <c r="D68" s="17">
        <v>23</v>
      </c>
    </row>
    <row r="69" spans="1:4" ht="18" customHeight="1" x14ac:dyDescent="0.2">
      <c r="A69" s="14">
        <v>53</v>
      </c>
      <c r="B69" s="15">
        <v>14</v>
      </c>
      <c r="C69" s="16">
        <v>16</v>
      </c>
      <c r="D69" s="17">
        <v>30</v>
      </c>
    </row>
    <row r="70" spans="1:4" ht="18" customHeight="1" x14ac:dyDescent="0.2">
      <c r="A70" s="14">
        <v>54</v>
      </c>
      <c r="B70" s="15">
        <v>18</v>
      </c>
      <c r="C70" s="16">
        <v>20</v>
      </c>
      <c r="D70" s="17">
        <v>38</v>
      </c>
    </row>
    <row r="71" spans="1:4" ht="18" customHeight="1" x14ac:dyDescent="0.2">
      <c r="A71" s="18" t="s">
        <v>77</v>
      </c>
      <c r="B71" s="15">
        <v>62</v>
      </c>
      <c r="C71" s="16">
        <v>83</v>
      </c>
      <c r="D71" s="17">
        <v>145</v>
      </c>
    </row>
    <row r="72" spans="1:4" ht="18" customHeight="1" x14ac:dyDescent="0.2">
      <c r="A72" s="14">
        <v>55</v>
      </c>
      <c r="B72" s="15">
        <v>16</v>
      </c>
      <c r="C72" s="16">
        <v>23</v>
      </c>
      <c r="D72" s="17">
        <v>39</v>
      </c>
    </row>
    <row r="73" spans="1:4" ht="18" customHeight="1" x14ac:dyDescent="0.2">
      <c r="A73" s="14">
        <v>56</v>
      </c>
      <c r="B73" s="15">
        <v>28</v>
      </c>
      <c r="C73" s="16">
        <v>16</v>
      </c>
      <c r="D73" s="17">
        <v>44</v>
      </c>
    </row>
    <row r="74" spans="1:4" ht="18" customHeight="1" x14ac:dyDescent="0.2">
      <c r="A74" s="14">
        <v>57</v>
      </c>
      <c r="B74" s="15">
        <v>22</v>
      </c>
      <c r="C74" s="16">
        <v>18</v>
      </c>
      <c r="D74" s="17">
        <v>40</v>
      </c>
    </row>
    <row r="75" spans="1:4" ht="18" customHeight="1" x14ac:dyDescent="0.2">
      <c r="A75" s="14">
        <v>58</v>
      </c>
      <c r="B75" s="15">
        <v>22</v>
      </c>
      <c r="C75" s="16">
        <v>16</v>
      </c>
      <c r="D75" s="17">
        <v>38</v>
      </c>
    </row>
    <row r="76" spans="1:4" ht="18" customHeight="1" x14ac:dyDescent="0.2">
      <c r="A76" s="14">
        <v>59</v>
      </c>
      <c r="B76" s="15">
        <v>15</v>
      </c>
      <c r="C76" s="16">
        <v>32</v>
      </c>
      <c r="D76" s="17">
        <v>47</v>
      </c>
    </row>
    <row r="77" spans="1:4" ht="18" customHeight="1" x14ac:dyDescent="0.2">
      <c r="A77" s="18" t="s">
        <v>78</v>
      </c>
      <c r="B77" s="15">
        <v>103</v>
      </c>
      <c r="C77" s="16">
        <v>105</v>
      </c>
      <c r="D77" s="17">
        <v>208</v>
      </c>
    </row>
    <row r="78" spans="1:4" ht="18" customHeight="1" x14ac:dyDescent="0.2">
      <c r="A78" s="14">
        <v>60</v>
      </c>
      <c r="B78" s="15">
        <v>24</v>
      </c>
      <c r="C78" s="16">
        <v>39</v>
      </c>
      <c r="D78" s="17">
        <v>63</v>
      </c>
    </row>
    <row r="79" spans="1:4" ht="18" customHeight="1" x14ac:dyDescent="0.2">
      <c r="A79" s="14">
        <v>61</v>
      </c>
      <c r="B79" s="15">
        <v>19</v>
      </c>
      <c r="C79" s="16">
        <v>41</v>
      </c>
      <c r="D79" s="17">
        <v>60</v>
      </c>
    </row>
    <row r="80" spans="1:4" ht="18" customHeight="1" x14ac:dyDescent="0.2">
      <c r="A80" s="14">
        <v>62</v>
      </c>
      <c r="B80" s="15">
        <v>20</v>
      </c>
      <c r="C80" s="16">
        <v>32</v>
      </c>
      <c r="D80" s="17">
        <v>52</v>
      </c>
    </row>
    <row r="81" spans="1:4" ht="18" customHeight="1" x14ac:dyDescent="0.2">
      <c r="A81" s="14">
        <v>63</v>
      </c>
      <c r="B81" s="15">
        <v>14</v>
      </c>
      <c r="C81" s="16">
        <v>14</v>
      </c>
      <c r="D81" s="17">
        <v>28</v>
      </c>
    </row>
    <row r="82" spans="1:4" ht="18" customHeight="1" x14ac:dyDescent="0.2">
      <c r="A82" s="14">
        <v>64</v>
      </c>
      <c r="B82" s="15">
        <v>26</v>
      </c>
      <c r="C82" s="16">
        <v>26</v>
      </c>
      <c r="D82" s="17">
        <v>52</v>
      </c>
    </row>
    <row r="83" spans="1:4" ht="18" customHeight="1" x14ac:dyDescent="0.2">
      <c r="A83" s="18" t="s">
        <v>79</v>
      </c>
      <c r="B83" s="15">
        <v>103</v>
      </c>
      <c r="C83" s="16">
        <v>152</v>
      </c>
      <c r="D83" s="17">
        <v>255</v>
      </c>
    </row>
    <row r="84" spans="1:4" ht="18" customHeight="1" x14ac:dyDescent="0.2">
      <c r="A84" s="18" t="s">
        <v>80</v>
      </c>
      <c r="B84" s="15">
        <v>901</v>
      </c>
      <c r="C84" s="16">
        <v>909</v>
      </c>
      <c r="D84" s="17">
        <v>1810</v>
      </c>
    </row>
    <row r="85" spans="1:4" ht="18" customHeight="1" x14ac:dyDescent="0.2">
      <c r="A85" s="14">
        <v>65</v>
      </c>
      <c r="B85" s="15">
        <v>23</v>
      </c>
      <c r="C85" s="16">
        <v>36</v>
      </c>
      <c r="D85" s="17">
        <v>59</v>
      </c>
    </row>
    <row r="86" spans="1:4" ht="18" customHeight="1" x14ac:dyDescent="0.2">
      <c r="A86" s="14">
        <v>66</v>
      </c>
      <c r="B86" s="15">
        <v>29</v>
      </c>
      <c r="C86" s="16">
        <v>39</v>
      </c>
      <c r="D86" s="17">
        <v>68</v>
      </c>
    </row>
    <row r="87" spans="1:4" ht="18" customHeight="1" x14ac:dyDescent="0.2">
      <c r="A87" s="14">
        <v>67</v>
      </c>
      <c r="B87" s="15">
        <v>30</v>
      </c>
      <c r="C87" s="16">
        <v>27</v>
      </c>
      <c r="D87" s="17">
        <v>57</v>
      </c>
    </row>
    <row r="88" spans="1:4" ht="18" customHeight="1" x14ac:dyDescent="0.2">
      <c r="A88" s="14">
        <v>68</v>
      </c>
      <c r="B88" s="15">
        <v>23</v>
      </c>
      <c r="C88" s="16">
        <v>36</v>
      </c>
      <c r="D88" s="17">
        <v>59</v>
      </c>
    </row>
    <row r="89" spans="1:4" ht="18" customHeight="1" x14ac:dyDescent="0.2">
      <c r="A89" s="14">
        <v>69</v>
      </c>
      <c r="B89" s="15">
        <v>29</v>
      </c>
      <c r="C89" s="16">
        <v>14</v>
      </c>
      <c r="D89" s="17">
        <v>43</v>
      </c>
    </row>
    <row r="90" spans="1:4" ht="18" customHeight="1" x14ac:dyDescent="0.2">
      <c r="A90" s="18" t="s">
        <v>81</v>
      </c>
      <c r="B90" s="15">
        <v>134</v>
      </c>
      <c r="C90" s="16">
        <v>152</v>
      </c>
      <c r="D90" s="17">
        <v>286</v>
      </c>
    </row>
    <row r="91" spans="1:4" ht="18" customHeight="1" x14ac:dyDescent="0.2">
      <c r="A91" s="14">
        <v>70</v>
      </c>
      <c r="B91" s="15">
        <v>18</v>
      </c>
      <c r="C91" s="16">
        <v>19</v>
      </c>
      <c r="D91" s="17">
        <v>37</v>
      </c>
    </row>
    <row r="92" spans="1:4" ht="18" customHeight="1" x14ac:dyDescent="0.2">
      <c r="A92" s="14">
        <v>71</v>
      </c>
      <c r="B92" s="15">
        <v>20</v>
      </c>
      <c r="C92" s="16">
        <v>23</v>
      </c>
      <c r="D92" s="17">
        <v>43</v>
      </c>
    </row>
    <row r="93" spans="1:4" ht="18" customHeight="1" x14ac:dyDescent="0.2">
      <c r="A93" s="14">
        <v>72</v>
      </c>
      <c r="B93" s="15">
        <v>14</v>
      </c>
      <c r="C93" s="16">
        <v>17</v>
      </c>
      <c r="D93" s="17">
        <v>31</v>
      </c>
    </row>
    <row r="94" spans="1:4" ht="18" customHeight="1" x14ac:dyDescent="0.2">
      <c r="A94" s="14">
        <v>73</v>
      </c>
      <c r="B94" s="15">
        <v>25</v>
      </c>
      <c r="C94" s="16">
        <v>22</v>
      </c>
      <c r="D94" s="17">
        <v>47</v>
      </c>
    </row>
    <row r="95" spans="1:4" ht="18" customHeight="1" x14ac:dyDescent="0.2">
      <c r="A95" s="14">
        <v>74</v>
      </c>
      <c r="B95" s="15">
        <v>15</v>
      </c>
      <c r="C95" s="16">
        <v>18</v>
      </c>
      <c r="D95" s="17">
        <v>33</v>
      </c>
    </row>
    <row r="96" spans="1:4" ht="18" customHeight="1" x14ac:dyDescent="0.2">
      <c r="A96" s="18" t="s">
        <v>82</v>
      </c>
      <c r="B96" s="15">
        <v>92</v>
      </c>
      <c r="C96" s="16">
        <v>99</v>
      </c>
      <c r="D96" s="17">
        <v>191</v>
      </c>
    </row>
    <row r="97" spans="1:4" ht="18" customHeight="1" x14ac:dyDescent="0.2">
      <c r="A97" s="14">
        <v>75</v>
      </c>
      <c r="B97" s="15">
        <v>22</v>
      </c>
      <c r="C97" s="16">
        <v>23</v>
      </c>
      <c r="D97" s="17">
        <v>45</v>
      </c>
    </row>
    <row r="98" spans="1:4" ht="18" customHeight="1" x14ac:dyDescent="0.2">
      <c r="A98" s="14">
        <v>76</v>
      </c>
      <c r="B98" s="15">
        <v>18</v>
      </c>
      <c r="C98" s="16">
        <v>22</v>
      </c>
      <c r="D98" s="17">
        <v>40</v>
      </c>
    </row>
    <row r="99" spans="1:4" ht="18" customHeight="1" x14ac:dyDescent="0.2">
      <c r="A99" s="14">
        <v>77</v>
      </c>
      <c r="B99" s="15">
        <v>11</v>
      </c>
      <c r="C99" s="16">
        <v>11</v>
      </c>
      <c r="D99" s="17">
        <v>22</v>
      </c>
    </row>
    <row r="100" spans="1:4" ht="18" customHeight="1" x14ac:dyDescent="0.2">
      <c r="A100" s="14">
        <v>78</v>
      </c>
      <c r="B100" s="15">
        <v>7</v>
      </c>
      <c r="C100" s="16">
        <v>19</v>
      </c>
      <c r="D100" s="17">
        <v>26</v>
      </c>
    </row>
    <row r="101" spans="1:4" ht="18" customHeight="1" x14ac:dyDescent="0.2">
      <c r="A101" s="14">
        <v>79</v>
      </c>
      <c r="B101" s="15">
        <v>10</v>
      </c>
      <c r="C101" s="16">
        <v>20</v>
      </c>
      <c r="D101" s="17">
        <v>30</v>
      </c>
    </row>
    <row r="102" spans="1:4" ht="18" customHeight="1" x14ac:dyDescent="0.2">
      <c r="A102" s="18" t="s">
        <v>83</v>
      </c>
      <c r="B102" s="15">
        <v>68</v>
      </c>
      <c r="C102" s="16">
        <v>95</v>
      </c>
      <c r="D102" s="17">
        <v>163</v>
      </c>
    </row>
    <row r="103" spans="1:4" ht="18" customHeight="1" x14ac:dyDescent="0.2">
      <c r="A103" s="14">
        <v>80</v>
      </c>
      <c r="B103" s="15">
        <v>8</v>
      </c>
      <c r="C103" s="16">
        <v>17</v>
      </c>
      <c r="D103" s="17">
        <v>25</v>
      </c>
    </row>
    <row r="104" spans="1:4" ht="18" customHeight="1" x14ac:dyDescent="0.2">
      <c r="A104" s="14">
        <v>81</v>
      </c>
      <c r="B104" s="15">
        <v>9</v>
      </c>
      <c r="C104" s="16">
        <v>11</v>
      </c>
      <c r="D104" s="17">
        <v>20</v>
      </c>
    </row>
    <row r="105" spans="1:4" ht="18" customHeight="1" x14ac:dyDescent="0.2">
      <c r="A105" s="14">
        <v>82</v>
      </c>
      <c r="B105" s="15">
        <v>12</v>
      </c>
      <c r="C105" s="16">
        <v>13</v>
      </c>
      <c r="D105" s="17">
        <v>25</v>
      </c>
    </row>
    <row r="106" spans="1:4" ht="18" customHeight="1" x14ac:dyDescent="0.2">
      <c r="A106" s="14">
        <v>83</v>
      </c>
      <c r="B106" s="15">
        <v>6</v>
      </c>
      <c r="C106" s="16">
        <v>12</v>
      </c>
      <c r="D106" s="17">
        <v>18</v>
      </c>
    </row>
    <row r="107" spans="1:4" ht="18" customHeight="1" x14ac:dyDescent="0.2">
      <c r="A107" s="14">
        <v>84</v>
      </c>
      <c r="B107" s="15">
        <v>5</v>
      </c>
      <c r="C107" s="16">
        <v>7</v>
      </c>
      <c r="D107" s="17">
        <v>12</v>
      </c>
    </row>
    <row r="108" spans="1:4" ht="18" customHeight="1" x14ac:dyDescent="0.2">
      <c r="A108" s="18" t="s">
        <v>84</v>
      </c>
      <c r="B108" s="15">
        <v>40</v>
      </c>
      <c r="C108" s="16">
        <v>60</v>
      </c>
      <c r="D108" s="17">
        <v>100</v>
      </c>
    </row>
    <row r="109" spans="1:4" ht="18" customHeight="1" x14ac:dyDescent="0.2">
      <c r="A109" s="14">
        <v>85</v>
      </c>
      <c r="B109" s="15">
        <v>2</v>
      </c>
      <c r="C109" s="16">
        <v>8</v>
      </c>
      <c r="D109" s="17">
        <v>10</v>
      </c>
    </row>
    <row r="110" spans="1:4" ht="18" customHeight="1" x14ac:dyDescent="0.2">
      <c r="A110" s="14">
        <v>86</v>
      </c>
      <c r="B110" s="15">
        <v>0</v>
      </c>
      <c r="C110" s="16">
        <v>14</v>
      </c>
      <c r="D110" s="17">
        <v>14</v>
      </c>
    </row>
    <row r="111" spans="1:4" ht="18" customHeight="1" x14ac:dyDescent="0.2">
      <c r="A111" s="14">
        <v>87</v>
      </c>
      <c r="B111" s="15">
        <v>2</v>
      </c>
      <c r="C111" s="16">
        <v>5</v>
      </c>
      <c r="D111" s="17">
        <v>7</v>
      </c>
    </row>
    <row r="112" spans="1:4" ht="18" customHeight="1" x14ac:dyDescent="0.2">
      <c r="A112" s="14">
        <v>88</v>
      </c>
      <c r="B112" s="15">
        <v>1</v>
      </c>
      <c r="C112" s="16">
        <v>10</v>
      </c>
      <c r="D112" s="17">
        <v>11</v>
      </c>
    </row>
    <row r="113" spans="1:4" ht="18" customHeight="1" x14ac:dyDescent="0.2">
      <c r="A113" s="14">
        <v>89</v>
      </c>
      <c r="B113" s="15">
        <v>1</v>
      </c>
      <c r="C113" s="16">
        <v>12</v>
      </c>
      <c r="D113" s="17">
        <v>13</v>
      </c>
    </row>
    <row r="114" spans="1:4" ht="18" customHeight="1" x14ac:dyDescent="0.2">
      <c r="A114" s="18" t="s">
        <v>85</v>
      </c>
      <c r="B114" s="15">
        <v>6</v>
      </c>
      <c r="C114" s="16">
        <v>49</v>
      </c>
      <c r="D114" s="17">
        <v>55</v>
      </c>
    </row>
    <row r="115" spans="1:4" ht="18" customHeight="1" x14ac:dyDescent="0.2">
      <c r="A115" s="14">
        <v>90</v>
      </c>
      <c r="B115" s="15">
        <v>0</v>
      </c>
      <c r="C115" s="16">
        <v>5</v>
      </c>
      <c r="D115" s="17">
        <v>5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5</v>
      </c>
      <c r="D117" s="17">
        <v>7</v>
      </c>
    </row>
    <row r="118" spans="1:4" ht="18" customHeight="1" x14ac:dyDescent="0.2">
      <c r="A118" s="14">
        <v>93</v>
      </c>
      <c r="B118" s="15">
        <v>0</v>
      </c>
      <c r="C118" s="16">
        <v>6</v>
      </c>
      <c r="D118" s="17">
        <v>6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86</v>
      </c>
      <c r="B120" s="15">
        <v>4</v>
      </c>
      <c r="C120" s="16">
        <v>27</v>
      </c>
      <c r="D120" s="17">
        <v>31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1</v>
      </c>
      <c r="C126" s="16">
        <v>10</v>
      </c>
      <c r="D126" s="17">
        <v>11</v>
      </c>
    </row>
    <row r="127" spans="1:4" ht="18" customHeight="1" x14ac:dyDescent="0.2">
      <c r="A127" s="14">
        <v>100</v>
      </c>
      <c r="B127" s="15">
        <v>1</v>
      </c>
      <c r="C127" s="16">
        <v>2</v>
      </c>
      <c r="D127" s="17">
        <v>3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90</v>
      </c>
      <c r="B130" s="4">
        <v>346</v>
      </c>
      <c r="C130" s="5">
        <v>494</v>
      </c>
      <c r="D130" s="6">
        <v>840</v>
      </c>
    </row>
    <row r="131" spans="1:4" ht="18" customHeight="1" x14ac:dyDescent="0.2">
      <c r="A131" s="20" t="s">
        <v>65</v>
      </c>
      <c r="B131" s="7">
        <v>1488</v>
      </c>
      <c r="C131" s="8">
        <v>1650</v>
      </c>
      <c r="D131" s="9">
        <v>313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9</v>
      </c>
      <c r="C5" s="12">
        <v>52</v>
      </c>
      <c r="D5" s="13">
        <v>101</v>
      </c>
    </row>
    <row r="6" spans="1:4" ht="18" customHeight="1" x14ac:dyDescent="0.2">
      <c r="A6" s="14">
        <v>1</v>
      </c>
      <c r="B6" s="15">
        <v>45</v>
      </c>
      <c r="C6" s="16">
        <v>35</v>
      </c>
      <c r="D6" s="17">
        <v>80</v>
      </c>
    </row>
    <row r="7" spans="1:4" ht="18" customHeight="1" x14ac:dyDescent="0.2">
      <c r="A7" s="14">
        <v>2</v>
      </c>
      <c r="B7" s="15">
        <v>40</v>
      </c>
      <c r="C7" s="16">
        <v>60</v>
      </c>
      <c r="D7" s="17">
        <v>100</v>
      </c>
    </row>
    <row r="8" spans="1:4" ht="18" customHeight="1" x14ac:dyDescent="0.2">
      <c r="A8" s="14">
        <v>3</v>
      </c>
      <c r="B8" s="15">
        <v>48</v>
      </c>
      <c r="C8" s="16">
        <v>47</v>
      </c>
      <c r="D8" s="17">
        <v>95</v>
      </c>
    </row>
    <row r="9" spans="1:4" ht="18" customHeight="1" x14ac:dyDescent="0.2">
      <c r="A9" s="14">
        <v>4</v>
      </c>
      <c r="B9" s="15">
        <v>55</v>
      </c>
      <c r="C9" s="16">
        <v>44</v>
      </c>
      <c r="D9" s="17">
        <v>99</v>
      </c>
    </row>
    <row r="10" spans="1:4" ht="18" customHeight="1" x14ac:dyDescent="0.2">
      <c r="A10" s="18" t="s">
        <v>66</v>
      </c>
      <c r="B10" s="15">
        <v>237</v>
      </c>
      <c r="C10" s="16">
        <v>238</v>
      </c>
      <c r="D10" s="17">
        <v>475</v>
      </c>
    </row>
    <row r="11" spans="1:4" ht="18" customHeight="1" x14ac:dyDescent="0.2">
      <c r="A11" s="14">
        <v>5</v>
      </c>
      <c r="B11" s="15">
        <v>66</v>
      </c>
      <c r="C11" s="16">
        <v>44</v>
      </c>
      <c r="D11" s="17">
        <v>110</v>
      </c>
    </row>
    <row r="12" spans="1:4" ht="18" customHeight="1" x14ac:dyDescent="0.2">
      <c r="A12" s="14">
        <v>6</v>
      </c>
      <c r="B12" s="15">
        <v>56</v>
      </c>
      <c r="C12" s="16">
        <v>54</v>
      </c>
      <c r="D12" s="17">
        <v>110</v>
      </c>
    </row>
    <row r="13" spans="1:4" ht="18" customHeight="1" x14ac:dyDescent="0.2">
      <c r="A13" s="14">
        <v>7</v>
      </c>
      <c r="B13" s="15">
        <v>54</v>
      </c>
      <c r="C13" s="16">
        <v>56</v>
      </c>
      <c r="D13" s="17">
        <v>110</v>
      </c>
    </row>
    <row r="14" spans="1:4" ht="18" customHeight="1" x14ac:dyDescent="0.2">
      <c r="A14" s="14">
        <v>8</v>
      </c>
      <c r="B14" s="15">
        <v>75</v>
      </c>
      <c r="C14" s="16">
        <v>49</v>
      </c>
      <c r="D14" s="17">
        <v>124</v>
      </c>
    </row>
    <row r="15" spans="1:4" ht="18" customHeight="1" x14ac:dyDescent="0.2">
      <c r="A15" s="14">
        <v>9</v>
      </c>
      <c r="B15" s="15">
        <v>60</v>
      </c>
      <c r="C15" s="16">
        <v>43</v>
      </c>
      <c r="D15" s="17">
        <v>103</v>
      </c>
    </row>
    <row r="16" spans="1:4" ht="18" customHeight="1" x14ac:dyDescent="0.2">
      <c r="A16" s="18" t="s">
        <v>67</v>
      </c>
      <c r="B16" s="15">
        <v>311</v>
      </c>
      <c r="C16" s="16">
        <v>246</v>
      </c>
      <c r="D16" s="17">
        <v>557</v>
      </c>
    </row>
    <row r="17" spans="1:4" ht="18" customHeight="1" x14ac:dyDescent="0.2">
      <c r="A17" s="14">
        <v>10</v>
      </c>
      <c r="B17" s="15">
        <v>57</v>
      </c>
      <c r="C17" s="16">
        <v>67</v>
      </c>
      <c r="D17" s="17">
        <v>124</v>
      </c>
    </row>
    <row r="18" spans="1:4" ht="18" customHeight="1" x14ac:dyDescent="0.2">
      <c r="A18" s="14">
        <v>11</v>
      </c>
      <c r="B18" s="15">
        <v>58</v>
      </c>
      <c r="C18" s="16">
        <v>50</v>
      </c>
      <c r="D18" s="17">
        <v>108</v>
      </c>
    </row>
    <row r="19" spans="1:4" ht="18" customHeight="1" x14ac:dyDescent="0.2">
      <c r="A19" s="14">
        <v>12</v>
      </c>
      <c r="B19" s="15">
        <v>68</v>
      </c>
      <c r="C19" s="16">
        <v>57</v>
      </c>
      <c r="D19" s="17">
        <v>125</v>
      </c>
    </row>
    <row r="20" spans="1:4" ht="18" customHeight="1" x14ac:dyDescent="0.2">
      <c r="A20" s="14">
        <v>13</v>
      </c>
      <c r="B20" s="15">
        <v>53</v>
      </c>
      <c r="C20" s="16">
        <v>59</v>
      </c>
      <c r="D20" s="17">
        <v>112</v>
      </c>
    </row>
    <row r="21" spans="1:4" ht="18" customHeight="1" x14ac:dyDescent="0.2">
      <c r="A21" s="14">
        <v>14</v>
      </c>
      <c r="B21" s="15">
        <v>61</v>
      </c>
      <c r="C21" s="16">
        <v>60</v>
      </c>
      <c r="D21" s="17">
        <v>121</v>
      </c>
    </row>
    <row r="22" spans="1:4" ht="18" customHeight="1" x14ac:dyDescent="0.2">
      <c r="A22" s="18" t="s">
        <v>68</v>
      </c>
      <c r="B22" s="15">
        <v>297</v>
      </c>
      <c r="C22" s="16">
        <v>293</v>
      </c>
      <c r="D22" s="17">
        <v>590</v>
      </c>
    </row>
    <row r="23" spans="1:4" ht="18" customHeight="1" x14ac:dyDescent="0.2">
      <c r="A23" s="18" t="s">
        <v>69</v>
      </c>
      <c r="B23" s="15">
        <v>845</v>
      </c>
      <c r="C23" s="16">
        <v>777</v>
      </c>
      <c r="D23" s="17">
        <v>1622</v>
      </c>
    </row>
    <row r="24" spans="1:4" ht="18" customHeight="1" x14ac:dyDescent="0.2">
      <c r="A24" s="14">
        <v>15</v>
      </c>
      <c r="B24" s="15">
        <v>58</v>
      </c>
      <c r="C24" s="16">
        <v>56</v>
      </c>
      <c r="D24" s="17">
        <v>114</v>
      </c>
    </row>
    <row r="25" spans="1:4" ht="18" customHeight="1" x14ac:dyDescent="0.2">
      <c r="A25" s="14">
        <v>16</v>
      </c>
      <c r="B25" s="15">
        <v>67</v>
      </c>
      <c r="C25" s="16">
        <v>56</v>
      </c>
      <c r="D25" s="17">
        <v>123</v>
      </c>
    </row>
    <row r="26" spans="1:4" ht="18" customHeight="1" x14ac:dyDescent="0.2">
      <c r="A26" s="14">
        <v>17</v>
      </c>
      <c r="B26" s="15">
        <v>60</v>
      </c>
      <c r="C26" s="16">
        <v>83</v>
      </c>
      <c r="D26" s="17">
        <v>143</v>
      </c>
    </row>
    <row r="27" spans="1:4" ht="18" customHeight="1" x14ac:dyDescent="0.2">
      <c r="A27" s="14">
        <v>18</v>
      </c>
      <c r="B27" s="15">
        <v>69</v>
      </c>
      <c r="C27" s="16">
        <v>67</v>
      </c>
      <c r="D27" s="17">
        <v>136</v>
      </c>
    </row>
    <row r="28" spans="1:4" ht="18" customHeight="1" x14ac:dyDescent="0.2">
      <c r="A28" s="14">
        <v>19</v>
      </c>
      <c r="B28" s="15">
        <v>65</v>
      </c>
      <c r="C28" s="16">
        <v>50</v>
      </c>
      <c r="D28" s="17">
        <v>115</v>
      </c>
    </row>
    <row r="29" spans="1:4" ht="18" customHeight="1" x14ac:dyDescent="0.2">
      <c r="A29" s="18" t="s">
        <v>70</v>
      </c>
      <c r="B29" s="15">
        <v>319</v>
      </c>
      <c r="C29" s="16">
        <v>312</v>
      </c>
      <c r="D29" s="17">
        <v>631</v>
      </c>
    </row>
    <row r="30" spans="1:4" ht="18" customHeight="1" x14ac:dyDescent="0.2">
      <c r="A30" s="14">
        <v>20</v>
      </c>
      <c r="B30" s="15">
        <v>74</v>
      </c>
      <c r="C30" s="16">
        <v>56</v>
      </c>
      <c r="D30" s="17">
        <v>130</v>
      </c>
    </row>
    <row r="31" spans="1:4" ht="18" customHeight="1" x14ac:dyDescent="0.2">
      <c r="A31" s="14">
        <v>21</v>
      </c>
      <c r="B31" s="15">
        <v>54</v>
      </c>
      <c r="C31" s="16">
        <v>56</v>
      </c>
      <c r="D31" s="17">
        <v>110</v>
      </c>
    </row>
    <row r="32" spans="1:4" ht="18" customHeight="1" x14ac:dyDescent="0.2">
      <c r="A32" s="14">
        <v>22</v>
      </c>
      <c r="B32" s="15">
        <v>77</v>
      </c>
      <c r="C32" s="16">
        <v>62</v>
      </c>
      <c r="D32" s="17">
        <v>139</v>
      </c>
    </row>
    <row r="33" spans="1:4" ht="18" customHeight="1" x14ac:dyDescent="0.2">
      <c r="A33" s="14">
        <v>23</v>
      </c>
      <c r="B33" s="15">
        <v>77</v>
      </c>
      <c r="C33" s="16">
        <v>52</v>
      </c>
      <c r="D33" s="17">
        <v>129</v>
      </c>
    </row>
    <row r="34" spans="1:4" ht="18" customHeight="1" x14ac:dyDescent="0.2">
      <c r="A34" s="14">
        <v>24</v>
      </c>
      <c r="B34" s="15">
        <v>64</v>
      </c>
      <c r="C34" s="16">
        <v>70</v>
      </c>
      <c r="D34" s="17">
        <v>134</v>
      </c>
    </row>
    <row r="35" spans="1:4" ht="18" customHeight="1" x14ac:dyDescent="0.2">
      <c r="A35" s="18" t="s">
        <v>71</v>
      </c>
      <c r="B35" s="15">
        <v>346</v>
      </c>
      <c r="C35" s="16">
        <v>296</v>
      </c>
      <c r="D35" s="17">
        <v>642</v>
      </c>
    </row>
    <row r="36" spans="1:4" ht="18" customHeight="1" x14ac:dyDescent="0.2">
      <c r="A36" s="14">
        <v>25</v>
      </c>
      <c r="B36" s="15">
        <v>60</v>
      </c>
      <c r="C36" s="16">
        <v>78</v>
      </c>
      <c r="D36" s="17">
        <v>138</v>
      </c>
    </row>
    <row r="37" spans="1:4" ht="18" customHeight="1" x14ac:dyDescent="0.2">
      <c r="A37" s="14">
        <v>26</v>
      </c>
      <c r="B37" s="15">
        <v>74</v>
      </c>
      <c r="C37" s="16">
        <v>66</v>
      </c>
      <c r="D37" s="17">
        <v>140</v>
      </c>
    </row>
    <row r="38" spans="1:4" ht="18" customHeight="1" x14ac:dyDescent="0.2">
      <c r="A38" s="14">
        <v>27</v>
      </c>
      <c r="B38" s="15">
        <v>73</v>
      </c>
      <c r="C38" s="16">
        <v>61</v>
      </c>
      <c r="D38" s="17">
        <v>134</v>
      </c>
    </row>
    <row r="39" spans="1:4" ht="18" customHeight="1" x14ac:dyDescent="0.2">
      <c r="A39" s="14">
        <v>28</v>
      </c>
      <c r="B39" s="15">
        <v>74</v>
      </c>
      <c r="C39" s="16">
        <v>61</v>
      </c>
      <c r="D39" s="17">
        <v>135</v>
      </c>
    </row>
    <row r="40" spans="1:4" ht="18" customHeight="1" x14ac:dyDescent="0.2">
      <c r="A40" s="14">
        <v>29</v>
      </c>
      <c r="B40" s="15">
        <v>92</v>
      </c>
      <c r="C40" s="16">
        <v>82</v>
      </c>
      <c r="D40" s="17">
        <v>174</v>
      </c>
    </row>
    <row r="41" spans="1:4" ht="18" customHeight="1" x14ac:dyDescent="0.2">
      <c r="A41" s="18" t="s">
        <v>72</v>
      </c>
      <c r="B41" s="15">
        <v>373</v>
      </c>
      <c r="C41" s="16">
        <v>348</v>
      </c>
      <c r="D41" s="17">
        <v>721</v>
      </c>
    </row>
    <row r="42" spans="1:4" ht="18" customHeight="1" x14ac:dyDescent="0.2">
      <c r="A42" s="14">
        <v>30</v>
      </c>
      <c r="B42" s="15">
        <v>72</v>
      </c>
      <c r="C42" s="16">
        <v>81</v>
      </c>
      <c r="D42" s="17">
        <v>153</v>
      </c>
    </row>
    <row r="43" spans="1:4" ht="18" customHeight="1" x14ac:dyDescent="0.2">
      <c r="A43" s="14">
        <v>31</v>
      </c>
      <c r="B43" s="15">
        <v>79</v>
      </c>
      <c r="C43" s="16">
        <v>72</v>
      </c>
      <c r="D43" s="17">
        <v>151</v>
      </c>
    </row>
    <row r="44" spans="1:4" ht="18" customHeight="1" x14ac:dyDescent="0.2">
      <c r="A44" s="14">
        <v>32</v>
      </c>
      <c r="B44" s="15">
        <v>96</v>
      </c>
      <c r="C44" s="16">
        <v>78</v>
      </c>
      <c r="D44" s="17">
        <v>174</v>
      </c>
    </row>
    <row r="45" spans="1:4" ht="18" customHeight="1" x14ac:dyDescent="0.2">
      <c r="A45" s="14">
        <v>33</v>
      </c>
      <c r="B45" s="15">
        <v>84</v>
      </c>
      <c r="C45" s="16">
        <v>84</v>
      </c>
      <c r="D45" s="17">
        <v>168</v>
      </c>
    </row>
    <row r="46" spans="1:4" ht="18" customHeight="1" x14ac:dyDescent="0.2">
      <c r="A46" s="14">
        <v>34</v>
      </c>
      <c r="B46" s="15">
        <v>80</v>
      </c>
      <c r="C46" s="16">
        <v>87</v>
      </c>
      <c r="D46" s="17">
        <v>167</v>
      </c>
    </row>
    <row r="47" spans="1:4" ht="18" customHeight="1" x14ac:dyDescent="0.2">
      <c r="A47" s="18" t="s">
        <v>73</v>
      </c>
      <c r="B47" s="15">
        <v>411</v>
      </c>
      <c r="C47" s="16">
        <v>402</v>
      </c>
      <c r="D47" s="17">
        <v>813</v>
      </c>
    </row>
    <row r="48" spans="1:4" ht="18" customHeight="1" x14ac:dyDescent="0.2">
      <c r="A48" s="14">
        <v>35</v>
      </c>
      <c r="B48" s="15">
        <v>82</v>
      </c>
      <c r="C48" s="16">
        <v>85</v>
      </c>
      <c r="D48" s="17">
        <v>167</v>
      </c>
    </row>
    <row r="49" spans="1:4" ht="18" customHeight="1" x14ac:dyDescent="0.2">
      <c r="A49" s="14">
        <v>36</v>
      </c>
      <c r="B49" s="15">
        <v>100</v>
      </c>
      <c r="C49" s="16">
        <v>91</v>
      </c>
      <c r="D49" s="17">
        <v>191</v>
      </c>
    </row>
    <row r="50" spans="1:4" ht="18" customHeight="1" x14ac:dyDescent="0.2">
      <c r="A50" s="14">
        <v>37</v>
      </c>
      <c r="B50" s="15">
        <v>105</v>
      </c>
      <c r="C50" s="16">
        <v>91</v>
      </c>
      <c r="D50" s="17">
        <v>196</v>
      </c>
    </row>
    <row r="51" spans="1:4" ht="18" customHeight="1" x14ac:dyDescent="0.2">
      <c r="A51" s="14">
        <v>38</v>
      </c>
      <c r="B51" s="15">
        <v>106</v>
      </c>
      <c r="C51" s="16">
        <v>85</v>
      </c>
      <c r="D51" s="17">
        <v>191</v>
      </c>
    </row>
    <row r="52" spans="1:4" ht="18" customHeight="1" x14ac:dyDescent="0.2">
      <c r="A52" s="14">
        <v>39</v>
      </c>
      <c r="B52" s="15">
        <v>92</v>
      </c>
      <c r="C52" s="16">
        <v>90</v>
      </c>
      <c r="D52" s="17">
        <v>182</v>
      </c>
    </row>
    <row r="53" spans="1:4" ht="18" customHeight="1" x14ac:dyDescent="0.2">
      <c r="A53" s="18" t="s">
        <v>74</v>
      </c>
      <c r="B53" s="15">
        <v>485</v>
      </c>
      <c r="C53" s="16">
        <v>442</v>
      </c>
      <c r="D53" s="17">
        <v>927</v>
      </c>
    </row>
    <row r="54" spans="1:4" ht="18" customHeight="1" x14ac:dyDescent="0.2">
      <c r="A54" s="14">
        <v>40</v>
      </c>
      <c r="B54" s="15">
        <v>82</v>
      </c>
      <c r="C54" s="16">
        <v>84</v>
      </c>
      <c r="D54" s="17">
        <v>166</v>
      </c>
    </row>
    <row r="55" spans="1:4" ht="18" customHeight="1" x14ac:dyDescent="0.2">
      <c r="A55" s="14">
        <v>41</v>
      </c>
      <c r="B55" s="15">
        <v>86</v>
      </c>
      <c r="C55" s="16">
        <v>78</v>
      </c>
      <c r="D55" s="17">
        <v>164</v>
      </c>
    </row>
    <row r="56" spans="1:4" ht="18" customHeight="1" x14ac:dyDescent="0.2">
      <c r="A56" s="14">
        <v>42</v>
      </c>
      <c r="B56" s="15">
        <v>78</v>
      </c>
      <c r="C56" s="16">
        <v>90</v>
      </c>
      <c r="D56" s="17">
        <v>168</v>
      </c>
    </row>
    <row r="57" spans="1:4" ht="18" customHeight="1" x14ac:dyDescent="0.2">
      <c r="A57" s="14">
        <v>43</v>
      </c>
      <c r="B57" s="15">
        <v>65</v>
      </c>
      <c r="C57" s="16">
        <v>63</v>
      </c>
      <c r="D57" s="17">
        <v>128</v>
      </c>
    </row>
    <row r="58" spans="1:4" ht="18" customHeight="1" x14ac:dyDescent="0.2">
      <c r="A58" s="14">
        <v>44</v>
      </c>
      <c r="B58" s="15">
        <v>82</v>
      </c>
      <c r="C58" s="16">
        <v>79</v>
      </c>
      <c r="D58" s="17">
        <v>161</v>
      </c>
    </row>
    <row r="59" spans="1:4" ht="18" customHeight="1" x14ac:dyDescent="0.2">
      <c r="A59" s="18" t="s">
        <v>75</v>
      </c>
      <c r="B59" s="15">
        <v>393</v>
      </c>
      <c r="C59" s="16">
        <v>394</v>
      </c>
      <c r="D59" s="17">
        <v>787</v>
      </c>
    </row>
    <row r="60" spans="1:4" ht="18" customHeight="1" x14ac:dyDescent="0.2">
      <c r="A60" s="14">
        <v>45</v>
      </c>
      <c r="B60" s="15">
        <v>70</v>
      </c>
      <c r="C60" s="16">
        <v>85</v>
      </c>
      <c r="D60" s="17">
        <v>155</v>
      </c>
    </row>
    <row r="61" spans="1:4" ht="18" customHeight="1" x14ac:dyDescent="0.2">
      <c r="A61" s="14">
        <v>46</v>
      </c>
      <c r="B61" s="15">
        <v>74</v>
      </c>
      <c r="C61" s="16">
        <v>75</v>
      </c>
      <c r="D61" s="17">
        <v>149</v>
      </c>
    </row>
    <row r="62" spans="1:4" ht="18" customHeight="1" x14ac:dyDescent="0.2">
      <c r="A62" s="14">
        <v>47</v>
      </c>
      <c r="B62" s="15">
        <v>70</v>
      </c>
      <c r="C62" s="16">
        <v>75</v>
      </c>
      <c r="D62" s="17">
        <v>145</v>
      </c>
    </row>
    <row r="63" spans="1:4" ht="18" customHeight="1" x14ac:dyDescent="0.2">
      <c r="A63" s="14">
        <v>48</v>
      </c>
      <c r="B63" s="15">
        <v>56</v>
      </c>
      <c r="C63" s="16">
        <v>68</v>
      </c>
      <c r="D63" s="17">
        <v>124</v>
      </c>
    </row>
    <row r="64" spans="1:4" ht="18" customHeight="1" x14ac:dyDescent="0.2">
      <c r="A64" s="14">
        <v>49</v>
      </c>
      <c r="B64" s="15">
        <v>64</v>
      </c>
      <c r="C64" s="16">
        <v>73</v>
      </c>
      <c r="D64" s="17">
        <v>137</v>
      </c>
    </row>
    <row r="65" spans="1:4" ht="18" customHeight="1" x14ac:dyDescent="0.2">
      <c r="A65" s="18" t="s">
        <v>76</v>
      </c>
      <c r="B65" s="15">
        <v>334</v>
      </c>
      <c r="C65" s="16">
        <v>376</v>
      </c>
      <c r="D65" s="17">
        <v>710</v>
      </c>
    </row>
    <row r="66" spans="1:4" ht="18" customHeight="1" x14ac:dyDescent="0.2">
      <c r="A66" s="14">
        <v>50</v>
      </c>
      <c r="B66" s="15">
        <v>79</v>
      </c>
      <c r="C66" s="16">
        <v>89</v>
      </c>
      <c r="D66" s="17">
        <v>168</v>
      </c>
    </row>
    <row r="67" spans="1:4" ht="18" customHeight="1" x14ac:dyDescent="0.2">
      <c r="A67" s="14">
        <v>51</v>
      </c>
      <c r="B67" s="15">
        <v>76</v>
      </c>
      <c r="C67" s="16">
        <v>88</v>
      </c>
      <c r="D67" s="17">
        <v>164</v>
      </c>
    </row>
    <row r="68" spans="1:4" ht="18" customHeight="1" x14ac:dyDescent="0.2">
      <c r="A68" s="14">
        <v>52</v>
      </c>
      <c r="B68" s="15">
        <v>64</v>
      </c>
      <c r="C68" s="16">
        <v>65</v>
      </c>
      <c r="D68" s="17">
        <v>129</v>
      </c>
    </row>
    <row r="69" spans="1:4" ht="18" customHeight="1" x14ac:dyDescent="0.2">
      <c r="A69" s="14">
        <v>53</v>
      </c>
      <c r="B69" s="15">
        <v>81</v>
      </c>
      <c r="C69" s="16">
        <v>89</v>
      </c>
      <c r="D69" s="17">
        <v>170</v>
      </c>
    </row>
    <row r="70" spans="1:4" ht="18" customHeight="1" x14ac:dyDescent="0.2">
      <c r="A70" s="14">
        <v>54</v>
      </c>
      <c r="B70" s="15">
        <v>83</v>
      </c>
      <c r="C70" s="16">
        <v>92</v>
      </c>
      <c r="D70" s="17">
        <v>175</v>
      </c>
    </row>
    <row r="71" spans="1:4" ht="18" customHeight="1" x14ac:dyDescent="0.2">
      <c r="A71" s="18" t="s">
        <v>77</v>
      </c>
      <c r="B71" s="15">
        <v>383</v>
      </c>
      <c r="C71" s="16">
        <v>423</v>
      </c>
      <c r="D71" s="17">
        <v>806</v>
      </c>
    </row>
    <row r="72" spans="1:4" ht="18" customHeight="1" x14ac:dyDescent="0.2">
      <c r="A72" s="14">
        <v>55</v>
      </c>
      <c r="B72" s="15">
        <v>91</v>
      </c>
      <c r="C72" s="16">
        <v>100</v>
      </c>
      <c r="D72" s="17">
        <v>191</v>
      </c>
    </row>
    <row r="73" spans="1:4" ht="18" customHeight="1" x14ac:dyDescent="0.2">
      <c r="A73" s="14">
        <v>56</v>
      </c>
      <c r="B73" s="15">
        <v>109</v>
      </c>
      <c r="C73" s="16">
        <v>91</v>
      </c>
      <c r="D73" s="17">
        <v>200</v>
      </c>
    </row>
    <row r="74" spans="1:4" ht="18" customHeight="1" x14ac:dyDescent="0.2">
      <c r="A74" s="14">
        <v>57</v>
      </c>
      <c r="B74" s="15">
        <v>103</v>
      </c>
      <c r="C74" s="16">
        <v>112</v>
      </c>
      <c r="D74" s="17">
        <v>215</v>
      </c>
    </row>
    <row r="75" spans="1:4" ht="18" customHeight="1" x14ac:dyDescent="0.2">
      <c r="A75" s="14">
        <v>58</v>
      </c>
      <c r="B75" s="15">
        <v>90</v>
      </c>
      <c r="C75" s="16">
        <v>107</v>
      </c>
      <c r="D75" s="17">
        <v>197</v>
      </c>
    </row>
    <row r="76" spans="1:4" ht="18" customHeight="1" x14ac:dyDescent="0.2">
      <c r="A76" s="14">
        <v>59</v>
      </c>
      <c r="B76" s="15">
        <v>114</v>
      </c>
      <c r="C76" s="16">
        <v>123</v>
      </c>
      <c r="D76" s="17">
        <v>237</v>
      </c>
    </row>
    <row r="77" spans="1:4" ht="18" customHeight="1" x14ac:dyDescent="0.2">
      <c r="A77" s="18" t="s">
        <v>78</v>
      </c>
      <c r="B77" s="15">
        <v>507</v>
      </c>
      <c r="C77" s="16">
        <v>533</v>
      </c>
      <c r="D77" s="17">
        <v>1040</v>
      </c>
    </row>
    <row r="78" spans="1:4" ht="18" customHeight="1" x14ac:dyDescent="0.2">
      <c r="A78" s="14">
        <v>60</v>
      </c>
      <c r="B78" s="15">
        <v>130</v>
      </c>
      <c r="C78" s="16">
        <v>135</v>
      </c>
      <c r="D78" s="17">
        <v>265</v>
      </c>
    </row>
    <row r="79" spans="1:4" ht="18" customHeight="1" x14ac:dyDescent="0.2">
      <c r="A79" s="14">
        <v>61</v>
      </c>
      <c r="B79" s="15">
        <v>122</v>
      </c>
      <c r="C79" s="16">
        <v>114</v>
      </c>
      <c r="D79" s="17">
        <v>236</v>
      </c>
    </row>
    <row r="80" spans="1:4" ht="18" customHeight="1" x14ac:dyDescent="0.2">
      <c r="A80" s="14">
        <v>62</v>
      </c>
      <c r="B80" s="15">
        <v>115</v>
      </c>
      <c r="C80" s="16">
        <v>119</v>
      </c>
      <c r="D80" s="17">
        <v>234</v>
      </c>
    </row>
    <row r="81" spans="1:4" ht="18" customHeight="1" x14ac:dyDescent="0.2">
      <c r="A81" s="14">
        <v>63</v>
      </c>
      <c r="B81" s="15">
        <v>65</v>
      </c>
      <c r="C81" s="16">
        <v>86</v>
      </c>
      <c r="D81" s="17">
        <v>151</v>
      </c>
    </row>
    <row r="82" spans="1:4" ht="18" customHeight="1" x14ac:dyDescent="0.2">
      <c r="A82" s="14">
        <v>64</v>
      </c>
      <c r="B82" s="15">
        <v>77</v>
      </c>
      <c r="C82" s="16">
        <v>93</v>
      </c>
      <c r="D82" s="17">
        <v>170</v>
      </c>
    </row>
    <row r="83" spans="1:4" ht="18" customHeight="1" x14ac:dyDescent="0.2">
      <c r="A83" s="18" t="s">
        <v>79</v>
      </c>
      <c r="B83" s="15">
        <v>509</v>
      </c>
      <c r="C83" s="16">
        <v>547</v>
      </c>
      <c r="D83" s="17">
        <v>1056</v>
      </c>
    </row>
    <row r="84" spans="1:4" ht="18" customHeight="1" x14ac:dyDescent="0.2">
      <c r="A84" s="18" t="s">
        <v>80</v>
      </c>
      <c r="B84" s="15">
        <v>4060</v>
      </c>
      <c r="C84" s="16">
        <v>4073</v>
      </c>
      <c r="D84" s="17">
        <v>8133</v>
      </c>
    </row>
    <row r="85" spans="1:4" ht="18" customHeight="1" x14ac:dyDescent="0.2">
      <c r="A85" s="14">
        <v>65</v>
      </c>
      <c r="B85" s="15">
        <v>93</v>
      </c>
      <c r="C85" s="16">
        <v>114</v>
      </c>
      <c r="D85" s="17">
        <v>207</v>
      </c>
    </row>
    <row r="86" spans="1:4" ht="18" customHeight="1" x14ac:dyDescent="0.2">
      <c r="A86" s="14">
        <v>66</v>
      </c>
      <c r="B86" s="15">
        <v>89</v>
      </c>
      <c r="C86" s="16">
        <v>105</v>
      </c>
      <c r="D86" s="17">
        <v>194</v>
      </c>
    </row>
    <row r="87" spans="1:4" ht="18" customHeight="1" x14ac:dyDescent="0.2">
      <c r="A87" s="14">
        <v>67</v>
      </c>
      <c r="B87" s="15">
        <v>88</v>
      </c>
      <c r="C87" s="16">
        <v>111</v>
      </c>
      <c r="D87" s="17">
        <v>199</v>
      </c>
    </row>
    <row r="88" spans="1:4" ht="18" customHeight="1" x14ac:dyDescent="0.2">
      <c r="A88" s="14">
        <v>68</v>
      </c>
      <c r="B88" s="15">
        <v>95</v>
      </c>
      <c r="C88" s="16">
        <v>94</v>
      </c>
      <c r="D88" s="17">
        <v>189</v>
      </c>
    </row>
    <row r="89" spans="1:4" ht="18" customHeight="1" x14ac:dyDescent="0.2">
      <c r="A89" s="14">
        <v>69</v>
      </c>
      <c r="B89" s="15">
        <v>91</v>
      </c>
      <c r="C89" s="16">
        <v>71</v>
      </c>
      <c r="D89" s="17">
        <v>162</v>
      </c>
    </row>
    <row r="90" spans="1:4" ht="18" customHeight="1" x14ac:dyDescent="0.2">
      <c r="A90" s="18" t="s">
        <v>81</v>
      </c>
      <c r="B90" s="15">
        <v>456</v>
      </c>
      <c r="C90" s="16">
        <v>495</v>
      </c>
      <c r="D90" s="17">
        <v>951</v>
      </c>
    </row>
    <row r="91" spans="1:4" ht="18" customHeight="1" x14ac:dyDescent="0.2">
      <c r="A91" s="14">
        <v>70</v>
      </c>
      <c r="B91" s="15">
        <v>73</v>
      </c>
      <c r="C91" s="16">
        <v>75</v>
      </c>
      <c r="D91" s="17">
        <v>148</v>
      </c>
    </row>
    <row r="92" spans="1:4" ht="18" customHeight="1" x14ac:dyDescent="0.2">
      <c r="A92" s="14">
        <v>71</v>
      </c>
      <c r="B92" s="15">
        <v>61</v>
      </c>
      <c r="C92" s="16">
        <v>71</v>
      </c>
      <c r="D92" s="17">
        <v>132</v>
      </c>
    </row>
    <row r="93" spans="1:4" ht="18" customHeight="1" x14ac:dyDescent="0.2">
      <c r="A93" s="14">
        <v>72</v>
      </c>
      <c r="B93" s="15">
        <v>56</v>
      </c>
      <c r="C93" s="16">
        <v>83</v>
      </c>
      <c r="D93" s="17">
        <v>139</v>
      </c>
    </row>
    <row r="94" spans="1:4" ht="18" customHeight="1" x14ac:dyDescent="0.2">
      <c r="A94" s="14">
        <v>73</v>
      </c>
      <c r="B94" s="15">
        <v>88</v>
      </c>
      <c r="C94" s="16">
        <v>121</v>
      </c>
      <c r="D94" s="17">
        <v>209</v>
      </c>
    </row>
    <row r="95" spans="1:4" ht="18" customHeight="1" x14ac:dyDescent="0.2">
      <c r="A95" s="14">
        <v>74</v>
      </c>
      <c r="B95" s="15">
        <v>56</v>
      </c>
      <c r="C95" s="16">
        <v>62</v>
      </c>
      <c r="D95" s="17">
        <v>118</v>
      </c>
    </row>
    <row r="96" spans="1:4" ht="18" customHeight="1" x14ac:dyDescent="0.2">
      <c r="A96" s="18" t="s">
        <v>82</v>
      </c>
      <c r="B96" s="15">
        <v>334</v>
      </c>
      <c r="C96" s="16">
        <v>412</v>
      </c>
      <c r="D96" s="17">
        <v>746</v>
      </c>
    </row>
    <row r="97" spans="1:4" ht="18" customHeight="1" x14ac:dyDescent="0.2">
      <c r="A97" s="14">
        <v>75</v>
      </c>
      <c r="B97" s="15">
        <v>57</v>
      </c>
      <c r="C97" s="16">
        <v>77</v>
      </c>
      <c r="D97" s="17">
        <v>134</v>
      </c>
    </row>
    <row r="98" spans="1:4" ht="18" customHeight="1" x14ac:dyDescent="0.2">
      <c r="A98" s="14">
        <v>76</v>
      </c>
      <c r="B98" s="15">
        <v>63</v>
      </c>
      <c r="C98" s="16">
        <v>94</v>
      </c>
      <c r="D98" s="17">
        <v>157</v>
      </c>
    </row>
    <row r="99" spans="1:4" ht="18" customHeight="1" x14ac:dyDescent="0.2">
      <c r="A99" s="14">
        <v>77</v>
      </c>
      <c r="B99" s="15">
        <v>54</v>
      </c>
      <c r="C99" s="16">
        <v>82</v>
      </c>
      <c r="D99" s="17">
        <v>136</v>
      </c>
    </row>
    <row r="100" spans="1:4" ht="18" customHeight="1" x14ac:dyDescent="0.2">
      <c r="A100" s="14">
        <v>78</v>
      </c>
      <c r="B100" s="15">
        <v>57</v>
      </c>
      <c r="C100" s="16">
        <v>76</v>
      </c>
      <c r="D100" s="17">
        <v>133</v>
      </c>
    </row>
    <row r="101" spans="1:4" ht="18" customHeight="1" x14ac:dyDescent="0.2">
      <c r="A101" s="14">
        <v>79</v>
      </c>
      <c r="B101" s="15">
        <v>54</v>
      </c>
      <c r="C101" s="16">
        <v>61</v>
      </c>
      <c r="D101" s="17">
        <v>115</v>
      </c>
    </row>
    <row r="102" spans="1:4" ht="18" customHeight="1" x14ac:dyDescent="0.2">
      <c r="A102" s="18" t="s">
        <v>83</v>
      </c>
      <c r="B102" s="15">
        <v>285</v>
      </c>
      <c r="C102" s="16">
        <v>390</v>
      </c>
      <c r="D102" s="17">
        <v>675</v>
      </c>
    </row>
    <row r="103" spans="1:4" ht="18" customHeight="1" x14ac:dyDescent="0.2">
      <c r="A103" s="14">
        <v>80</v>
      </c>
      <c r="B103" s="15">
        <v>40</v>
      </c>
      <c r="C103" s="16">
        <v>55</v>
      </c>
      <c r="D103" s="17">
        <v>95</v>
      </c>
    </row>
    <row r="104" spans="1:4" ht="18" customHeight="1" x14ac:dyDescent="0.2">
      <c r="A104" s="14">
        <v>81</v>
      </c>
      <c r="B104" s="15">
        <v>50</v>
      </c>
      <c r="C104" s="16">
        <v>53</v>
      </c>
      <c r="D104" s="17">
        <v>103</v>
      </c>
    </row>
    <row r="105" spans="1:4" ht="18" customHeight="1" x14ac:dyDescent="0.2">
      <c r="A105" s="14">
        <v>82</v>
      </c>
      <c r="B105" s="15">
        <v>36</v>
      </c>
      <c r="C105" s="16">
        <v>63</v>
      </c>
      <c r="D105" s="17">
        <v>99</v>
      </c>
    </row>
    <row r="106" spans="1:4" ht="18" customHeight="1" x14ac:dyDescent="0.2">
      <c r="A106" s="14">
        <v>83</v>
      </c>
      <c r="B106" s="15">
        <v>33</v>
      </c>
      <c r="C106" s="16">
        <v>48</v>
      </c>
      <c r="D106" s="17">
        <v>81</v>
      </c>
    </row>
    <row r="107" spans="1:4" ht="18" customHeight="1" x14ac:dyDescent="0.2">
      <c r="A107" s="14">
        <v>84</v>
      </c>
      <c r="B107" s="15">
        <v>23</v>
      </c>
      <c r="C107" s="16">
        <v>52</v>
      </c>
      <c r="D107" s="17">
        <v>75</v>
      </c>
    </row>
    <row r="108" spans="1:4" ht="18" customHeight="1" x14ac:dyDescent="0.2">
      <c r="A108" s="18" t="s">
        <v>84</v>
      </c>
      <c r="B108" s="15">
        <v>182</v>
      </c>
      <c r="C108" s="16">
        <v>271</v>
      </c>
      <c r="D108" s="17">
        <v>453</v>
      </c>
    </row>
    <row r="109" spans="1:4" ht="18" customHeight="1" x14ac:dyDescent="0.2">
      <c r="A109" s="14">
        <v>85</v>
      </c>
      <c r="B109" s="15">
        <v>15</v>
      </c>
      <c r="C109" s="16">
        <v>37</v>
      </c>
      <c r="D109" s="17">
        <v>52</v>
      </c>
    </row>
    <row r="110" spans="1:4" ht="18" customHeight="1" x14ac:dyDescent="0.2">
      <c r="A110" s="14">
        <v>86</v>
      </c>
      <c r="B110" s="15">
        <v>17</v>
      </c>
      <c r="C110" s="16">
        <v>41</v>
      </c>
      <c r="D110" s="17">
        <v>58</v>
      </c>
    </row>
    <row r="111" spans="1:4" ht="18" customHeight="1" x14ac:dyDescent="0.2">
      <c r="A111" s="14">
        <v>87</v>
      </c>
      <c r="B111" s="15">
        <v>19</v>
      </c>
      <c r="C111" s="16">
        <v>35</v>
      </c>
      <c r="D111" s="17">
        <v>54</v>
      </c>
    </row>
    <row r="112" spans="1:4" ht="18" customHeight="1" x14ac:dyDescent="0.2">
      <c r="A112" s="14">
        <v>88</v>
      </c>
      <c r="B112" s="15">
        <v>12</v>
      </c>
      <c r="C112" s="16">
        <v>37</v>
      </c>
      <c r="D112" s="17">
        <v>49</v>
      </c>
    </row>
    <row r="113" spans="1:4" ht="18" customHeight="1" x14ac:dyDescent="0.2">
      <c r="A113" s="14">
        <v>89</v>
      </c>
      <c r="B113" s="15">
        <v>11</v>
      </c>
      <c r="C113" s="16">
        <v>29</v>
      </c>
      <c r="D113" s="17">
        <v>40</v>
      </c>
    </row>
    <row r="114" spans="1:4" ht="18" customHeight="1" x14ac:dyDescent="0.2">
      <c r="A114" s="18" t="s">
        <v>85</v>
      </c>
      <c r="B114" s="15">
        <v>74</v>
      </c>
      <c r="C114" s="16">
        <v>179</v>
      </c>
      <c r="D114" s="17">
        <v>253</v>
      </c>
    </row>
    <row r="115" spans="1:4" ht="18" customHeight="1" x14ac:dyDescent="0.2">
      <c r="A115" s="14">
        <v>90</v>
      </c>
      <c r="B115" s="15">
        <v>9</v>
      </c>
      <c r="C115" s="16">
        <v>18</v>
      </c>
      <c r="D115" s="17">
        <v>27</v>
      </c>
    </row>
    <row r="116" spans="1:4" ht="18" customHeight="1" x14ac:dyDescent="0.2">
      <c r="A116" s="14">
        <v>91</v>
      </c>
      <c r="B116" s="15">
        <v>4</v>
      </c>
      <c r="C116" s="16">
        <v>7</v>
      </c>
      <c r="D116" s="17">
        <v>11</v>
      </c>
    </row>
    <row r="117" spans="1:4" ht="18" customHeight="1" x14ac:dyDescent="0.2">
      <c r="A117" s="14">
        <v>92</v>
      </c>
      <c r="B117" s="15">
        <v>8</v>
      </c>
      <c r="C117" s="16">
        <v>16</v>
      </c>
      <c r="D117" s="17">
        <v>24</v>
      </c>
    </row>
    <row r="118" spans="1:4" ht="18" customHeight="1" x14ac:dyDescent="0.2">
      <c r="A118" s="14">
        <v>93</v>
      </c>
      <c r="B118" s="15">
        <v>1</v>
      </c>
      <c r="C118" s="16">
        <v>15</v>
      </c>
      <c r="D118" s="17">
        <v>16</v>
      </c>
    </row>
    <row r="119" spans="1:4" ht="18" customHeight="1" x14ac:dyDescent="0.2">
      <c r="A119" s="14">
        <v>94</v>
      </c>
      <c r="B119" s="15">
        <v>3</v>
      </c>
      <c r="C119" s="16">
        <v>7</v>
      </c>
      <c r="D119" s="17">
        <v>10</v>
      </c>
    </row>
    <row r="120" spans="1:4" ht="18" customHeight="1" x14ac:dyDescent="0.2">
      <c r="A120" s="18" t="s">
        <v>86</v>
      </c>
      <c r="B120" s="15">
        <v>25</v>
      </c>
      <c r="C120" s="16">
        <v>63</v>
      </c>
      <c r="D120" s="17">
        <v>88</v>
      </c>
    </row>
    <row r="121" spans="1:4" ht="18" customHeight="1" x14ac:dyDescent="0.2">
      <c r="A121" s="14">
        <v>95</v>
      </c>
      <c r="B121" s="15">
        <v>4</v>
      </c>
      <c r="C121" s="16">
        <v>12</v>
      </c>
      <c r="D121" s="17">
        <v>16</v>
      </c>
    </row>
    <row r="122" spans="1:4" ht="18" customHeight="1" x14ac:dyDescent="0.2">
      <c r="A122" s="14">
        <v>96</v>
      </c>
      <c r="B122" s="15">
        <v>0</v>
      </c>
      <c r="C122" s="16">
        <v>9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9</v>
      </c>
      <c r="D123" s="17">
        <v>10</v>
      </c>
    </row>
    <row r="124" spans="1:4" ht="18" customHeight="1" x14ac:dyDescent="0.2">
      <c r="A124" s="14">
        <v>98</v>
      </c>
      <c r="B124" s="15">
        <v>0</v>
      </c>
      <c r="C124" s="16">
        <v>8</v>
      </c>
      <c r="D124" s="17">
        <v>8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5</v>
      </c>
      <c r="C126" s="16">
        <v>40</v>
      </c>
      <c r="D126" s="17">
        <v>45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90</v>
      </c>
      <c r="B130" s="4">
        <v>1361</v>
      </c>
      <c r="C130" s="5">
        <v>1854</v>
      </c>
      <c r="D130" s="6">
        <v>3215</v>
      </c>
    </row>
    <row r="131" spans="1:4" ht="18" customHeight="1" x14ac:dyDescent="0.2">
      <c r="A131" s="20" t="s">
        <v>65</v>
      </c>
      <c r="B131" s="7">
        <v>6266</v>
      </c>
      <c r="C131" s="8">
        <v>6704</v>
      </c>
      <c r="D131" s="9">
        <v>1297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1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1</v>
      </c>
      <c r="C5" s="12">
        <v>8</v>
      </c>
      <c r="D5" s="13">
        <v>19</v>
      </c>
    </row>
    <row r="6" spans="1:4" ht="18" customHeight="1" x14ac:dyDescent="0.2">
      <c r="A6" s="14">
        <v>1</v>
      </c>
      <c r="B6" s="15">
        <v>13</v>
      </c>
      <c r="C6" s="16">
        <v>13</v>
      </c>
      <c r="D6" s="17">
        <v>26</v>
      </c>
    </row>
    <row r="7" spans="1:4" ht="18" customHeight="1" x14ac:dyDescent="0.2">
      <c r="A7" s="14">
        <v>2</v>
      </c>
      <c r="B7" s="15">
        <v>13</v>
      </c>
      <c r="C7" s="16">
        <v>13</v>
      </c>
      <c r="D7" s="17">
        <v>26</v>
      </c>
    </row>
    <row r="8" spans="1:4" ht="18" customHeight="1" x14ac:dyDescent="0.2">
      <c r="A8" s="14">
        <v>3</v>
      </c>
      <c r="B8" s="15">
        <v>13</v>
      </c>
      <c r="C8" s="16">
        <v>13</v>
      </c>
      <c r="D8" s="17">
        <v>26</v>
      </c>
    </row>
    <row r="9" spans="1:4" ht="18" customHeight="1" x14ac:dyDescent="0.2">
      <c r="A9" s="14">
        <v>4</v>
      </c>
      <c r="B9" s="15">
        <v>10</v>
      </c>
      <c r="C9" s="16">
        <v>13</v>
      </c>
      <c r="D9" s="17">
        <v>23</v>
      </c>
    </row>
    <row r="10" spans="1:4" ht="18" customHeight="1" x14ac:dyDescent="0.2">
      <c r="A10" s="18" t="s">
        <v>92</v>
      </c>
      <c r="B10" s="15">
        <v>60</v>
      </c>
      <c r="C10" s="16">
        <v>60</v>
      </c>
      <c r="D10" s="17">
        <v>120</v>
      </c>
    </row>
    <row r="11" spans="1:4" ht="18" customHeight="1" x14ac:dyDescent="0.2">
      <c r="A11" s="14">
        <v>5</v>
      </c>
      <c r="B11" s="15">
        <v>11</v>
      </c>
      <c r="C11" s="16">
        <v>15</v>
      </c>
      <c r="D11" s="17">
        <v>26</v>
      </c>
    </row>
    <row r="12" spans="1:4" ht="18" customHeight="1" x14ac:dyDescent="0.2">
      <c r="A12" s="14">
        <v>6</v>
      </c>
      <c r="B12" s="15">
        <v>12</v>
      </c>
      <c r="C12" s="16">
        <v>7</v>
      </c>
      <c r="D12" s="17">
        <v>19</v>
      </c>
    </row>
    <row r="13" spans="1:4" ht="18" customHeight="1" x14ac:dyDescent="0.2">
      <c r="A13" s="14">
        <v>7</v>
      </c>
      <c r="B13" s="15">
        <v>9</v>
      </c>
      <c r="C13" s="16">
        <v>10</v>
      </c>
      <c r="D13" s="17">
        <v>19</v>
      </c>
    </row>
    <row r="14" spans="1:4" ht="18" customHeight="1" x14ac:dyDescent="0.2">
      <c r="A14" s="14">
        <v>8</v>
      </c>
      <c r="B14" s="15">
        <v>13</v>
      </c>
      <c r="C14" s="16">
        <v>13</v>
      </c>
      <c r="D14" s="17">
        <v>26</v>
      </c>
    </row>
    <row r="15" spans="1:4" ht="18" customHeight="1" x14ac:dyDescent="0.2">
      <c r="A15" s="14">
        <v>9</v>
      </c>
      <c r="B15" s="15">
        <v>15</v>
      </c>
      <c r="C15" s="16">
        <v>13</v>
      </c>
      <c r="D15" s="17">
        <v>28</v>
      </c>
    </row>
    <row r="16" spans="1:4" ht="18" customHeight="1" x14ac:dyDescent="0.2">
      <c r="A16" s="18" t="s">
        <v>93</v>
      </c>
      <c r="B16" s="15">
        <v>60</v>
      </c>
      <c r="C16" s="16">
        <v>58</v>
      </c>
      <c r="D16" s="17">
        <v>118</v>
      </c>
    </row>
    <row r="17" spans="1:4" ht="18" customHeight="1" x14ac:dyDescent="0.2">
      <c r="A17" s="14">
        <v>10</v>
      </c>
      <c r="B17" s="15">
        <v>9</v>
      </c>
      <c r="C17" s="16">
        <v>11</v>
      </c>
      <c r="D17" s="17">
        <v>20</v>
      </c>
    </row>
    <row r="18" spans="1:4" ht="18" customHeight="1" x14ac:dyDescent="0.2">
      <c r="A18" s="14">
        <v>11</v>
      </c>
      <c r="B18" s="15">
        <v>11</v>
      </c>
      <c r="C18" s="16">
        <v>7</v>
      </c>
      <c r="D18" s="17">
        <v>18</v>
      </c>
    </row>
    <row r="19" spans="1:4" ht="18" customHeight="1" x14ac:dyDescent="0.2">
      <c r="A19" s="14">
        <v>12</v>
      </c>
      <c r="B19" s="15">
        <v>14</v>
      </c>
      <c r="C19" s="16">
        <v>15</v>
      </c>
      <c r="D19" s="17">
        <v>29</v>
      </c>
    </row>
    <row r="20" spans="1:4" ht="18" customHeight="1" x14ac:dyDescent="0.2">
      <c r="A20" s="14">
        <v>13</v>
      </c>
      <c r="B20" s="15">
        <v>18</v>
      </c>
      <c r="C20" s="16">
        <v>17</v>
      </c>
      <c r="D20" s="17">
        <v>35</v>
      </c>
    </row>
    <row r="21" spans="1:4" ht="18" customHeight="1" x14ac:dyDescent="0.2">
      <c r="A21" s="14">
        <v>14</v>
      </c>
      <c r="B21" s="15">
        <v>12</v>
      </c>
      <c r="C21" s="16">
        <v>6</v>
      </c>
      <c r="D21" s="17">
        <v>18</v>
      </c>
    </row>
    <row r="22" spans="1:4" ht="18" customHeight="1" x14ac:dyDescent="0.2">
      <c r="A22" s="18" t="s">
        <v>94</v>
      </c>
      <c r="B22" s="15">
        <v>64</v>
      </c>
      <c r="C22" s="16">
        <v>56</v>
      </c>
      <c r="D22" s="17">
        <v>120</v>
      </c>
    </row>
    <row r="23" spans="1:4" ht="18" customHeight="1" x14ac:dyDescent="0.2">
      <c r="A23" s="18" t="s">
        <v>95</v>
      </c>
      <c r="B23" s="15">
        <v>184</v>
      </c>
      <c r="C23" s="16">
        <v>174</v>
      </c>
      <c r="D23" s="17">
        <v>358</v>
      </c>
    </row>
    <row r="24" spans="1:4" ht="18" customHeight="1" x14ac:dyDescent="0.2">
      <c r="A24" s="14">
        <v>15</v>
      </c>
      <c r="B24" s="15">
        <v>16</v>
      </c>
      <c r="C24" s="16">
        <v>10</v>
      </c>
      <c r="D24" s="17">
        <v>26</v>
      </c>
    </row>
    <row r="25" spans="1:4" ht="18" customHeight="1" x14ac:dyDescent="0.2">
      <c r="A25" s="14">
        <v>16</v>
      </c>
      <c r="B25" s="15">
        <v>13</v>
      </c>
      <c r="C25" s="16">
        <v>13</v>
      </c>
      <c r="D25" s="17">
        <v>26</v>
      </c>
    </row>
    <row r="26" spans="1:4" ht="18" customHeight="1" x14ac:dyDescent="0.2">
      <c r="A26" s="14">
        <v>17</v>
      </c>
      <c r="B26" s="15">
        <v>8</v>
      </c>
      <c r="C26" s="16">
        <v>11</v>
      </c>
      <c r="D26" s="17">
        <v>19</v>
      </c>
    </row>
    <row r="27" spans="1:4" ht="18" customHeight="1" x14ac:dyDescent="0.2">
      <c r="A27" s="14">
        <v>18</v>
      </c>
      <c r="B27" s="15">
        <v>15</v>
      </c>
      <c r="C27" s="16">
        <v>9</v>
      </c>
      <c r="D27" s="17">
        <v>24</v>
      </c>
    </row>
    <row r="28" spans="1:4" ht="18" customHeight="1" x14ac:dyDescent="0.2">
      <c r="A28" s="14">
        <v>19</v>
      </c>
      <c r="B28" s="15">
        <v>6</v>
      </c>
      <c r="C28" s="16">
        <v>10</v>
      </c>
      <c r="D28" s="17">
        <v>16</v>
      </c>
    </row>
    <row r="29" spans="1:4" ht="18" customHeight="1" x14ac:dyDescent="0.2">
      <c r="A29" s="18" t="s">
        <v>96</v>
      </c>
      <c r="B29" s="15">
        <v>58</v>
      </c>
      <c r="C29" s="16">
        <v>53</v>
      </c>
      <c r="D29" s="17">
        <v>111</v>
      </c>
    </row>
    <row r="30" spans="1:4" ht="18" customHeight="1" x14ac:dyDescent="0.2">
      <c r="A30" s="14">
        <v>20</v>
      </c>
      <c r="B30" s="15">
        <v>10</v>
      </c>
      <c r="C30" s="16">
        <v>10</v>
      </c>
      <c r="D30" s="17">
        <v>20</v>
      </c>
    </row>
    <row r="31" spans="1:4" ht="18" customHeight="1" x14ac:dyDescent="0.2">
      <c r="A31" s="14">
        <v>21</v>
      </c>
      <c r="B31" s="15">
        <v>14</v>
      </c>
      <c r="C31" s="16">
        <v>12</v>
      </c>
      <c r="D31" s="17">
        <v>26</v>
      </c>
    </row>
    <row r="32" spans="1:4" ht="18" customHeight="1" x14ac:dyDescent="0.2">
      <c r="A32" s="14">
        <v>22</v>
      </c>
      <c r="B32" s="15">
        <v>22</v>
      </c>
      <c r="C32" s="16">
        <v>12</v>
      </c>
      <c r="D32" s="17">
        <v>34</v>
      </c>
    </row>
    <row r="33" spans="1:4" ht="18" customHeight="1" x14ac:dyDescent="0.2">
      <c r="A33" s="14">
        <v>23</v>
      </c>
      <c r="B33" s="15">
        <v>22</v>
      </c>
      <c r="C33" s="16">
        <v>19</v>
      </c>
      <c r="D33" s="17">
        <v>41</v>
      </c>
    </row>
    <row r="34" spans="1:4" ht="18" customHeight="1" x14ac:dyDescent="0.2">
      <c r="A34" s="14">
        <v>24</v>
      </c>
      <c r="B34" s="15">
        <v>19</v>
      </c>
      <c r="C34" s="16">
        <v>15</v>
      </c>
      <c r="D34" s="17">
        <v>34</v>
      </c>
    </row>
    <row r="35" spans="1:4" ht="18" customHeight="1" x14ac:dyDescent="0.2">
      <c r="A35" s="18" t="s">
        <v>97</v>
      </c>
      <c r="B35" s="15">
        <v>87</v>
      </c>
      <c r="C35" s="16">
        <v>68</v>
      </c>
      <c r="D35" s="17">
        <v>155</v>
      </c>
    </row>
    <row r="36" spans="1:4" ht="18" customHeight="1" x14ac:dyDescent="0.2">
      <c r="A36" s="14">
        <v>25</v>
      </c>
      <c r="B36" s="15">
        <v>17</v>
      </c>
      <c r="C36" s="16">
        <v>15</v>
      </c>
      <c r="D36" s="17">
        <v>32</v>
      </c>
    </row>
    <row r="37" spans="1:4" ht="18" customHeight="1" x14ac:dyDescent="0.2">
      <c r="A37" s="14">
        <v>26</v>
      </c>
      <c r="B37" s="15">
        <v>17</v>
      </c>
      <c r="C37" s="16">
        <v>24</v>
      </c>
      <c r="D37" s="17">
        <v>41</v>
      </c>
    </row>
    <row r="38" spans="1:4" ht="18" customHeight="1" x14ac:dyDescent="0.2">
      <c r="A38" s="14">
        <v>27</v>
      </c>
      <c r="B38" s="15">
        <v>18</v>
      </c>
      <c r="C38" s="16">
        <v>10</v>
      </c>
      <c r="D38" s="17">
        <v>28</v>
      </c>
    </row>
    <row r="39" spans="1:4" ht="18" customHeight="1" x14ac:dyDescent="0.2">
      <c r="A39" s="14">
        <v>28</v>
      </c>
      <c r="B39" s="15">
        <v>16</v>
      </c>
      <c r="C39" s="16">
        <v>10</v>
      </c>
      <c r="D39" s="17">
        <v>26</v>
      </c>
    </row>
    <row r="40" spans="1:4" ht="18" customHeight="1" x14ac:dyDescent="0.2">
      <c r="A40" s="14">
        <v>29</v>
      </c>
      <c r="B40" s="15">
        <v>18</v>
      </c>
      <c r="C40" s="16">
        <v>9</v>
      </c>
      <c r="D40" s="17">
        <v>27</v>
      </c>
    </row>
    <row r="41" spans="1:4" ht="18" customHeight="1" x14ac:dyDescent="0.2">
      <c r="A41" s="18" t="s">
        <v>98</v>
      </c>
      <c r="B41" s="15">
        <v>86</v>
      </c>
      <c r="C41" s="16">
        <v>68</v>
      </c>
      <c r="D41" s="17">
        <v>154</v>
      </c>
    </row>
    <row r="42" spans="1:4" ht="18" customHeight="1" x14ac:dyDescent="0.2">
      <c r="A42" s="14">
        <v>30</v>
      </c>
      <c r="B42" s="15">
        <v>17</v>
      </c>
      <c r="C42" s="16">
        <v>9</v>
      </c>
      <c r="D42" s="17">
        <v>26</v>
      </c>
    </row>
    <row r="43" spans="1:4" ht="18" customHeight="1" x14ac:dyDescent="0.2">
      <c r="A43" s="14">
        <v>31</v>
      </c>
      <c r="B43" s="15">
        <v>17</v>
      </c>
      <c r="C43" s="16">
        <v>15</v>
      </c>
      <c r="D43" s="17">
        <v>32</v>
      </c>
    </row>
    <row r="44" spans="1:4" ht="18" customHeight="1" x14ac:dyDescent="0.2">
      <c r="A44" s="14">
        <v>32</v>
      </c>
      <c r="B44" s="15">
        <v>11</v>
      </c>
      <c r="C44" s="16">
        <v>22</v>
      </c>
      <c r="D44" s="17">
        <v>33</v>
      </c>
    </row>
    <row r="45" spans="1:4" ht="18" customHeight="1" x14ac:dyDescent="0.2">
      <c r="A45" s="14">
        <v>33</v>
      </c>
      <c r="B45" s="15">
        <v>25</v>
      </c>
      <c r="C45" s="16">
        <v>20</v>
      </c>
      <c r="D45" s="17">
        <v>45</v>
      </c>
    </row>
    <row r="46" spans="1:4" ht="18" customHeight="1" x14ac:dyDescent="0.2">
      <c r="A46" s="14">
        <v>34</v>
      </c>
      <c r="B46" s="15">
        <v>16</v>
      </c>
      <c r="C46" s="16">
        <v>11</v>
      </c>
      <c r="D46" s="17">
        <v>27</v>
      </c>
    </row>
    <row r="47" spans="1:4" ht="18" customHeight="1" x14ac:dyDescent="0.2">
      <c r="A47" s="18" t="s">
        <v>99</v>
      </c>
      <c r="B47" s="15">
        <v>86</v>
      </c>
      <c r="C47" s="16">
        <v>77</v>
      </c>
      <c r="D47" s="17">
        <v>163</v>
      </c>
    </row>
    <row r="48" spans="1:4" ht="18" customHeight="1" x14ac:dyDescent="0.2">
      <c r="A48" s="14">
        <v>35</v>
      </c>
      <c r="B48" s="15">
        <v>21</v>
      </c>
      <c r="C48" s="16">
        <v>27</v>
      </c>
      <c r="D48" s="17">
        <v>48</v>
      </c>
    </row>
    <row r="49" spans="1:4" ht="18" customHeight="1" x14ac:dyDescent="0.2">
      <c r="A49" s="14">
        <v>36</v>
      </c>
      <c r="B49" s="15">
        <v>22</v>
      </c>
      <c r="C49" s="16">
        <v>19</v>
      </c>
      <c r="D49" s="17">
        <v>41</v>
      </c>
    </row>
    <row r="50" spans="1:4" ht="18" customHeight="1" x14ac:dyDescent="0.2">
      <c r="A50" s="14">
        <v>37</v>
      </c>
      <c r="B50" s="15">
        <v>32</v>
      </c>
      <c r="C50" s="16">
        <v>20</v>
      </c>
      <c r="D50" s="17">
        <v>52</v>
      </c>
    </row>
    <row r="51" spans="1:4" ht="18" customHeight="1" x14ac:dyDescent="0.2">
      <c r="A51" s="14">
        <v>38</v>
      </c>
      <c r="B51" s="15">
        <v>21</v>
      </c>
      <c r="C51" s="16">
        <v>21</v>
      </c>
      <c r="D51" s="17">
        <v>42</v>
      </c>
    </row>
    <row r="52" spans="1:4" ht="18" customHeight="1" x14ac:dyDescent="0.2">
      <c r="A52" s="14">
        <v>39</v>
      </c>
      <c r="B52" s="15">
        <v>20</v>
      </c>
      <c r="C52" s="16">
        <v>16</v>
      </c>
      <c r="D52" s="17">
        <v>36</v>
      </c>
    </row>
    <row r="53" spans="1:4" ht="18" customHeight="1" x14ac:dyDescent="0.2">
      <c r="A53" s="18" t="s">
        <v>100</v>
      </c>
      <c r="B53" s="15">
        <v>116</v>
      </c>
      <c r="C53" s="16">
        <v>103</v>
      </c>
      <c r="D53" s="17">
        <v>219</v>
      </c>
    </row>
    <row r="54" spans="1:4" ht="18" customHeight="1" x14ac:dyDescent="0.2">
      <c r="A54" s="14">
        <v>40</v>
      </c>
      <c r="B54" s="15">
        <v>19</v>
      </c>
      <c r="C54" s="16">
        <v>26</v>
      </c>
      <c r="D54" s="17">
        <v>45</v>
      </c>
    </row>
    <row r="55" spans="1:4" ht="18" customHeight="1" x14ac:dyDescent="0.2">
      <c r="A55" s="14">
        <v>41</v>
      </c>
      <c r="B55" s="15">
        <v>23</v>
      </c>
      <c r="C55" s="16">
        <v>23</v>
      </c>
      <c r="D55" s="17">
        <v>46</v>
      </c>
    </row>
    <row r="56" spans="1:4" ht="18" customHeight="1" x14ac:dyDescent="0.2">
      <c r="A56" s="14">
        <v>42</v>
      </c>
      <c r="B56" s="15">
        <v>21</v>
      </c>
      <c r="C56" s="16">
        <v>18</v>
      </c>
      <c r="D56" s="17">
        <v>39</v>
      </c>
    </row>
    <row r="57" spans="1:4" ht="18" customHeight="1" x14ac:dyDescent="0.2">
      <c r="A57" s="14">
        <v>43</v>
      </c>
      <c r="B57" s="15">
        <v>20</v>
      </c>
      <c r="C57" s="16">
        <v>22</v>
      </c>
      <c r="D57" s="17">
        <v>42</v>
      </c>
    </row>
    <row r="58" spans="1:4" ht="18" customHeight="1" x14ac:dyDescent="0.2">
      <c r="A58" s="14">
        <v>44</v>
      </c>
      <c r="B58" s="15">
        <v>18</v>
      </c>
      <c r="C58" s="16">
        <v>25</v>
      </c>
      <c r="D58" s="17">
        <v>43</v>
      </c>
    </row>
    <row r="59" spans="1:4" ht="18" customHeight="1" x14ac:dyDescent="0.2">
      <c r="A59" s="18" t="s">
        <v>101</v>
      </c>
      <c r="B59" s="15">
        <v>101</v>
      </c>
      <c r="C59" s="16">
        <v>114</v>
      </c>
      <c r="D59" s="17">
        <v>215</v>
      </c>
    </row>
    <row r="60" spans="1:4" ht="18" customHeight="1" x14ac:dyDescent="0.2">
      <c r="A60" s="14">
        <v>45</v>
      </c>
      <c r="B60" s="15">
        <v>20</v>
      </c>
      <c r="C60" s="16">
        <v>24</v>
      </c>
      <c r="D60" s="17">
        <v>44</v>
      </c>
    </row>
    <row r="61" spans="1:4" ht="18" customHeight="1" x14ac:dyDescent="0.2">
      <c r="A61" s="14">
        <v>46</v>
      </c>
      <c r="B61" s="15">
        <v>16</v>
      </c>
      <c r="C61" s="16">
        <v>25</v>
      </c>
      <c r="D61" s="17">
        <v>41</v>
      </c>
    </row>
    <row r="62" spans="1:4" ht="18" customHeight="1" x14ac:dyDescent="0.2">
      <c r="A62" s="14">
        <v>47</v>
      </c>
      <c r="B62" s="15">
        <v>12</v>
      </c>
      <c r="C62" s="16">
        <v>12</v>
      </c>
      <c r="D62" s="17">
        <v>24</v>
      </c>
    </row>
    <row r="63" spans="1:4" ht="18" customHeight="1" x14ac:dyDescent="0.2">
      <c r="A63" s="14">
        <v>48</v>
      </c>
      <c r="B63" s="15">
        <v>20</v>
      </c>
      <c r="C63" s="16">
        <v>17</v>
      </c>
      <c r="D63" s="17">
        <v>37</v>
      </c>
    </row>
    <row r="64" spans="1:4" ht="18" customHeight="1" x14ac:dyDescent="0.2">
      <c r="A64" s="14">
        <v>49</v>
      </c>
      <c r="B64" s="15">
        <v>17</v>
      </c>
      <c r="C64" s="16">
        <v>17</v>
      </c>
      <c r="D64" s="17">
        <v>34</v>
      </c>
    </row>
    <row r="65" spans="1:4" ht="18" customHeight="1" x14ac:dyDescent="0.2">
      <c r="A65" s="18" t="s">
        <v>102</v>
      </c>
      <c r="B65" s="15">
        <v>85</v>
      </c>
      <c r="C65" s="16">
        <v>95</v>
      </c>
      <c r="D65" s="17">
        <v>180</v>
      </c>
    </row>
    <row r="66" spans="1:4" ht="18" customHeight="1" x14ac:dyDescent="0.2">
      <c r="A66" s="14">
        <v>50</v>
      </c>
      <c r="B66" s="15">
        <v>9</v>
      </c>
      <c r="C66" s="16">
        <v>21</v>
      </c>
      <c r="D66" s="17">
        <v>30</v>
      </c>
    </row>
    <row r="67" spans="1:4" ht="18" customHeight="1" x14ac:dyDescent="0.2">
      <c r="A67" s="14">
        <v>51</v>
      </c>
      <c r="B67" s="15">
        <v>16</v>
      </c>
      <c r="C67" s="16">
        <v>19</v>
      </c>
      <c r="D67" s="17">
        <v>35</v>
      </c>
    </row>
    <row r="68" spans="1:4" ht="18" customHeight="1" x14ac:dyDescent="0.2">
      <c r="A68" s="14">
        <v>52</v>
      </c>
      <c r="B68" s="15">
        <v>25</v>
      </c>
      <c r="C68" s="16">
        <v>14</v>
      </c>
      <c r="D68" s="17">
        <v>39</v>
      </c>
    </row>
    <row r="69" spans="1:4" ht="18" customHeight="1" x14ac:dyDescent="0.2">
      <c r="A69" s="14">
        <v>53</v>
      </c>
      <c r="B69" s="15">
        <v>17</v>
      </c>
      <c r="C69" s="16">
        <v>17</v>
      </c>
      <c r="D69" s="17">
        <v>34</v>
      </c>
    </row>
    <row r="70" spans="1:4" ht="18" customHeight="1" x14ac:dyDescent="0.2">
      <c r="A70" s="14">
        <v>54</v>
      </c>
      <c r="B70" s="15">
        <v>19</v>
      </c>
      <c r="C70" s="16">
        <v>26</v>
      </c>
      <c r="D70" s="17">
        <v>45</v>
      </c>
    </row>
    <row r="71" spans="1:4" ht="18" customHeight="1" x14ac:dyDescent="0.2">
      <c r="A71" s="18" t="s">
        <v>103</v>
      </c>
      <c r="B71" s="15">
        <v>86</v>
      </c>
      <c r="C71" s="16">
        <v>97</v>
      </c>
      <c r="D71" s="17">
        <v>183</v>
      </c>
    </row>
    <row r="72" spans="1:4" ht="18" customHeight="1" x14ac:dyDescent="0.2">
      <c r="A72" s="14">
        <v>55</v>
      </c>
      <c r="B72" s="15">
        <v>22</v>
      </c>
      <c r="C72" s="16">
        <v>21</v>
      </c>
      <c r="D72" s="17">
        <v>43</v>
      </c>
    </row>
    <row r="73" spans="1:4" ht="18" customHeight="1" x14ac:dyDescent="0.2">
      <c r="A73" s="14">
        <v>56</v>
      </c>
      <c r="B73" s="15">
        <v>25</v>
      </c>
      <c r="C73" s="16">
        <v>33</v>
      </c>
      <c r="D73" s="17">
        <v>58</v>
      </c>
    </row>
    <row r="74" spans="1:4" ht="18" customHeight="1" x14ac:dyDescent="0.2">
      <c r="A74" s="14">
        <v>57</v>
      </c>
      <c r="B74" s="15">
        <v>22</v>
      </c>
      <c r="C74" s="16">
        <v>30</v>
      </c>
      <c r="D74" s="17">
        <v>52</v>
      </c>
    </row>
    <row r="75" spans="1:4" ht="18" customHeight="1" x14ac:dyDescent="0.2">
      <c r="A75" s="14">
        <v>58</v>
      </c>
      <c r="B75" s="15">
        <v>19</v>
      </c>
      <c r="C75" s="16">
        <v>28</v>
      </c>
      <c r="D75" s="17">
        <v>47</v>
      </c>
    </row>
    <row r="76" spans="1:4" ht="18" customHeight="1" x14ac:dyDescent="0.2">
      <c r="A76" s="14">
        <v>59</v>
      </c>
      <c r="B76" s="15">
        <v>27</v>
      </c>
      <c r="C76" s="16">
        <v>26</v>
      </c>
      <c r="D76" s="17">
        <v>53</v>
      </c>
    </row>
    <row r="77" spans="1:4" ht="18" customHeight="1" x14ac:dyDescent="0.2">
      <c r="A77" s="18" t="s">
        <v>104</v>
      </c>
      <c r="B77" s="15">
        <v>115</v>
      </c>
      <c r="C77" s="16">
        <v>138</v>
      </c>
      <c r="D77" s="17">
        <v>253</v>
      </c>
    </row>
    <row r="78" spans="1:4" ht="18" customHeight="1" x14ac:dyDescent="0.2">
      <c r="A78" s="14">
        <v>60</v>
      </c>
      <c r="B78" s="15">
        <v>36</v>
      </c>
      <c r="C78" s="16">
        <v>36</v>
      </c>
      <c r="D78" s="17">
        <v>72</v>
      </c>
    </row>
    <row r="79" spans="1:4" ht="18" customHeight="1" x14ac:dyDescent="0.2">
      <c r="A79" s="14">
        <v>61</v>
      </c>
      <c r="B79" s="15">
        <v>20</v>
      </c>
      <c r="C79" s="16">
        <v>35</v>
      </c>
      <c r="D79" s="17">
        <v>55</v>
      </c>
    </row>
    <row r="80" spans="1:4" ht="18" customHeight="1" x14ac:dyDescent="0.2">
      <c r="A80" s="14">
        <v>62</v>
      </c>
      <c r="B80" s="15">
        <v>24</v>
      </c>
      <c r="C80" s="16">
        <v>27</v>
      </c>
      <c r="D80" s="17">
        <v>51</v>
      </c>
    </row>
    <row r="81" spans="1:4" ht="18" customHeight="1" x14ac:dyDescent="0.2">
      <c r="A81" s="14">
        <v>63</v>
      </c>
      <c r="B81" s="15">
        <v>17</v>
      </c>
      <c r="C81" s="16">
        <v>11</v>
      </c>
      <c r="D81" s="17">
        <v>28</v>
      </c>
    </row>
    <row r="82" spans="1:4" ht="18" customHeight="1" x14ac:dyDescent="0.2">
      <c r="A82" s="14">
        <v>64</v>
      </c>
      <c r="B82" s="15">
        <v>22</v>
      </c>
      <c r="C82" s="16">
        <v>15</v>
      </c>
      <c r="D82" s="17">
        <v>37</v>
      </c>
    </row>
    <row r="83" spans="1:4" ht="18" customHeight="1" x14ac:dyDescent="0.2">
      <c r="A83" s="18" t="s">
        <v>105</v>
      </c>
      <c r="B83" s="15">
        <v>119</v>
      </c>
      <c r="C83" s="16">
        <v>124</v>
      </c>
      <c r="D83" s="17">
        <v>243</v>
      </c>
    </row>
    <row r="84" spans="1:4" ht="18" customHeight="1" x14ac:dyDescent="0.2">
      <c r="A84" s="18" t="s">
        <v>106</v>
      </c>
      <c r="B84" s="15">
        <v>939</v>
      </c>
      <c r="C84" s="16">
        <v>937</v>
      </c>
      <c r="D84" s="17">
        <v>1876</v>
      </c>
    </row>
    <row r="85" spans="1:4" ht="18" customHeight="1" x14ac:dyDescent="0.2">
      <c r="A85" s="14">
        <v>65</v>
      </c>
      <c r="B85" s="15">
        <v>23</v>
      </c>
      <c r="C85" s="16">
        <v>23</v>
      </c>
      <c r="D85" s="17">
        <v>46</v>
      </c>
    </row>
    <row r="86" spans="1:4" ht="18" customHeight="1" x14ac:dyDescent="0.2">
      <c r="A86" s="14">
        <v>66</v>
      </c>
      <c r="B86" s="15">
        <v>15</v>
      </c>
      <c r="C86" s="16">
        <v>23</v>
      </c>
      <c r="D86" s="17">
        <v>38</v>
      </c>
    </row>
    <row r="87" spans="1:4" ht="18" customHeight="1" x14ac:dyDescent="0.2">
      <c r="A87" s="14">
        <v>67</v>
      </c>
      <c r="B87" s="15">
        <v>16</v>
      </c>
      <c r="C87" s="16">
        <v>13</v>
      </c>
      <c r="D87" s="17">
        <v>29</v>
      </c>
    </row>
    <row r="88" spans="1:4" ht="18" customHeight="1" x14ac:dyDescent="0.2">
      <c r="A88" s="14">
        <v>68</v>
      </c>
      <c r="B88" s="15">
        <v>17</v>
      </c>
      <c r="C88" s="16">
        <v>20</v>
      </c>
      <c r="D88" s="17">
        <v>37</v>
      </c>
    </row>
    <row r="89" spans="1:4" ht="18" customHeight="1" x14ac:dyDescent="0.2">
      <c r="A89" s="14">
        <v>69</v>
      </c>
      <c r="B89" s="15">
        <v>14</v>
      </c>
      <c r="C89" s="16">
        <v>21</v>
      </c>
      <c r="D89" s="17">
        <v>35</v>
      </c>
    </row>
    <row r="90" spans="1:4" ht="18" customHeight="1" x14ac:dyDescent="0.2">
      <c r="A90" s="18" t="s">
        <v>107</v>
      </c>
      <c r="B90" s="15">
        <v>85</v>
      </c>
      <c r="C90" s="16">
        <v>100</v>
      </c>
      <c r="D90" s="17">
        <v>185</v>
      </c>
    </row>
    <row r="91" spans="1:4" ht="18" customHeight="1" x14ac:dyDescent="0.2">
      <c r="A91" s="14">
        <v>70</v>
      </c>
      <c r="B91" s="15">
        <v>9</v>
      </c>
      <c r="C91" s="16">
        <v>15</v>
      </c>
      <c r="D91" s="17">
        <v>24</v>
      </c>
    </row>
    <row r="92" spans="1:4" ht="18" customHeight="1" x14ac:dyDescent="0.2">
      <c r="A92" s="14">
        <v>71</v>
      </c>
      <c r="B92" s="15">
        <v>14</v>
      </c>
      <c r="C92" s="16">
        <v>17</v>
      </c>
      <c r="D92" s="17">
        <v>31</v>
      </c>
    </row>
    <row r="93" spans="1:4" ht="18" customHeight="1" x14ac:dyDescent="0.2">
      <c r="A93" s="14">
        <v>72</v>
      </c>
      <c r="B93" s="15">
        <v>15</v>
      </c>
      <c r="C93" s="16">
        <v>23</v>
      </c>
      <c r="D93" s="17">
        <v>38</v>
      </c>
    </row>
    <row r="94" spans="1:4" ht="18" customHeight="1" x14ac:dyDescent="0.2">
      <c r="A94" s="14">
        <v>73</v>
      </c>
      <c r="B94" s="15">
        <v>22</v>
      </c>
      <c r="C94" s="16">
        <v>24</v>
      </c>
      <c r="D94" s="17">
        <v>46</v>
      </c>
    </row>
    <row r="95" spans="1:4" ht="18" customHeight="1" x14ac:dyDescent="0.2">
      <c r="A95" s="14">
        <v>74</v>
      </c>
      <c r="B95" s="15">
        <v>12</v>
      </c>
      <c r="C95" s="16">
        <v>22</v>
      </c>
      <c r="D95" s="17">
        <v>34</v>
      </c>
    </row>
    <row r="96" spans="1:4" ht="18" customHeight="1" x14ac:dyDescent="0.2">
      <c r="A96" s="18" t="s">
        <v>108</v>
      </c>
      <c r="B96" s="15">
        <v>72</v>
      </c>
      <c r="C96" s="16">
        <v>101</v>
      </c>
      <c r="D96" s="17">
        <v>173</v>
      </c>
    </row>
    <row r="97" spans="1:4" ht="18" customHeight="1" x14ac:dyDescent="0.2">
      <c r="A97" s="14">
        <v>75</v>
      </c>
      <c r="B97" s="15">
        <v>19</v>
      </c>
      <c r="C97" s="16">
        <v>25</v>
      </c>
      <c r="D97" s="17">
        <v>44</v>
      </c>
    </row>
    <row r="98" spans="1:4" ht="18" customHeight="1" x14ac:dyDescent="0.2">
      <c r="A98" s="14">
        <v>76</v>
      </c>
      <c r="B98" s="15">
        <v>15</v>
      </c>
      <c r="C98" s="16">
        <v>25</v>
      </c>
      <c r="D98" s="17">
        <v>40</v>
      </c>
    </row>
    <row r="99" spans="1:4" ht="18" customHeight="1" x14ac:dyDescent="0.2">
      <c r="A99" s="14">
        <v>77</v>
      </c>
      <c r="B99" s="15">
        <v>14</v>
      </c>
      <c r="C99" s="16">
        <v>25</v>
      </c>
      <c r="D99" s="17">
        <v>39</v>
      </c>
    </row>
    <row r="100" spans="1:4" ht="18" customHeight="1" x14ac:dyDescent="0.2">
      <c r="A100" s="14">
        <v>78</v>
      </c>
      <c r="B100" s="15">
        <v>11</v>
      </c>
      <c r="C100" s="16">
        <v>20</v>
      </c>
      <c r="D100" s="17">
        <v>31</v>
      </c>
    </row>
    <row r="101" spans="1:4" ht="18" customHeight="1" x14ac:dyDescent="0.2">
      <c r="A101" s="14">
        <v>79</v>
      </c>
      <c r="B101" s="15">
        <v>15</v>
      </c>
      <c r="C101" s="16">
        <v>22</v>
      </c>
      <c r="D101" s="17">
        <v>37</v>
      </c>
    </row>
    <row r="102" spans="1:4" ht="18" customHeight="1" x14ac:dyDescent="0.2">
      <c r="A102" s="18" t="s">
        <v>109</v>
      </c>
      <c r="B102" s="15">
        <v>74</v>
      </c>
      <c r="C102" s="16">
        <v>117</v>
      </c>
      <c r="D102" s="17">
        <v>191</v>
      </c>
    </row>
    <row r="103" spans="1:4" ht="18" customHeight="1" x14ac:dyDescent="0.2">
      <c r="A103" s="14">
        <v>80</v>
      </c>
      <c r="B103" s="15">
        <v>8</v>
      </c>
      <c r="C103" s="16">
        <v>23</v>
      </c>
      <c r="D103" s="17">
        <v>31</v>
      </c>
    </row>
    <row r="104" spans="1:4" ht="18" customHeight="1" x14ac:dyDescent="0.2">
      <c r="A104" s="14">
        <v>81</v>
      </c>
      <c r="B104" s="15">
        <v>11</v>
      </c>
      <c r="C104" s="16">
        <v>23</v>
      </c>
      <c r="D104" s="17">
        <v>34</v>
      </c>
    </row>
    <row r="105" spans="1:4" ht="18" customHeight="1" x14ac:dyDescent="0.2">
      <c r="A105" s="14">
        <v>82</v>
      </c>
      <c r="B105" s="15">
        <v>9</v>
      </c>
      <c r="C105" s="16">
        <v>28</v>
      </c>
      <c r="D105" s="17">
        <v>37</v>
      </c>
    </row>
    <row r="106" spans="1:4" ht="18" customHeight="1" x14ac:dyDescent="0.2">
      <c r="A106" s="14">
        <v>83</v>
      </c>
      <c r="B106" s="15">
        <v>6</v>
      </c>
      <c r="C106" s="16">
        <v>18</v>
      </c>
      <c r="D106" s="17">
        <v>24</v>
      </c>
    </row>
    <row r="107" spans="1:4" ht="18" customHeight="1" x14ac:dyDescent="0.2">
      <c r="A107" s="14">
        <v>84</v>
      </c>
      <c r="B107" s="15">
        <v>7</v>
      </c>
      <c r="C107" s="16">
        <v>11</v>
      </c>
      <c r="D107" s="17">
        <v>18</v>
      </c>
    </row>
    <row r="108" spans="1:4" ht="18" customHeight="1" x14ac:dyDescent="0.2">
      <c r="A108" s="18" t="s">
        <v>110</v>
      </c>
      <c r="B108" s="15">
        <v>41</v>
      </c>
      <c r="C108" s="16">
        <v>103</v>
      </c>
      <c r="D108" s="17">
        <v>144</v>
      </c>
    </row>
    <row r="109" spans="1:4" ht="18" customHeight="1" x14ac:dyDescent="0.2">
      <c r="A109" s="14">
        <v>85</v>
      </c>
      <c r="B109" s="15">
        <v>6</v>
      </c>
      <c r="C109" s="16">
        <v>15</v>
      </c>
      <c r="D109" s="17">
        <v>21</v>
      </c>
    </row>
    <row r="110" spans="1:4" ht="18" customHeight="1" x14ac:dyDescent="0.2">
      <c r="A110" s="14">
        <v>86</v>
      </c>
      <c r="B110" s="15">
        <v>12</v>
      </c>
      <c r="C110" s="16">
        <v>14</v>
      </c>
      <c r="D110" s="17">
        <v>26</v>
      </c>
    </row>
    <row r="111" spans="1:4" ht="18" customHeight="1" x14ac:dyDescent="0.2">
      <c r="A111" s="14">
        <v>87</v>
      </c>
      <c r="B111" s="15">
        <v>9</v>
      </c>
      <c r="C111" s="16">
        <v>19</v>
      </c>
      <c r="D111" s="17">
        <v>28</v>
      </c>
    </row>
    <row r="112" spans="1:4" ht="18" customHeight="1" x14ac:dyDescent="0.2">
      <c r="A112" s="14">
        <v>88</v>
      </c>
      <c r="B112" s="15">
        <v>2</v>
      </c>
      <c r="C112" s="16">
        <v>17</v>
      </c>
      <c r="D112" s="17">
        <v>19</v>
      </c>
    </row>
    <row r="113" spans="1:4" ht="18" customHeight="1" x14ac:dyDescent="0.2">
      <c r="A113" s="14">
        <v>89</v>
      </c>
      <c r="B113" s="15">
        <v>7</v>
      </c>
      <c r="C113" s="16">
        <v>7</v>
      </c>
      <c r="D113" s="17">
        <v>14</v>
      </c>
    </row>
    <row r="114" spans="1:4" ht="18" customHeight="1" x14ac:dyDescent="0.2">
      <c r="A114" s="18" t="s">
        <v>111</v>
      </c>
      <c r="B114" s="15">
        <v>36</v>
      </c>
      <c r="C114" s="16">
        <v>72</v>
      </c>
      <c r="D114" s="17">
        <v>108</v>
      </c>
    </row>
    <row r="115" spans="1:4" ht="18" customHeight="1" x14ac:dyDescent="0.2">
      <c r="A115" s="14">
        <v>90</v>
      </c>
      <c r="B115" s="15">
        <v>2</v>
      </c>
      <c r="C115" s="16">
        <v>9</v>
      </c>
      <c r="D115" s="17">
        <v>11</v>
      </c>
    </row>
    <row r="116" spans="1:4" ht="18" customHeight="1" x14ac:dyDescent="0.2">
      <c r="A116" s="14">
        <v>91</v>
      </c>
      <c r="B116" s="15">
        <v>0</v>
      </c>
      <c r="C116" s="16">
        <v>6</v>
      </c>
      <c r="D116" s="17">
        <v>6</v>
      </c>
    </row>
    <row r="117" spans="1:4" ht="18" customHeight="1" x14ac:dyDescent="0.2">
      <c r="A117" s="14">
        <v>92</v>
      </c>
      <c r="B117" s="15">
        <v>6</v>
      </c>
      <c r="C117" s="16">
        <v>8</v>
      </c>
      <c r="D117" s="17">
        <v>14</v>
      </c>
    </row>
    <row r="118" spans="1:4" ht="18" customHeight="1" x14ac:dyDescent="0.2">
      <c r="A118" s="14">
        <v>93</v>
      </c>
      <c r="B118" s="15">
        <v>3</v>
      </c>
      <c r="C118" s="16">
        <v>3</v>
      </c>
      <c r="D118" s="17">
        <v>6</v>
      </c>
    </row>
    <row r="119" spans="1:4" ht="18" customHeight="1" x14ac:dyDescent="0.2">
      <c r="A119" s="14">
        <v>94</v>
      </c>
      <c r="B119" s="15">
        <v>2</v>
      </c>
      <c r="C119" s="16">
        <v>2</v>
      </c>
      <c r="D119" s="17">
        <v>4</v>
      </c>
    </row>
    <row r="120" spans="1:4" ht="18" customHeight="1" x14ac:dyDescent="0.2">
      <c r="A120" s="18" t="s">
        <v>112</v>
      </c>
      <c r="B120" s="15">
        <v>13</v>
      </c>
      <c r="C120" s="16">
        <v>28</v>
      </c>
      <c r="D120" s="17">
        <v>41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113</v>
      </c>
      <c r="B126" s="15">
        <v>2</v>
      </c>
      <c r="C126" s="16">
        <v>10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114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115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116</v>
      </c>
      <c r="B130" s="4">
        <v>323</v>
      </c>
      <c r="C130" s="5">
        <v>533</v>
      </c>
      <c r="D130" s="6">
        <v>856</v>
      </c>
    </row>
    <row r="131" spans="1:4" ht="18" customHeight="1" x14ac:dyDescent="0.2">
      <c r="A131" s="20" t="s">
        <v>65</v>
      </c>
      <c r="B131" s="7">
        <v>1446</v>
      </c>
      <c r="C131" s="8">
        <v>1644</v>
      </c>
      <c r="D131" s="9">
        <v>309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1</v>
      </c>
      <c r="C5" s="12">
        <v>10</v>
      </c>
      <c r="D5" s="13">
        <v>31</v>
      </c>
    </row>
    <row r="6" spans="1:4" ht="18" customHeight="1" x14ac:dyDescent="0.2">
      <c r="A6" s="14">
        <v>1</v>
      </c>
      <c r="B6" s="15">
        <v>11</v>
      </c>
      <c r="C6" s="16">
        <v>15</v>
      </c>
      <c r="D6" s="17">
        <v>26</v>
      </c>
    </row>
    <row r="7" spans="1:4" ht="18" customHeight="1" x14ac:dyDescent="0.2">
      <c r="A7" s="14">
        <v>2</v>
      </c>
      <c r="B7" s="15">
        <v>13</v>
      </c>
      <c r="C7" s="16">
        <v>19</v>
      </c>
      <c r="D7" s="17">
        <v>32</v>
      </c>
    </row>
    <row r="8" spans="1:4" ht="18" customHeight="1" x14ac:dyDescent="0.2">
      <c r="A8" s="14">
        <v>3</v>
      </c>
      <c r="B8" s="15">
        <v>14</v>
      </c>
      <c r="C8" s="16">
        <v>12</v>
      </c>
      <c r="D8" s="17">
        <v>26</v>
      </c>
    </row>
    <row r="9" spans="1:4" ht="18" customHeight="1" x14ac:dyDescent="0.2">
      <c r="A9" s="14">
        <v>4</v>
      </c>
      <c r="B9" s="15">
        <v>7</v>
      </c>
      <c r="C9" s="16">
        <v>17</v>
      </c>
      <c r="D9" s="17">
        <v>24</v>
      </c>
    </row>
    <row r="10" spans="1:4" ht="18" customHeight="1" x14ac:dyDescent="0.2">
      <c r="A10" s="18" t="s">
        <v>66</v>
      </c>
      <c r="B10" s="15">
        <v>66</v>
      </c>
      <c r="C10" s="16">
        <v>73</v>
      </c>
      <c r="D10" s="17">
        <v>139</v>
      </c>
    </row>
    <row r="11" spans="1:4" ht="18" customHeight="1" x14ac:dyDescent="0.2">
      <c r="A11" s="14">
        <v>5</v>
      </c>
      <c r="B11" s="15">
        <v>19</v>
      </c>
      <c r="C11" s="16">
        <v>18</v>
      </c>
      <c r="D11" s="17">
        <v>37</v>
      </c>
    </row>
    <row r="12" spans="1:4" ht="18" customHeight="1" x14ac:dyDescent="0.2">
      <c r="A12" s="14">
        <v>6</v>
      </c>
      <c r="B12" s="15">
        <v>14</v>
      </c>
      <c r="C12" s="16">
        <v>16</v>
      </c>
      <c r="D12" s="17">
        <v>30</v>
      </c>
    </row>
    <row r="13" spans="1:4" ht="18" customHeight="1" x14ac:dyDescent="0.2">
      <c r="A13" s="14">
        <v>7</v>
      </c>
      <c r="B13" s="15">
        <v>21</v>
      </c>
      <c r="C13" s="16">
        <v>16</v>
      </c>
      <c r="D13" s="17">
        <v>37</v>
      </c>
    </row>
    <row r="14" spans="1:4" ht="18" customHeight="1" x14ac:dyDescent="0.2">
      <c r="A14" s="14">
        <v>8</v>
      </c>
      <c r="B14" s="15">
        <v>19</v>
      </c>
      <c r="C14" s="16">
        <v>15</v>
      </c>
      <c r="D14" s="17">
        <v>34</v>
      </c>
    </row>
    <row r="15" spans="1:4" ht="18" customHeight="1" x14ac:dyDescent="0.2">
      <c r="A15" s="14">
        <v>9</v>
      </c>
      <c r="B15" s="15">
        <v>28</v>
      </c>
      <c r="C15" s="16">
        <v>22</v>
      </c>
      <c r="D15" s="17">
        <v>50</v>
      </c>
    </row>
    <row r="16" spans="1:4" ht="18" customHeight="1" x14ac:dyDescent="0.2">
      <c r="A16" s="18" t="s">
        <v>67</v>
      </c>
      <c r="B16" s="15">
        <v>101</v>
      </c>
      <c r="C16" s="16">
        <v>87</v>
      </c>
      <c r="D16" s="17">
        <v>188</v>
      </c>
    </row>
    <row r="17" spans="1:4" ht="18" customHeight="1" x14ac:dyDescent="0.2">
      <c r="A17" s="14">
        <v>10</v>
      </c>
      <c r="B17" s="15">
        <v>19</v>
      </c>
      <c r="C17" s="16">
        <v>28</v>
      </c>
      <c r="D17" s="17">
        <v>47</v>
      </c>
    </row>
    <row r="18" spans="1:4" ht="18" customHeight="1" x14ac:dyDescent="0.2">
      <c r="A18" s="14">
        <v>11</v>
      </c>
      <c r="B18" s="15">
        <v>17</v>
      </c>
      <c r="C18" s="16">
        <v>19</v>
      </c>
      <c r="D18" s="17">
        <v>36</v>
      </c>
    </row>
    <row r="19" spans="1:4" ht="18" customHeight="1" x14ac:dyDescent="0.2">
      <c r="A19" s="14">
        <v>12</v>
      </c>
      <c r="B19" s="15">
        <v>17</v>
      </c>
      <c r="C19" s="16">
        <v>21</v>
      </c>
      <c r="D19" s="17">
        <v>38</v>
      </c>
    </row>
    <row r="20" spans="1:4" ht="18" customHeight="1" x14ac:dyDescent="0.2">
      <c r="A20" s="14">
        <v>13</v>
      </c>
      <c r="B20" s="15">
        <v>28</v>
      </c>
      <c r="C20" s="16">
        <v>23</v>
      </c>
      <c r="D20" s="17">
        <v>51</v>
      </c>
    </row>
    <row r="21" spans="1:4" ht="18" customHeight="1" x14ac:dyDescent="0.2">
      <c r="A21" s="14">
        <v>14</v>
      </c>
      <c r="B21" s="15">
        <v>16</v>
      </c>
      <c r="C21" s="16">
        <v>30</v>
      </c>
      <c r="D21" s="17">
        <v>46</v>
      </c>
    </row>
    <row r="22" spans="1:4" ht="18" customHeight="1" x14ac:dyDescent="0.2">
      <c r="A22" s="18" t="s">
        <v>68</v>
      </c>
      <c r="B22" s="15">
        <v>97</v>
      </c>
      <c r="C22" s="16">
        <v>121</v>
      </c>
      <c r="D22" s="17">
        <v>218</v>
      </c>
    </row>
    <row r="23" spans="1:4" ht="18" customHeight="1" x14ac:dyDescent="0.2">
      <c r="A23" s="18" t="s">
        <v>69</v>
      </c>
      <c r="B23" s="15">
        <v>264</v>
      </c>
      <c r="C23" s="16">
        <v>281</v>
      </c>
      <c r="D23" s="17">
        <v>545</v>
      </c>
    </row>
    <row r="24" spans="1:4" ht="18" customHeight="1" x14ac:dyDescent="0.2">
      <c r="A24" s="14">
        <v>15</v>
      </c>
      <c r="B24" s="15">
        <v>20</v>
      </c>
      <c r="C24" s="16">
        <v>20</v>
      </c>
      <c r="D24" s="17">
        <v>40</v>
      </c>
    </row>
    <row r="25" spans="1:4" ht="18" customHeight="1" x14ac:dyDescent="0.2">
      <c r="A25" s="14">
        <v>16</v>
      </c>
      <c r="B25" s="15">
        <v>21</v>
      </c>
      <c r="C25" s="16">
        <v>27</v>
      </c>
      <c r="D25" s="17">
        <v>48</v>
      </c>
    </row>
    <row r="26" spans="1:4" ht="18" customHeight="1" x14ac:dyDescent="0.2">
      <c r="A26" s="14">
        <v>17</v>
      </c>
      <c r="B26" s="15">
        <v>20</v>
      </c>
      <c r="C26" s="16">
        <v>20</v>
      </c>
      <c r="D26" s="17">
        <v>40</v>
      </c>
    </row>
    <row r="27" spans="1:4" ht="18" customHeight="1" x14ac:dyDescent="0.2">
      <c r="A27" s="14">
        <v>18</v>
      </c>
      <c r="B27" s="15">
        <v>21</v>
      </c>
      <c r="C27" s="16">
        <v>16</v>
      </c>
      <c r="D27" s="17">
        <v>37</v>
      </c>
    </row>
    <row r="28" spans="1:4" ht="18" customHeight="1" x14ac:dyDescent="0.2">
      <c r="A28" s="14">
        <v>19</v>
      </c>
      <c r="B28" s="15">
        <v>18</v>
      </c>
      <c r="C28" s="16">
        <v>21</v>
      </c>
      <c r="D28" s="17">
        <v>39</v>
      </c>
    </row>
    <row r="29" spans="1:4" ht="18" customHeight="1" x14ac:dyDescent="0.2">
      <c r="A29" s="18" t="s">
        <v>70</v>
      </c>
      <c r="B29" s="15">
        <v>100</v>
      </c>
      <c r="C29" s="16">
        <v>104</v>
      </c>
      <c r="D29" s="17">
        <v>204</v>
      </c>
    </row>
    <row r="30" spans="1:4" ht="18" customHeight="1" x14ac:dyDescent="0.2">
      <c r="A30" s="14">
        <v>20</v>
      </c>
      <c r="B30" s="15">
        <v>19</v>
      </c>
      <c r="C30" s="16">
        <v>23</v>
      </c>
      <c r="D30" s="17">
        <v>42</v>
      </c>
    </row>
    <row r="31" spans="1:4" ht="18" customHeight="1" x14ac:dyDescent="0.2">
      <c r="A31" s="14">
        <v>21</v>
      </c>
      <c r="B31" s="15">
        <v>25</v>
      </c>
      <c r="C31" s="16">
        <v>20</v>
      </c>
      <c r="D31" s="17">
        <v>45</v>
      </c>
    </row>
    <row r="32" spans="1:4" ht="18" customHeight="1" x14ac:dyDescent="0.2">
      <c r="A32" s="14">
        <v>22</v>
      </c>
      <c r="B32" s="15">
        <v>27</v>
      </c>
      <c r="C32" s="16">
        <v>22</v>
      </c>
      <c r="D32" s="17">
        <v>49</v>
      </c>
    </row>
    <row r="33" spans="1:4" ht="18" customHeight="1" x14ac:dyDescent="0.2">
      <c r="A33" s="14">
        <v>23</v>
      </c>
      <c r="B33" s="15">
        <v>25</v>
      </c>
      <c r="C33" s="16">
        <v>22</v>
      </c>
      <c r="D33" s="17">
        <v>47</v>
      </c>
    </row>
    <row r="34" spans="1:4" ht="18" customHeight="1" x14ac:dyDescent="0.2">
      <c r="A34" s="14">
        <v>24</v>
      </c>
      <c r="B34" s="15">
        <v>16</v>
      </c>
      <c r="C34" s="16">
        <v>24</v>
      </c>
      <c r="D34" s="17">
        <v>40</v>
      </c>
    </row>
    <row r="35" spans="1:4" ht="18" customHeight="1" x14ac:dyDescent="0.2">
      <c r="A35" s="18" t="s">
        <v>71</v>
      </c>
      <c r="B35" s="15">
        <v>112</v>
      </c>
      <c r="C35" s="16">
        <v>111</v>
      </c>
      <c r="D35" s="17">
        <v>223</v>
      </c>
    </row>
    <row r="36" spans="1:4" ht="18" customHeight="1" x14ac:dyDescent="0.2">
      <c r="A36" s="14">
        <v>25</v>
      </c>
      <c r="B36" s="15">
        <v>20</v>
      </c>
      <c r="C36" s="16">
        <v>26</v>
      </c>
      <c r="D36" s="17">
        <v>46</v>
      </c>
    </row>
    <row r="37" spans="1:4" ht="18" customHeight="1" x14ac:dyDescent="0.2">
      <c r="A37" s="14">
        <v>26</v>
      </c>
      <c r="B37" s="15">
        <v>18</v>
      </c>
      <c r="C37" s="16">
        <v>22</v>
      </c>
      <c r="D37" s="17">
        <v>40</v>
      </c>
    </row>
    <row r="38" spans="1:4" ht="18" customHeight="1" x14ac:dyDescent="0.2">
      <c r="A38" s="14">
        <v>27</v>
      </c>
      <c r="B38" s="15">
        <v>27</v>
      </c>
      <c r="C38" s="16">
        <v>22</v>
      </c>
      <c r="D38" s="17">
        <v>49</v>
      </c>
    </row>
    <row r="39" spans="1:4" ht="18" customHeight="1" x14ac:dyDescent="0.2">
      <c r="A39" s="14">
        <v>28</v>
      </c>
      <c r="B39" s="15">
        <v>16</v>
      </c>
      <c r="C39" s="16">
        <v>19</v>
      </c>
      <c r="D39" s="17">
        <v>35</v>
      </c>
    </row>
    <row r="40" spans="1:4" ht="18" customHeight="1" x14ac:dyDescent="0.2">
      <c r="A40" s="14">
        <v>29</v>
      </c>
      <c r="B40" s="15">
        <v>30</v>
      </c>
      <c r="C40" s="16">
        <v>33</v>
      </c>
      <c r="D40" s="17">
        <v>63</v>
      </c>
    </row>
    <row r="41" spans="1:4" ht="18" customHeight="1" x14ac:dyDescent="0.2">
      <c r="A41" s="18" t="s">
        <v>72</v>
      </c>
      <c r="B41" s="15">
        <v>111</v>
      </c>
      <c r="C41" s="16">
        <v>122</v>
      </c>
      <c r="D41" s="17">
        <v>233</v>
      </c>
    </row>
    <row r="42" spans="1:4" ht="18" customHeight="1" x14ac:dyDescent="0.2">
      <c r="A42" s="14">
        <v>30</v>
      </c>
      <c r="B42" s="15">
        <v>32</v>
      </c>
      <c r="C42" s="16">
        <v>31</v>
      </c>
      <c r="D42" s="17">
        <v>63</v>
      </c>
    </row>
    <row r="43" spans="1:4" ht="18" customHeight="1" x14ac:dyDescent="0.2">
      <c r="A43" s="14">
        <v>31</v>
      </c>
      <c r="B43" s="15">
        <v>27</v>
      </c>
      <c r="C43" s="16">
        <v>36</v>
      </c>
      <c r="D43" s="17">
        <v>63</v>
      </c>
    </row>
    <row r="44" spans="1:4" ht="18" customHeight="1" x14ac:dyDescent="0.2">
      <c r="A44" s="14">
        <v>32</v>
      </c>
      <c r="B44" s="15">
        <v>32</v>
      </c>
      <c r="C44" s="16">
        <v>26</v>
      </c>
      <c r="D44" s="17">
        <v>58</v>
      </c>
    </row>
    <row r="45" spans="1:4" ht="18" customHeight="1" x14ac:dyDescent="0.2">
      <c r="A45" s="14">
        <v>33</v>
      </c>
      <c r="B45" s="15">
        <v>32</v>
      </c>
      <c r="C45" s="16">
        <v>26</v>
      </c>
      <c r="D45" s="17">
        <v>58</v>
      </c>
    </row>
    <row r="46" spans="1:4" ht="18" customHeight="1" x14ac:dyDescent="0.2">
      <c r="A46" s="14">
        <v>34</v>
      </c>
      <c r="B46" s="15">
        <v>40</v>
      </c>
      <c r="C46" s="16">
        <v>25</v>
      </c>
      <c r="D46" s="17">
        <v>65</v>
      </c>
    </row>
    <row r="47" spans="1:4" ht="18" customHeight="1" x14ac:dyDescent="0.2">
      <c r="A47" s="18" t="s">
        <v>73</v>
      </c>
      <c r="B47" s="15">
        <v>163</v>
      </c>
      <c r="C47" s="16">
        <v>144</v>
      </c>
      <c r="D47" s="17">
        <v>307</v>
      </c>
    </row>
    <row r="48" spans="1:4" ht="18" customHeight="1" x14ac:dyDescent="0.2">
      <c r="A48" s="14">
        <v>35</v>
      </c>
      <c r="B48" s="15">
        <v>33</v>
      </c>
      <c r="C48" s="16">
        <v>37</v>
      </c>
      <c r="D48" s="17">
        <v>70</v>
      </c>
    </row>
    <row r="49" spans="1:4" ht="18" customHeight="1" x14ac:dyDescent="0.2">
      <c r="A49" s="14">
        <v>36</v>
      </c>
      <c r="B49" s="15">
        <v>33</v>
      </c>
      <c r="C49" s="16">
        <v>31</v>
      </c>
      <c r="D49" s="17">
        <v>64</v>
      </c>
    </row>
    <row r="50" spans="1:4" ht="18" customHeight="1" x14ac:dyDescent="0.2">
      <c r="A50" s="14">
        <v>37</v>
      </c>
      <c r="B50" s="15">
        <v>34</v>
      </c>
      <c r="C50" s="16">
        <v>24</v>
      </c>
      <c r="D50" s="17">
        <v>58</v>
      </c>
    </row>
    <row r="51" spans="1:4" ht="18" customHeight="1" x14ac:dyDescent="0.2">
      <c r="A51" s="14">
        <v>38</v>
      </c>
      <c r="B51" s="15">
        <v>24</v>
      </c>
      <c r="C51" s="16">
        <v>25</v>
      </c>
      <c r="D51" s="17">
        <v>49</v>
      </c>
    </row>
    <row r="52" spans="1:4" ht="18" customHeight="1" x14ac:dyDescent="0.2">
      <c r="A52" s="14">
        <v>39</v>
      </c>
      <c r="B52" s="15">
        <v>28</v>
      </c>
      <c r="C52" s="16">
        <v>33</v>
      </c>
      <c r="D52" s="17">
        <v>61</v>
      </c>
    </row>
    <row r="53" spans="1:4" ht="18" customHeight="1" x14ac:dyDescent="0.2">
      <c r="A53" s="18" t="s">
        <v>74</v>
      </c>
      <c r="B53" s="15">
        <v>152</v>
      </c>
      <c r="C53" s="16">
        <v>150</v>
      </c>
      <c r="D53" s="17">
        <v>302</v>
      </c>
    </row>
    <row r="54" spans="1:4" ht="18" customHeight="1" x14ac:dyDescent="0.2">
      <c r="A54" s="14">
        <v>40</v>
      </c>
      <c r="B54" s="15">
        <v>30</v>
      </c>
      <c r="C54" s="16">
        <v>26</v>
      </c>
      <c r="D54" s="17">
        <v>56</v>
      </c>
    </row>
    <row r="55" spans="1:4" ht="18" customHeight="1" x14ac:dyDescent="0.2">
      <c r="A55" s="14">
        <v>41</v>
      </c>
      <c r="B55" s="15">
        <v>37</v>
      </c>
      <c r="C55" s="16">
        <v>37</v>
      </c>
      <c r="D55" s="17">
        <v>74</v>
      </c>
    </row>
    <row r="56" spans="1:4" ht="18" customHeight="1" x14ac:dyDescent="0.2">
      <c r="A56" s="14">
        <v>42</v>
      </c>
      <c r="B56" s="15">
        <v>26</v>
      </c>
      <c r="C56" s="16">
        <v>31</v>
      </c>
      <c r="D56" s="17">
        <v>57</v>
      </c>
    </row>
    <row r="57" spans="1:4" ht="18" customHeight="1" x14ac:dyDescent="0.2">
      <c r="A57" s="14">
        <v>43</v>
      </c>
      <c r="B57" s="15">
        <v>19</v>
      </c>
      <c r="C57" s="16">
        <v>27</v>
      </c>
      <c r="D57" s="17">
        <v>46</v>
      </c>
    </row>
    <row r="58" spans="1:4" ht="18" customHeight="1" x14ac:dyDescent="0.2">
      <c r="A58" s="14">
        <v>44</v>
      </c>
      <c r="B58" s="15">
        <v>33</v>
      </c>
      <c r="C58" s="16">
        <v>25</v>
      </c>
      <c r="D58" s="17">
        <v>58</v>
      </c>
    </row>
    <row r="59" spans="1:4" ht="18" customHeight="1" x14ac:dyDescent="0.2">
      <c r="A59" s="18" t="s">
        <v>75</v>
      </c>
      <c r="B59" s="15">
        <v>145</v>
      </c>
      <c r="C59" s="16">
        <v>146</v>
      </c>
      <c r="D59" s="17">
        <v>291</v>
      </c>
    </row>
    <row r="60" spans="1:4" ht="18" customHeight="1" x14ac:dyDescent="0.2">
      <c r="A60" s="14">
        <v>45</v>
      </c>
      <c r="B60" s="15">
        <v>32</v>
      </c>
      <c r="C60" s="16">
        <v>29</v>
      </c>
      <c r="D60" s="17">
        <v>61</v>
      </c>
    </row>
    <row r="61" spans="1:4" ht="18" customHeight="1" x14ac:dyDescent="0.2">
      <c r="A61" s="14">
        <v>46</v>
      </c>
      <c r="B61" s="15">
        <v>22</v>
      </c>
      <c r="C61" s="16">
        <v>24</v>
      </c>
      <c r="D61" s="17">
        <v>46</v>
      </c>
    </row>
    <row r="62" spans="1:4" ht="18" customHeight="1" x14ac:dyDescent="0.2">
      <c r="A62" s="14">
        <v>47</v>
      </c>
      <c r="B62" s="15">
        <v>22</v>
      </c>
      <c r="C62" s="16">
        <v>21</v>
      </c>
      <c r="D62" s="17">
        <v>43</v>
      </c>
    </row>
    <row r="63" spans="1:4" ht="18" customHeight="1" x14ac:dyDescent="0.2">
      <c r="A63" s="14">
        <v>48</v>
      </c>
      <c r="B63" s="15">
        <v>26</v>
      </c>
      <c r="C63" s="16">
        <v>25</v>
      </c>
      <c r="D63" s="17">
        <v>51</v>
      </c>
    </row>
    <row r="64" spans="1:4" ht="18" customHeight="1" x14ac:dyDescent="0.2">
      <c r="A64" s="14">
        <v>49</v>
      </c>
      <c r="B64" s="15">
        <v>27</v>
      </c>
      <c r="C64" s="16">
        <v>26</v>
      </c>
      <c r="D64" s="17">
        <v>53</v>
      </c>
    </row>
    <row r="65" spans="1:4" ht="18" customHeight="1" x14ac:dyDescent="0.2">
      <c r="A65" s="18" t="s">
        <v>76</v>
      </c>
      <c r="B65" s="15">
        <v>129</v>
      </c>
      <c r="C65" s="16">
        <v>125</v>
      </c>
      <c r="D65" s="17">
        <v>254</v>
      </c>
    </row>
    <row r="66" spans="1:4" ht="18" customHeight="1" x14ac:dyDescent="0.2">
      <c r="A66" s="14">
        <v>50</v>
      </c>
      <c r="B66" s="15">
        <v>23</v>
      </c>
      <c r="C66" s="16">
        <v>27</v>
      </c>
      <c r="D66" s="17">
        <v>50</v>
      </c>
    </row>
    <row r="67" spans="1:4" ht="18" customHeight="1" x14ac:dyDescent="0.2">
      <c r="A67" s="14">
        <v>51</v>
      </c>
      <c r="B67" s="15">
        <v>22</v>
      </c>
      <c r="C67" s="16">
        <v>18</v>
      </c>
      <c r="D67" s="17">
        <v>40</v>
      </c>
    </row>
    <row r="68" spans="1:4" ht="18" customHeight="1" x14ac:dyDescent="0.2">
      <c r="A68" s="14">
        <v>52</v>
      </c>
      <c r="B68" s="15">
        <v>18</v>
      </c>
      <c r="C68" s="16">
        <v>33</v>
      </c>
      <c r="D68" s="17">
        <v>51</v>
      </c>
    </row>
    <row r="69" spans="1:4" ht="18" customHeight="1" x14ac:dyDescent="0.2">
      <c r="A69" s="14">
        <v>53</v>
      </c>
      <c r="B69" s="15">
        <v>24</v>
      </c>
      <c r="C69" s="16">
        <v>23</v>
      </c>
      <c r="D69" s="17">
        <v>47</v>
      </c>
    </row>
    <row r="70" spans="1:4" ht="18" customHeight="1" x14ac:dyDescent="0.2">
      <c r="A70" s="14">
        <v>54</v>
      </c>
      <c r="B70" s="15">
        <v>33</v>
      </c>
      <c r="C70" s="16">
        <v>25</v>
      </c>
      <c r="D70" s="17">
        <v>58</v>
      </c>
    </row>
    <row r="71" spans="1:4" ht="18" customHeight="1" x14ac:dyDescent="0.2">
      <c r="A71" s="18" t="s">
        <v>77</v>
      </c>
      <c r="B71" s="15">
        <v>120</v>
      </c>
      <c r="C71" s="16">
        <v>126</v>
      </c>
      <c r="D71" s="17">
        <v>246</v>
      </c>
    </row>
    <row r="72" spans="1:4" ht="18" customHeight="1" x14ac:dyDescent="0.2">
      <c r="A72" s="14">
        <v>55</v>
      </c>
      <c r="B72" s="15">
        <v>28</v>
      </c>
      <c r="C72" s="16">
        <v>32</v>
      </c>
      <c r="D72" s="17">
        <v>60</v>
      </c>
    </row>
    <row r="73" spans="1:4" ht="18" customHeight="1" x14ac:dyDescent="0.2">
      <c r="A73" s="14">
        <v>56</v>
      </c>
      <c r="B73" s="15">
        <v>29</v>
      </c>
      <c r="C73" s="16">
        <v>36</v>
      </c>
      <c r="D73" s="17">
        <v>65</v>
      </c>
    </row>
    <row r="74" spans="1:4" ht="18" customHeight="1" x14ac:dyDescent="0.2">
      <c r="A74" s="14">
        <v>57</v>
      </c>
      <c r="B74" s="15">
        <v>44</v>
      </c>
      <c r="C74" s="16">
        <v>32</v>
      </c>
      <c r="D74" s="17">
        <v>76</v>
      </c>
    </row>
    <row r="75" spans="1:4" ht="18" customHeight="1" x14ac:dyDescent="0.2">
      <c r="A75" s="14">
        <v>58</v>
      </c>
      <c r="B75" s="15">
        <v>32</v>
      </c>
      <c r="C75" s="16">
        <v>41</v>
      </c>
      <c r="D75" s="17">
        <v>73</v>
      </c>
    </row>
    <row r="76" spans="1:4" ht="18" customHeight="1" x14ac:dyDescent="0.2">
      <c r="A76" s="14">
        <v>59</v>
      </c>
      <c r="B76" s="15">
        <v>40</v>
      </c>
      <c r="C76" s="16">
        <v>39</v>
      </c>
      <c r="D76" s="17">
        <v>79</v>
      </c>
    </row>
    <row r="77" spans="1:4" ht="18" customHeight="1" x14ac:dyDescent="0.2">
      <c r="A77" s="18" t="s">
        <v>78</v>
      </c>
      <c r="B77" s="15">
        <v>173</v>
      </c>
      <c r="C77" s="16">
        <v>180</v>
      </c>
      <c r="D77" s="17">
        <v>353</v>
      </c>
    </row>
    <row r="78" spans="1:4" ht="18" customHeight="1" x14ac:dyDescent="0.2">
      <c r="A78" s="14">
        <v>60</v>
      </c>
      <c r="B78" s="15">
        <v>46</v>
      </c>
      <c r="C78" s="16">
        <v>49</v>
      </c>
      <c r="D78" s="17">
        <v>95</v>
      </c>
    </row>
    <row r="79" spans="1:4" ht="18" customHeight="1" x14ac:dyDescent="0.2">
      <c r="A79" s="14">
        <v>61</v>
      </c>
      <c r="B79" s="15">
        <v>38</v>
      </c>
      <c r="C79" s="16">
        <v>63</v>
      </c>
      <c r="D79" s="17">
        <v>101</v>
      </c>
    </row>
    <row r="80" spans="1:4" ht="18" customHeight="1" x14ac:dyDescent="0.2">
      <c r="A80" s="14">
        <v>62</v>
      </c>
      <c r="B80" s="15">
        <v>48</v>
      </c>
      <c r="C80" s="16">
        <v>39</v>
      </c>
      <c r="D80" s="17">
        <v>87</v>
      </c>
    </row>
    <row r="81" spans="1:4" ht="18" customHeight="1" x14ac:dyDescent="0.2">
      <c r="A81" s="14">
        <v>63</v>
      </c>
      <c r="B81" s="15">
        <v>14</v>
      </c>
      <c r="C81" s="16">
        <v>24</v>
      </c>
      <c r="D81" s="17">
        <v>38</v>
      </c>
    </row>
    <row r="82" spans="1:4" ht="18" customHeight="1" x14ac:dyDescent="0.2">
      <c r="A82" s="14">
        <v>64</v>
      </c>
      <c r="B82" s="15">
        <v>30</v>
      </c>
      <c r="C82" s="16">
        <v>37</v>
      </c>
      <c r="D82" s="17">
        <v>67</v>
      </c>
    </row>
    <row r="83" spans="1:4" ht="18" customHeight="1" x14ac:dyDescent="0.2">
      <c r="A83" s="18" t="s">
        <v>79</v>
      </c>
      <c r="B83" s="15">
        <v>176</v>
      </c>
      <c r="C83" s="16">
        <v>212</v>
      </c>
      <c r="D83" s="17">
        <v>388</v>
      </c>
    </row>
    <row r="84" spans="1:4" ht="18" customHeight="1" x14ac:dyDescent="0.2">
      <c r="A84" s="18" t="s">
        <v>80</v>
      </c>
      <c r="B84" s="15">
        <v>1381</v>
      </c>
      <c r="C84" s="16">
        <v>1420</v>
      </c>
      <c r="D84" s="17">
        <v>2801</v>
      </c>
    </row>
    <row r="85" spans="1:4" ht="18" customHeight="1" x14ac:dyDescent="0.2">
      <c r="A85" s="14">
        <v>65</v>
      </c>
      <c r="B85" s="15">
        <v>26</v>
      </c>
      <c r="C85" s="16">
        <v>46</v>
      </c>
      <c r="D85" s="17">
        <v>72</v>
      </c>
    </row>
    <row r="86" spans="1:4" ht="18" customHeight="1" x14ac:dyDescent="0.2">
      <c r="A86" s="14">
        <v>66</v>
      </c>
      <c r="B86" s="15">
        <v>37</v>
      </c>
      <c r="C86" s="16">
        <v>35</v>
      </c>
      <c r="D86" s="17">
        <v>72</v>
      </c>
    </row>
    <row r="87" spans="1:4" ht="18" customHeight="1" x14ac:dyDescent="0.2">
      <c r="A87" s="14">
        <v>67</v>
      </c>
      <c r="B87" s="15">
        <v>51</v>
      </c>
      <c r="C87" s="16">
        <v>35</v>
      </c>
      <c r="D87" s="17">
        <v>86</v>
      </c>
    </row>
    <row r="88" spans="1:4" ht="18" customHeight="1" x14ac:dyDescent="0.2">
      <c r="A88" s="14">
        <v>68</v>
      </c>
      <c r="B88" s="15">
        <v>28</v>
      </c>
      <c r="C88" s="16">
        <v>31</v>
      </c>
      <c r="D88" s="17">
        <v>59</v>
      </c>
    </row>
    <row r="89" spans="1:4" ht="18" customHeight="1" x14ac:dyDescent="0.2">
      <c r="A89" s="14">
        <v>69</v>
      </c>
      <c r="B89" s="15">
        <v>21</v>
      </c>
      <c r="C89" s="16">
        <v>34</v>
      </c>
      <c r="D89" s="17">
        <v>55</v>
      </c>
    </row>
    <row r="90" spans="1:4" ht="18" customHeight="1" x14ac:dyDescent="0.2">
      <c r="A90" s="18" t="s">
        <v>81</v>
      </c>
      <c r="B90" s="15">
        <v>163</v>
      </c>
      <c r="C90" s="16">
        <v>181</v>
      </c>
      <c r="D90" s="17">
        <v>344</v>
      </c>
    </row>
    <row r="91" spans="1:4" ht="18" customHeight="1" x14ac:dyDescent="0.2">
      <c r="A91" s="14">
        <v>70</v>
      </c>
      <c r="B91" s="15">
        <v>21</v>
      </c>
      <c r="C91" s="16">
        <v>24</v>
      </c>
      <c r="D91" s="17">
        <v>45</v>
      </c>
    </row>
    <row r="92" spans="1:4" ht="18" customHeight="1" x14ac:dyDescent="0.2">
      <c r="A92" s="14">
        <v>71</v>
      </c>
      <c r="B92" s="15">
        <v>28</v>
      </c>
      <c r="C92" s="16">
        <v>20</v>
      </c>
      <c r="D92" s="17">
        <v>48</v>
      </c>
    </row>
    <row r="93" spans="1:4" ht="18" customHeight="1" x14ac:dyDescent="0.2">
      <c r="A93" s="14">
        <v>72</v>
      </c>
      <c r="B93" s="15">
        <v>24</v>
      </c>
      <c r="C93" s="16">
        <v>30</v>
      </c>
      <c r="D93" s="17">
        <v>54</v>
      </c>
    </row>
    <row r="94" spans="1:4" ht="18" customHeight="1" x14ac:dyDescent="0.2">
      <c r="A94" s="14">
        <v>73</v>
      </c>
      <c r="B94" s="15">
        <v>19</v>
      </c>
      <c r="C94" s="16">
        <v>21</v>
      </c>
      <c r="D94" s="17">
        <v>40</v>
      </c>
    </row>
    <row r="95" spans="1:4" ht="18" customHeight="1" x14ac:dyDescent="0.2">
      <c r="A95" s="14">
        <v>74</v>
      </c>
      <c r="B95" s="15">
        <v>22</v>
      </c>
      <c r="C95" s="16">
        <v>17</v>
      </c>
      <c r="D95" s="17">
        <v>39</v>
      </c>
    </row>
    <row r="96" spans="1:4" ht="18" customHeight="1" x14ac:dyDescent="0.2">
      <c r="A96" s="18" t="s">
        <v>82</v>
      </c>
      <c r="B96" s="15">
        <v>114</v>
      </c>
      <c r="C96" s="16">
        <v>112</v>
      </c>
      <c r="D96" s="17">
        <v>226</v>
      </c>
    </row>
    <row r="97" spans="1:4" ht="18" customHeight="1" x14ac:dyDescent="0.2">
      <c r="A97" s="14">
        <v>75</v>
      </c>
      <c r="B97" s="15">
        <v>18</v>
      </c>
      <c r="C97" s="16">
        <v>28</v>
      </c>
      <c r="D97" s="17">
        <v>46</v>
      </c>
    </row>
    <row r="98" spans="1:4" ht="18" customHeight="1" x14ac:dyDescent="0.2">
      <c r="A98" s="14">
        <v>76</v>
      </c>
      <c r="B98" s="15">
        <v>22</v>
      </c>
      <c r="C98" s="16">
        <v>30</v>
      </c>
      <c r="D98" s="17">
        <v>52</v>
      </c>
    </row>
    <row r="99" spans="1:4" ht="18" customHeight="1" x14ac:dyDescent="0.2">
      <c r="A99" s="14">
        <v>77</v>
      </c>
      <c r="B99" s="15">
        <v>24</v>
      </c>
      <c r="C99" s="16">
        <v>22</v>
      </c>
      <c r="D99" s="17">
        <v>46</v>
      </c>
    </row>
    <row r="100" spans="1:4" ht="18" customHeight="1" x14ac:dyDescent="0.2">
      <c r="A100" s="14">
        <v>78</v>
      </c>
      <c r="B100" s="15">
        <v>15</v>
      </c>
      <c r="C100" s="16">
        <v>15</v>
      </c>
      <c r="D100" s="17">
        <v>30</v>
      </c>
    </row>
    <row r="101" spans="1:4" ht="18" customHeight="1" x14ac:dyDescent="0.2">
      <c r="A101" s="14">
        <v>79</v>
      </c>
      <c r="B101" s="15">
        <v>8</v>
      </c>
      <c r="C101" s="16">
        <v>17</v>
      </c>
      <c r="D101" s="17">
        <v>25</v>
      </c>
    </row>
    <row r="102" spans="1:4" ht="18" customHeight="1" x14ac:dyDescent="0.2">
      <c r="A102" s="18" t="s">
        <v>83</v>
      </c>
      <c r="B102" s="15">
        <v>87</v>
      </c>
      <c r="C102" s="16">
        <v>112</v>
      </c>
      <c r="D102" s="17">
        <v>199</v>
      </c>
    </row>
    <row r="103" spans="1:4" ht="18" customHeight="1" x14ac:dyDescent="0.2">
      <c r="A103" s="14">
        <v>80</v>
      </c>
      <c r="B103" s="15">
        <v>12</v>
      </c>
      <c r="C103" s="16">
        <v>35</v>
      </c>
      <c r="D103" s="17">
        <v>47</v>
      </c>
    </row>
    <row r="104" spans="1:4" ht="18" customHeight="1" x14ac:dyDescent="0.2">
      <c r="A104" s="14">
        <v>81</v>
      </c>
      <c r="B104" s="15">
        <v>15</v>
      </c>
      <c r="C104" s="16">
        <v>15</v>
      </c>
      <c r="D104" s="17">
        <v>30</v>
      </c>
    </row>
    <row r="105" spans="1:4" ht="18" customHeight="1" x14ac:dyDescent="0.2">
      <c r="A105" s="14">
        <v>82</v>
      </c>
      <c r="B105" s="15">
        <v>16</v>
      </c>
      <c r="C105" s="16">
        <v>19</v>
      </c>
      <c r="D105" s="17">
        <v>35</v>
      </c>
    </row>
    <row r="106" spans="1:4" ht="18" customHeight="1" x14ac:dyDescent="0.2">
      <c r="A106" s="14">
        <v>83</v>
      </c>
      <c r="B106" s="15">
        <v>6</v>
      </c>
      <c r="C106" s="16">
        <v>17</v>
      </c>
      <c r="D106" s="17">
        <v>23</v>
      </c>
    </row>
    <row r="107" spans="1:4" ht="18" customHeight="1" x14ac:dyDescent="0.2">
      <c r="A107" s="14">
        <v>84</v>
      </c>
      <c r="B107" s="15">
        <v>5</v>
      </c>
      <c r="C107" s="16">
        <v>12</v>
      </c>
      <c r="D107" s="17">
        <v>17</v>
      </c>
    </row>
    <row r="108" spans="1:4" ht="18" customHeight="1" x14ac:dyDescent="0.2">
      <c r="A108" s="18" t="s">
        <v>84</v>
      </c>
      <c r="B108" s="15">
        <v>54</v>
      </c>
      <c r="C108" s="16">
        <v>98</v>
      </c>
      <c r="D108" s="17">
        <v>152</v>
      </c>
    </row>
    <row r="109" spans="1:4" ht="18" customHeight="1" x14ac:dyDescent="0.2">
      <c r="A109" s="14">
        <v>85</v>
      </c>
      <c r="B109" s="15">
        <v>8</v>
      </c>
      <c r="C109" s="16">
        <v>17</v>
      </c>
      <c r="D109" s="17">
        <v>25</v>
      </c>
    </row>
    <row r="110" spans="1:4" ht="18" customHeight="1" x14ac:dyDescent="0.2">
      <c r="A110" s="14">
        <v>86</v>
      </c>
      <c r="B110" s="15">
        <v>10</v>
      </c>
      <c r="C110" s="16">
        <v>13</v>
      </c>
      <c r="D110" s="17">
        <v>23</v>
      </c>
    </row>
    <row r="111" spans="1:4" ht="18" customHeight="1" x14ac:dyDescent="0.2">
      <c r="A111" s="14">
        <v>87</v>
      </c>
      <c r="B111" s="15">
        <v>3</v>
      </c>
      <c r="C111" s="16">
        <v>12</v>
      </c>
      <c r="D111" s="17">
        <v>15</v>
      </c>
    </row>
    <row r="112" spans="1:4" ht="18" customHeight="1" x14ac:dyDescent="0.2">
      <c r="A112" s="14">
        <v>88</v>
      </c>
      <c r="B112" s="15">
        <v>8</v>
      </c>
      <c r="C112" s="16">
        <v>6</v>
      </c>
      <c r="D112" s="17">
        <v>14</v>
      </c>
    </row>
    <row r="113" spans="1:4" ht="18" customHeight="1" x14ac:dyDescent="0.2">
      <c r="A113" s="14">
        <v>89</v>
      </c>
      <c r="B113" s="15">
        <v>3</v>
      </c>
      <c r="C113" s="16">
        <v>8</v>
      </c>
      <c r="D113" s="17">
        <v>11</v>
      </c>
    </row>
    <row r="114" spans="1:4" ht="18" customHeight="1" x14ac:dyDescent="0.2">
      <c r="A114" s="18" t="s">
        <v>85</v>
      </c>
      <c r="B114" s="15">
        <v>32</v>
      </c>
      <c r="C114" s="16">
        <v>56</v>
      </c>
      <c r="D114" s="17">
        <v>88</v>
      </c>
    </row>
    <row r="115" spans="1:4" ht="18" customHeight="1" x14ac:dyDescent="0.2">
      <c r="A115" s="14">
        <v>90</v>
      </c>
      <c r="B115" s="15">
        <v>2</v>
      </c>
      <c r="C115" s="16">
        <v>7</v>
      </c>
      <c r="D115" s="17">
        <v>9</v>
      </c>
    </row>
    <row r="116" spans="1:4" ht="18" customHeight="1" x14ac:dyDescent="0.2">
      <c r="A116" s="14">
        <v>91</v>
      </c>
      <c r="B116" s="15">
        <v>1</v>
      </c>
      <c r="C116" s="16">
        <v>8</v>
      </c>
      <c r="D116" s="17">
        <v>9</v>
      </c>
    </row>
    <row r="117" spans="1:4" ht="18" customHeight="1" x14ac:dyDescent="0.2">
      <c r="A117" s="14">
        <v>92</v>
      </c>
      <c r="B117" s="15">
        <v>0</v>
      </c>
      <c r="C117" s="16">
        <v>3</v>
      </c>
      <c r="D117" s="17">
        <v>3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86</v>
      </c>
      <c r="B120" s="15">
        <v>5</v>
      </c>
      <c r="C120" s="16">
        <v>24</v>
      </c>
      <c r="D120" s="17">
        <v>29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5</v>
      </c>
      <c r="D126" s="17">
        <v>6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90</v>
      </c>
      <c r="B130" s="4">
        <v>457</v>
      </c>
      <c r="C130" s="5">
        <v>590</v>
      </c>
      <c r="D130" s="6">
        <v>1047</v>
      </c>
    </row>
    <row r="131" spans="1:4" ht="18" customHeight="1" x14ac:dyDescent="0.2">
      <c r="A131" s="20" t="s">
        <v>65</v>
      </c>
      <c r="B131" s="7">
        <v>2102</v>
      </c>
      <c r="C131" s="8">
        <v>2291</v>
      </c>
      <c r="D131" s="9">
        <v>439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</v>
      </c>
      <c r="C5" s="12">
        <v>2</v>
      </c>
      <c r="D5" s="13">
        <v>6</v>
      </c>
    </row>
    <row r="6" spans="1:4" ht="18" customHeight="1" x14ac:dyDescent="0.2">
      <c r="A6" s="14">
        <v>1</v>
      </c>
      <c r="B6" s="15">
        <v>7</v>
      </c>
      <c r="C6" s="16">
        <v>9</v>
      </c>
      <c r="D6" s="17">
        <v>16</v>
      </c>
    </row>
    <row r="7" spans="1:4" ht="18" customHeight="1" x14ac:dyDescent="0.2">
      <c r="A7" s="14">
        <v>2</v>
      </c>
      <c r="B7" s="15">
        <v>2</v>
      </c>
      <c r="C7" s="16">
        <v>6</v>
      </c>
      <c r="D7" s="17">
        <v>8</v>
      </c>
    </row>
    <row r="8" spans="1:4" ht="18" customHeight="1" x14ac:dyDescent="0.2">
      <c r="A8" s="14">
        <v>3</v>
      </c>
      <c r="B8" s="15">
        <v>9</v>
      </c>
      <c r="C8" s="16">
        <v>4</v>
      </c>
      <c r="D8" s="17">
        <v>13</v>
      </c>
    </row>
    <row r="9" spans="1:4" ht="18" customHeight="1" x14ac:dyDescent="0.2">
      <c r="A9" s="14">
        <v>4</v>
      </c>
      <c r="B9" s="15">
        <v>6</v>
      </c>
      <c r="C9" s="16">
        <v>6</v>
      </c>
      <c r="D9" s="17">
        <v>12</v>
      </c>
    </row>
    <row r="10" spans="1:4" ht="18" customHeight="1" x14ac:dyDescent="0.2">
      <c r="A10" s="18" t="s">
        <v>66</v>
      </c>
      <c r="B10" s="15">
        <v>28</v>
      </c>
      <c r="C10" s="16">
        <v>27</v>
      </c>
      <c r="D10" s="17">
        <v>55</v>
      </c>
    </row>
    <row r="11" spans="1:4" ht="18" customHeight="1" x14ac:dyDescent="0.2">
      <c r="A11" s="14">
        <v>5</v>
      </c>
      <c r="B11" s="15">
        <v>10</v>
      </c>
      <c r="C11" s="16">
        <v>11</v>
      </c>
      <c r="D11" s="17">
        <v>21</v>
      </c>
    </row>
    <row r="12" spans="1:4" ht="18" customHeight="1" x14ac:dyDescent="0.2">
      <c r="A12" s="14">
        <v>6</v>
      </c>
      <c r="B12" s="15">
        <v>9</v>
      </c>
      <c r="C12" s="16">
        <v>5</v>
      </c>
      <c r="D12" s="17">
        <v>14</v>
      </c>
    </row>
    <row r="13" spans="1:4" ht="18" customHeight="1" x14ac:dyDescent="0.2">
      <c r="A13" s="14">
        <v>7</v>
      </c>
      <c r="B13" s="15">
        <v>11</v>
      </c>
      <c r="C13" s="16">
        <v>6</v>
      </c>
      <c r="D13" s="17">
        <v>17</v>
      </c>
    </row>
    <row r="14" spans="1:4" ht="18" customHeight="1" x14ac:dyDescent="0.2">
      <c r="A14" s="14">
        <v>8</v>
      </c>
      <c r="B14" s="15">
        <v>9</v>
      </c>
      <c r="C14" s="16">
        <v>6</v>
      </c>
      <c r="D14" s="17">
        <v>15</v>
      </c>
    </row>
    <row r="15" spans="1:4" ht="18" customHeight="1" x14ac:dyDescent="0.2">
      <c r="A15" s="14">
        <v>9</v>
      </c>
      <c r="B15" s="15">
        <v>11</v>
      </c>
      <c r="C15" s="16">
        <v>7</v>
      </c>
      <c r="D15" s="17">
        <v>18</v>
      </c>
    </row>
    <row r="16" spans="1:4" ht="18" customHeight="1" x14ac:dyDescent="0.2">
      <c r="A16" s="18" t="s">
        <v>67</v>
      </c>
      <c r="B16" s="15">
        <v>50</v>
      </c>
      <c r="C16" s="16">
        <v>35</v>
      </c>
      <c r="D16" s="17">
        <v>85</v>
      </c>
    </row>
    <row r="17" spans="1:4" ht="18" customHeight="1" x14ac:dyDescent="0.2">
      <c r="A17" s="14">
        <v>10</v>
      </c>
      <c r="B17" s="15">
        <v>13</v>
      </c>
      <c r="C17" s="16">
        <v>9</v>
      </c>
      <c r="D17" s="17">
        <v>22</v>
      </c>
    </row>
    <row r="18" spans="1:4" ht="18" customHeight="1" x14ac:dyDescent="0.2">
      <c r="A18" s="14">
        <v>11</v>
      </c>
      <c r="B18" s="15">
        <v>9</v>
      </c>
      <c r="C18" s="16">
        <v>10</v>
      </c>
      <c r="D18" s="17">
        <v>19</v>
      </c>
    </row>
    <row r="19" spans="1:4" ht="18" customHeight="1" x14ac:dyDescent="0.2">
      <c r="A19" s="14">
        <v>12</v>
      </c>
      <c r="B19" s="15">
        <v>9</v>
      </c>
      <c r="C19" s="16">
        <v>9</v>
      </c>
      <c r="D19" s="17">
        <v>18</v>
      </c>
    </row>
    <row r="20" spans="1:4" ht="18" customHeight="1" x14ac:dyDescent="0.2">
      <c r="A20" s="14">
        <v>13</v>
      </c>
      <c r="B20" s="15">
        <v>9</v>
      </c>
      <c r="C20" s="16">
        <v>10</v>
      </c>
      <c r="D20" s="17">
        <v>19</v>
      </c>
    </row>
    <row r="21" spans="1:4" ht="18" customHeight="1" x14ac:dyDescent="0.2">
      <c r="A21" s="14">
        <v>14</v>
      </c>
      <c r="B21" s="15">
        <v>12</v>
      </c>
      <c r="C21" s="16">
        <v>7</v>
      </c>
      <c r="D21" s="17">
        <v>19</v>
      </c>
    </row>
    <row r="22" spans="1:4" ht="18" customHeight="1" x14ac:dyDescent="0.2">
      <c r="A22" s="18" t="s">
        <v>68</v>
      </c>
      <c r="B22" s="15">
        <v>52</v>
      </c>
      <c r="C22" s="16">
        <v>45</v>
      </c>
      <c r="D22" s="17">
        <v>97</v>
      </c>
    </row>
    <row r="23" spans="1:4" ht="18" customHeight="1" x14ac:dyDescent="0.2">
      <c r="A23" s="18" t="s">
        <v>69</v>
      </c>
      <c r="B23" s="15">
        <v>130</v>
      </c>
      <c r="C23" s="16">
        <v>107</v>
      </c>
      <c r="D23" s="17">
        <v>237</v>
      </c>
    </row>
    <row r="24" spans="1:4" ht="18" customHeight="1" x14ac:dyDescent="0.2">
      <c r="A24" s="14">
        <v>15</v>
      </c>
      <c r="B24" s="15">
        <v>8</v>
      </c>
      <c r="C24" s="16">
        <v>11</v>
      </c>
      <c r="D24" s="17">
        <v>19</v>
      </c>
    </row>
    <row r="25" spans="1:4" ht="18" customHeight="1" x14ac:dyDescent="0.2">
      <c r="A25" s="14">
        <v>16</v>
      </c>
      <c r="B25" s="15">
        <v>14</v>
      </c>
      <c r="C25" s="16">
        <v>6</v>
      </c>
      <c r="D25" s="17">
        <v>20</v>
      </c>
    </row>
    <row r="26" spans="1:4" ht="18" customHeight="1" x14ac:dyDescent="0.2">
      <c r="A26" s="14">
        <v>17</v>
      </c>
      <c r="B26" s="15">
        <v>6</v>
      </c>
      <c r="C26" s="16">
        <v>14</v>
      </c>
      <c r="D26" s="17">
        <v>20</v>
      </c>
    </row>
    <row r="27" spans="1:4" ht="18" customHeight="1" x14ac:dyDescent="0.2">
      <c r="A27" s="14">
        <v>18</v>
      </c>
      <c r="B27" s="15">
        <v>10</v>
      </c>
      <c r="C27" s="16">
        <v>10</v>
      </c>
      <c r="D27" s="17">
        <v>20</v>
      </c>
    </row>
    <row r="28" spans="1:4" ht="18" customHeight="1" x14ac:dyDescent="0.2">
      <c r="A28" s="14">
        <v>19</v>
      </c>
      <c r="B28" s="15">
        <v>12</v>
      </c>
      <c r="C28" s="16">
        <v>4</v>
      </c>
      <c r="D28" s="17">
        <v>16</v>
      </c>
    </row>
    <row r="29" spans="1:4" ht="18" customHeight="1" x14ac:dyDescent="0.2">
      <c r="A29" s="18" t="s">
        <v>70</v>
      </c>
      <c r="B29" s="15">
        <v>50</v>
      </c>
      <c r="C29" s="16">
        <v>45</v>
      </c>
      <c r="D29" s="17">
        <v>95</v>
      </c>
    </row>
    <row r="30" spans="1:4" ht="18" customHeight="1" x14ac:dyDescent="0.2">
      <c r="A30" s="14">
        <v>20</v>
      </c>
      <c r="B30" s="15">
        <v>11</v>
      </c>
      <c r="C30" s="16">
        <v>7</v>
      </c>
      <c r="D30" s="17">
        <v>18</v>
      </c>
    </row>
    <row r="31" spans="1:4" ht="18" customHeight="1" x14ac:dyDescent="0.2">
      <c r="A31" s="14">
        <v>21</v>
      </c>
      <c r="B31" s="15">
        <v>9</v>
      </c>
      <c r="C31" s="16">
        <v>9</v>
      </c>
      <c r="D31" s="17">
        <v>18</v>
      </c>
    </row>
    <row r="32" spans="1:4" ht="18" customHeight="1" x14ac:dyDescent="0.2">
      <c r="A32" s="14">
        <v>22</v>
      </c>
      <c r="B32" s="15">
        <v>10</v>
      </c>
      <c r="C32" s="16">
        <v>11</v>
      </c>
      <c r="D32" s="17">
        <v>21</v>
      </c>
    </row>
    <row r="33" spans="1:4" ht="18" customHeight="1" x14ac:dyDescent="0.2">
      <c r="A33" s="14">
        <v>23</v>
      </c>
      <c r="B33" s="15">
        <v>11</v>
      </c>
      <c r="C33" s="16">
        <v>7</v>
      </c>
      <c r="D33" s="17">
        <v>18</v>
      </c>
    </row>
    <row r="34" spans="1:4" ht="18" customHeight="1" x14ac:dyDescent="0.2">
      <c r="A34" s="14">
        <v>24</v>
      </c>
      <c r="B34" s="15">
        <v>11</v>
      </c>
      <c r="C34" s="16">
        <v>6</v>
      </c>
      <c r="D34" s="17">
        <v>17</v>
      </c>
    </row>
    <row r="35" spans="1:4" ht="18" customHeight="1" x14ac:dyDescent="0.2">
      <c r="A35" s="18" t="s">
        <v>71</v>
      </c>
      <c r="B35" s="15">
        <v>52</v>
      </c>
      <c r="C35" s="16">
        <v>40</v>
      </c>
      <c r="D35" s="17">
        <v>92</v>
      </c>
    </row>
    <row r="36" spans="1:4" ht="18" customHeight="1" x14ac:dyDescent="0.2">
      <c r="A36" s="14">
        <v>25</v>
      </c>
      <c r="B36" s="15">
        <v>7</v>
      </c>
      <c r="C36" s="16">
        <v>11</v>
      </c>
      <c r="D36" s="17">
        <v>18</v>
      </c>
    </row>
    <row r="37" spans="1:4" ht="18" customHeight="1" x14ac:dyDescent="0.2">
      <c r="A37" s="14">
        <v>26</v>
      </c>
      <c r="B37" s="15">
        <v>15</v>
      </c>
      <c r="C37" s="16">
        <v>3</v>
      </c>
      <c r="D37" s="17">
        <v>18</v>
      </c>
    </row>
    <row r="38" spans="1:4" ht="18" customHeight="1" x14ac:dyDescent="0.2">
      <c r="A38" s="14">
        <v>27</v>
      </c>
      <c r="B38" s="15">
        <v>7</v>
      </c>
      <c r="C38" s="16">
        <v>10</v>
      </c>
      <c r="D38" s="17">
        <v>17</v>
      </c>
    </row>
    <row r="39" spans="1:4" ht="18" customHeight="1" x14ac:dyDescent="0.2">
      <c r="A39" s="14">
        <v>28</v>
      </c>
      <c r="B39" s="15">
        <v>8</v>
      </c>
      <c r="C39" s="16">
        <v>10</v>
      </c>
      <c r="D39" s="17">
        <v>18</v>
      </c>
    </row>
    <row r="40" spans="1:4" ht="18" customHeight="1" x14ac:dyDescent="0.2">
      <c r="A40" s="14">
        <v>29</v>
      </c>
      <c r="B40" s="15">
        <v>8</v>
      </c>
      <c r="C40" s="16">
        <v>8</v>
      </c>
      <c r="D40" s="17">
        <v>16</v>
      </c>
    </row>
    <row r="41" spans="1:4" ht="18" customHeight="1" x14ac:dyDescent="0.2">
      <c r="A41" s="18" t="s">
        <v>72</v>
      </c>
      <c r="B41" s="15">
        <v>45</v>
      </c>
      <c r="C41" s="16">
        <v>42</v>
      </c>
      <c r="D41" s="17">
        <v>87</v>
      </c>
    </row>
    <row r="42" spans="1:4" ht="18" customHeight="1" x14ac:dyDescent="0.2">
      <c r="A42" s="14">
        <v>30</v>
      </c>
      <c r="B42" s="15">
        <v>8</v>
      </c>
      <c r="C42" s="16">
        <v>9</v>
      </c>
      <c r="D42" s="17">
        <v>17</v>
      </c>
    </row>
    <row r="43" spans="1:4" ht="18" customHeight="1" x14ac:dyDescent="0.2">
      <c r="A43" s="14">
        <v>31</v>
      </c>
      <c r="B43" s="15">
        <v>9</v>
      </c>
      <c r="C43" s="16">
        <v>4</v>
      </c>
      <c r="D43" s="17">
        <v>13</v>
      </c>
    </row>
    <row r="44" spans="1:4" ht="18" customHeight="1" x14ac:dyDescent="0.2">
      <c r="A44" s="14">
        <v>32</v>
      </c>
      <c r="B44" s="15">
        <v>14</v>
      </c>
      <c r="C44" s="16">
        <v>15</v>
      </c>
      <c r="D44" s="17">
        <v>29</v>
      </c>
    </row>
    <row r="45" spans="1:4" ht="18" customHeight="1" x14ac:dyDescent="0.2">
      <c r="A45" s="14">
        <v>33</v>
      </c>
      <c r="B45" s="15">
        <v>14</v>
      </c>
      <c r="C45" s="16">
        <v>13</v>
      </c>
      <c r="D45" s="17">
        <v>27</v>
      </c>
    </row>
    <row r="46" spans="1:4" ht="18" customHeight="1" x14ac:dyDescent="0.2">
      <c r="A46" s="14">
        <v>34</v>
      </c>
      <c r="B46" s="15">
        <v>6</v>
      </c>
      <c r="C46" s="16">
        <v>9</v>
      </c>
      <c r="D46" s="17">
        <v>15</v>
      </c>
    </row>
    <row r="47" spans="1:4" ht="18" customHeight="1" x14ac:dyDescent="0.2">
      <c r="A47" s="18" t="s">
        <v>73</v>
      </c>
      <c r="B47" s="15">
        <v>51</v>
      </c>
      <c r="C47" s="16">
        <v>50</v>
      </c>
      <c r="D47" s="17">
        <v>101</v>
      </c>
    </row>
    <row r="48" spans="1:4" ht="18" customHeight="1" x14ac:dyDescent="0.2">
      <c r="A48" s="14">
        <v>35</v>
      </c>
      <c r="B48" s="15">
        <v>11</v>
      </c>
      <c r="C48" s="16">
        <v>10</v>
      </c>
      <c r="D48" s="17">
        <v>21</v>
      </c>
    </row>
    <row r="49" spans="1:4" ht="18" customHeight="1" x14ac:dyDescent="0.2">
      <c r="A49" s="14">
        <v>36</v>
      </c>
      <c r="B49" s="15">
        <v>14</v>
      </c>
      <c r="C49" s="16">
        <v>13</v>
      </c>
      <c r="D49" s="17">
        <v>27</v>
      </c>
    </row>
    <row r="50" spans="1:4" ht="18" customHeight="1" x14ac:dyDescent="0.2">
      <c r="A50" s="14">
        <v>37</v>
      </c>
      <c r="B50" s="15">
        <v>12</v>
      </c>
      <c r="C50" s="16">
        <v>12</v>
      </c>
      <c r="D50" s="17">
        <v>24</v>
      </c>
    </row>
    <row r="51" spans="1:4" ht="18" customHeight="1" x14ac:dyDescent="0.2">
      <c r="A51" s="14">
        <v>38</v>
      </c>
      <c r="B51" s="15">
        <v>14</v>
      </c>
      <c r="C51" s="16">
        <v>15</v>
      </c>
      <c r="D51" s="17">
        <v>29</v>
      </c>
    </row>
    <row r="52" spans="1:4" ht="18" customHeight="1" x14ac:dyDescent="0.2">
      <c r="A52" s="14">
        <v>39</v>
      </c>
      <c r="B52" s="15">
        <v>11</v>
      </c>
      <c r="C52" s="16">
        <v>7</v>
      </c>
      <c r="D52" s="17">
        <v>18</v>
      </c>
    </row>
    <row r="53" spans="1:4" ht="18" customHeight="1" x14ac:dyDescent="0.2">
      <c r="A53" s="18" t="s">
        <v>74</v>
      </c>
      <c r="B53" s="15">
        <v>62</v>
      </c>
      <c r="C53" s="16">
        <v>57</v>
      </c>
      <c r="D53" s="17">
        <v>119</v>
      </c>
    </row>
    <row r="54" spans="1:4" ht="18" customHeight="1" x14ac:dyDescent="0.2">
      <c r="A54" s="14">
        <v>40</v>
      </c>
      <c r="B54" s="15">
        <v>9</v>
      </c>
      <c r="C54" s="16">
        <v>7</v>
      </c>
      <c r="D54" s="17">
        <v>16</v>
      </c>
    </row>
    <row r="55" spans="1:4" ht="18" customHeight="1" x14ac:dyDescent="0.2">
      <c r="A55" s="14">
        <v>41</v>
      </c>
      <c r="B55" s="15">
        <v>13</v>
      </c>
      <c r="C55" s="16">
        <v>13</v>
      </c>
      <c r="D55" s="17">
        <v>26</v>
      </c>
    </row>
    <row r="56" spans="1:4" ht="18" customHeight="1" x14ac:dyDescent="0.2">
      <c r="A56" s="14">
        <v>42</v>
      </c>
      <c r="B56" s="15">
        <v>12</v>
      </c>
      <c r="C56" s="16">
        <v>8</v>
      </c>
      <c r="D56" s="17">
        <v>20</v>
      </c>
    </row>
    <row r="57" spans="1:4" ht="18" customHeight="1" x14ac:dyDescent="0.2">
      <c r="A57" s="14">
        <v>43</v>
      </c>
      <c r="B57" s="15">
        <v>7</v>
      </c>
      <c r="C57" s="16">
        <v>4</v>
      </c>
      <c r="D57" s="17">
        <v>11</v>
      </c>
    </row>
    <row r="58" spans="1:4" ht="18" customHeight="1" x14ac:dyDescent="0.2">
      <c r="A58" s="14">
        <v>44</v>
      </c>
      <c r="B58" s="15">
        <v>13</v>
      </c>
      <c r="C58" s="16">
        <v>11</v>
      </c>
      <c r="D58" s="17">
        <v>24</v>
      </c>
    </row>
    <row r="59" spans="1:4" ht="18" customHeight="1" x14ac:dyDescent="0.2">
      <c r="A59" s="18" t="s">
        <v>75</v>
      </c>
      <c r="B59" s="15">
        <v>54</v>
      </c>
      <c r="C59" s="16">
        <v>43</v>
      </c>
      <c r="D59" s="17">
        <v>97</v>
      </c>
    </row>
    <row r="60" spans="1:4" ht="18" customHeight="1" x14ac:dyDescent="0.2">
      <c r="A60" s="14">
        <v>45</v>
      </c>
      <c r="B60" s="15">
        <v>7</v>
      </c>
      <c r="C60" s="16">
        <v>10</v>
      </c>
      <c r="D60" s="17">
        <v>17</v>
      </c>
    </row>
    <row r="61" spans="1:4" ht="18" customHeight="1" x14ac:dyDescent="0.2">
      <c r="A61" s="14">
        <v>46</v>
      </c>
      <c r="B61" s="15">
        <v>18</v>
      </c>
      <c r="C61" s="16">
        <v>14</v>
      </c>
      <c r="D61" s="17">
        <v>32</v>
      </c>
    </row>
    <row r="62" spans="1:4" ht="18" customHeight="1" x14ac:dyDescent="0.2">
      <c r="A62" s="14">
        <v>47</v>
      </c>
      <c r="B62" s="15">
        <v>6</v>
      </c>
      <c r="C62" s="16">
        <v>8</v>
      </c>
      <c r="D62" s="17">
        <v>14</v>
      </c>
    </row>
    <row r="63" spans="1:4" ht="18" customHeight="1" x14ac:dyDescent="0.2">
      <c r="A63" s="14">
        <v>48</v>
      </c>
      <c r="B63" s="15">
        <v>12</v>
      </c>
      <c r="C63" s="16">
        <v>7</v>
      </c>
      <c r="D63" s="17">
        <v>19</v>
      </c>
    </row>
    <row r="64" spans="1:4" ht="18" customHeight="1" x14ac:dyDescent="0.2">
      <c r="A64" s="14">
        <v>49</v>
      </c>
      <c r="B64" s="15">
        <v>8</v>
      </c>
      <c r="C64" s="16">
        <v>16</v>
      </c>
      <c r="D64" s="17">
        <v>24</v>
      </c>
    </row>
    <row r="65" spans="1:4" ht="18" customHeight="1" x14ac:dyDescent="0.2">
      <c r="A65" s="18" t="s">
        <v>76</v>
      </c>
      <c r="B65" s="15">
        <v>51</v>
      </c>
      <c r="C65" s="16">
        <v>55</v>
      </c>
      <c r="D65" s="17">
        <v>106</v>
      </c>
    </row>
    <row r="66" spans="1:4" ht="18" customHeight="1" x14ac:dyDescent="0.2">
      <c r="A66" s="14">
        <v>50</v>
      </c>
      <c r="B66" s="15">
        <v>14</v>
      </c>
      <c r="C66" s="16">
        <v>10</v>
      </c>
      <c r="D66" s="17">
        <v>24</v>
      </c>
    </row>
    <row r="67" spans="1:4" ht="18" customHeight="1" x14ac:dyDescent="0.2">
      <c r="A67" s="14">
        <v>51</v>
      </c>
      <c r="B67" s="15">
        <v>12</v>
      </c>
      <c r="C67" s="16">
        <v>15</v>
      </c>
      <c r="D67" s="17">
        <v>27</v>
      </c>
    </row>
    <row r="68" spans="1:4" ht="18" customHeight="1" x14ac:dyDescent="0.2">
      <c r="A68" s="14">
        <v>52</v>
      </c>
      <c r="B68" s="15">
        <v>7</v>
      </c>
      <c r="C68" s="16">
        <v>10</v>
      </c>
      <c r="D68" s="17">
        <v>17</v>
      </c>
    </row>
    <row r="69" spans="1:4" ht="18" customHeight="1" x14ac:dyDescent="0.2">
      <c r="A69" s="14">
        <v>53</v>
      </c>
      <c r="B69" s="15">
        <v>13</v>
      </c>
      <c r="C69" s="16">
        <v>5</v>
      </c>
      <c r="D69" s="17">
        <v>18</v>
      </c>
    </row>
    <row r="70" spans="1:4" ht="18" customHeight="1" x14ac:dyDescent="0.2">
      <c r="A70" s="14">
        <v>54</v>
      </c>
      <c r="B70" s="15">
        <v>14</v>
      </c>
      <c r="C70" s="16">
        <v>12</v>
      </c>
      <c r="D70" s="17">
        <v>26</v>
      </c>
    </row>
    <row r="71" spans="1:4" ht="18" customHeight="1" x14ac:dyDescent="0.2">
      <c r="A71" s="18" t="s">
        <v>77</v>
      </c>
      <c r="B71" s="15">
        <v>60</v>
      </c>
      <c r="C71" s="16">
        <v>52</v>
      </c>
      <c r="D71" s="17">
        <v>112</v>
      </c>
    </row>
    <row r="72" spans="1:4" ht="18" customHeight="1" x14ac:dyDescent="0.2">
      <c r="A72" s="14">
        <v>55</v>
      </c>
      <c r="B72" s="15">
        <v>10</v>
      </c>
      <c r="C72" s="16">
        <v>12</v>
      </c>
      <c r="D72" s="17">
        <v>22</v>
      </c>
    </row>
    <row r="73" spans="1:4" ht="18" customHeight="1" x14ac:dyDescent="0.2">
      <c r="A73" s="14">
        <v>56</v>
      </c>
      <c r="B73" s="15">
        <v>18</v>
      </c>
      <c r="C73" s="16">
        <v>13</v>
      </c>
      <c r="D73" s="17">
        <v>31</v>
      </c>
    </row>
    <row r="74" spans="1:4" ht="18" customHeight="1" x14ac:dyDescent="0.2">
      <c r="A74" s="14">
        <v>57</v>
      </c>
      <c r="B74" s="15">
        <v>10</v>
      </c>
      <c r="C74" s="16">
        <v>16</v>
      </c>
      <c r="D74" s="17">
        <v>26</v>
      </c>
    </row>
    <row r="75" spans="1:4" ht="18" customHeight="1" x14ac:dyDescent="0.2">
      <c r="A75" s="14">
        <v>58</v>
      </c>
      <c r="B75" s="15">
        <v>9</v>
      </c>
      <c r="C75" s="16">
        <v>14</v>
      </c>
      <c r="D75" s="17">
        <v>23</v>
      </c>
    </row>
    <row r="76" spans="1:4" ht="18" customHeight="1" x14ac:dyDescent="0.2">
      <c r="A76" s="14">
        <v>59</v>
      </c>
      <c r="B76" s="15">
        <v>13</v>
      </c>
      <c r="C76" s="16">
        <v>11</v>
      </c>
      <c r="D76" s="17">
        <v>24</v>
      </c>
    </row>
    <row r="77" spans="1:4" ht="18" customHeight="1" x14ac:dyDescent="0.2">
      <c r="A77" s="18" t="s">
        <v>78</v>
      </c>
      <c r="B77" s="15">
        <v>60</v>
      </c>
      <c r="C77" s="16">
        <v>66</v>
      </c>
      <c r="D77" s="17">
        <v>126</v>
      </c>
    </row>
    <row r="78" spans="1:4" ht="18" customHeight="1" x14ac:dyDescent="0.2">
      <c r="A78" s="14">
        <v>60</v>
      </c>
      <c r="B78" s="15">
        <v>24</v>
      </c>
      <c r="C78" s="16">
        <v>16</v>
      </c>
      <c r="D78" s="17">
        <v>40</v>
      </c>
    </row>
    <row r="79" spans="1:4" ht="18" customHeight="1" x14ac:dyDescent="0.2">
      <c r="A79" s="14">
        <v>61</v>
      </c>
      <c r="B79" s="15">
        <v>19</v>
      </c>
      <c r="C79" s="16">
        <v>19</v>
      </c>
      <c r="D79" s="17">
        <v>38</v>
      </c>
    </row>
    <row r="80" spans="1:4" ht="18" customHeight="1" x14ac:dyDescent="0.2">
      <c r="A80" s="14">
        <v>62</v>
      </c>
      <c r="B80" s="15">
        <v>16</v>
      </c>
      <c r="C80" s="16">
        <v>18</v>
      </c>
      <c r="D80" s="17">
        <v>34</v>
      </c>
    </row>
    <row r="81" spans="1:4" ht="18" customHeight="1" x14ac:dyDescent="0.2">
      <c r="A81" s="14">
        <v>63</v>
      </c>
      <c r="B81" s="15">
        <v>9</v>
      </c>
      <c r="C81" s="16">
        <v>9</v>
      </c>
      <c r="D81" s="17">
        <v>18</v>
      </c>
    </row>
    <row r="82" spans="1:4" ht="18" customHeight="1" x14ac:dyDescent="0.2">
      <c r="A82" s="14">
        <v>64</v>
      </c>
      <c r="B82" s="15">
        <v>14</v>
      </c>
      <c r="C82" s="16">
        <v>9</v>
      </c>
      <c r="D82" s="17">
        <v>23</v>
      </c>
    </row>
    <row r="83" spans="1:4" ht="18" customHeight="1" x14ac:dyDescent="0.2">
      <c r="A83" s="18" t="s">
        <v>79</v>
      </c>
      <c r="B83" s="15">
        <v>82</v>
      </c>
      <c r="C83" s="16">
        <v>71</v>
      </c>
      <c r="D83" s="17">
        <v>153</v>
      </c>
    </row>
    <row r="84" spans="1:4" ht="18" customHeight="1" x14ac:dyDescent="0.2">
      <c r="A84" s="18" t="s">
        <v>80</v>
      </c>
      <c r="B84" s="15">
        <v>567</v>
      </c>
      <c r="C84" s="16">
        <v>521</v>
      </c>
      <c r="D84" s="17">
        <v>1088</v>
      </c>
    </row>
    <row r="85" spans="1:4" ht="18" customHeight="1" x14ac:dyDescent="0.2">
      <c r="A85" s="14">
        <v>65</v>
      </c>
      <c r="B85" s="15">
        <v>10</v>
      </c>
      <c r="C85" s="16">
        <v>19</v>
      </c>
      <c r="D85" s="17">
        <v>29</v>
      </c>
    </row>
    <row r="86" spans="1:4" ht="18" customHeight="1" x14ac:dyDescent="0.2">
      <c r="A86" s="14">
        <v>66</v>
      </c>
      <c r="B86" s="15">
        <v>12</v>
      </c>
      <c r="C86" s="16">
        <v>13</v>
      </c>
      <c r="D86" s="17">
        <v>25</v>
      </c>
    </row>
    <row r="87" spans="1:4" ht="18" customHeight="1" x14ac:dyDescent="0.2">
      <c r="A87" s="14">
        <v>67</v>
      </c>
      <c r="B87" s="15">
        <v>18</v>
      </c>
      <c r="C87" s="16">
        <v>17</v>
      </c>
      <c r="D87" s="17">
        <v>35</v>
      </c>
    </row>
    <row r="88" spans="1:4" ht="18" customHeight="1" x14ac:dyDescent="0.2">
      <c r="A88" s="14">
        <v>68</v>
      </c>
      <c r="B88" s="15">
        <v>10</v>
      </c>
      <c r="C88" s="16">
        <v>17</v>
      </c>
      <c r="D88" s="17">
        <v>27</v>
      </c>
    </row>
    <row r="89" spans="1:4" ht="18" customHeight="1" x14ac:dyDescent="0.2">
      <c r="A89" s="14">
        <v>69</v>
      </c>
      <c r="B89" s="15">
        <v>11</v>
      </c>
      <c r="C89" s="16">
        <v>8</v>
      </c>
      <c r="D89" s="17">
        <v>19</v>
      </c>
    </row>
    <row r="90" spans="1:4" ht="18" customHeight="1" x14ac:dyDescent="0.2">
      <c r="A90" s="18" t="s">
        <v>81</v>
      </c>
      <c r="B90" s="15">
        <v>61</v>
      </c>
      <c r="C90" s="16">
        <v>74</v>
      </c>
      <c r="D90" s="17">
        <v>135</v>
      </c>
    </row>
    <row r="91" spans="1:4" ht="18" customHeight="1" x14ac:dyDescent="0.2">
      <c r="A91" s="14">
        <v>70</v>
      </c>
      <c r="B91" s="15">
        <v>10</v>
      </c>
      <c r="C91" s="16">
        <v>10</v>
      </c>
      <c r="D91" s="17">
        <v>20</v>
      </c>
    </row>
    <row r="92" spans="1:4" ht="18" customHeight="1" x14ac:dyDescent="0.2">
      <c r="A92" s="14">
        <v>71</v>
      </c>
      <c r="B92" s="15">
        <v>10</v>
      </c>
      <c r="C92" s="16">
        <v>13</v>
      </c>
      <c r="D92" s="17">
        <v>23</v>
      </c>
    </row>
    <row r="93" spans="1:4" ht="18" customHeight="1" x14ac:dyDescent="0.2">
      <c r="A93" s="14">
        <v>72</v>
      </c>
      <c r="B93" s="15">
        <v>10</v>
      </c>
      <c r="C93" s="16">
        <v>15</v>
      </c>
      <c r="D93" s="17">
        <v>25</v>
      </c>
    </row>
    <row r="94" spans="1:4" ht="18" customHeight="1" x14ac:dyDescent="0.2">
      <c r="A94" s="14">
        <v>73</v>
      </c>
      <c r="B94" s="15">
        <v>9</v>
      </c>
      <c r="C94" s="16">
        <v>18</v>
      </c>
      <c r="D94" s="17">
        <v>27</v>
      </c>
    </row>
    <row r="95" spans="1:4" ht="18" customHeight="1" x14ac:dyDescent="0.2">
      <c r="A95" s="14">
        <v>74</v>
      </c>
      <c r="B95" s="15">
        <v>12</v>
      </c>
      <c r="C95" s="16">
        <v>10</v>
      </c>
      <c r="D95" s="17">
        <v>22</v>
      </c>
    </row>
    <row r="96" spans="1:4" ht="18" customHeight="1" x14ac:dyDescent="0.2">
      <c r="A96" s="18" t="s">
        <v>82</v>
      </c>
      <c r="B96" s="15">
        <v>51</v>
      </c>
      <c r="C96" s="16">
        <v>66</v>
      </c>
      <c r="D96" s="17">
        <v>117</v>
      </c>
    </row>
    <row r="97" spans="1:4" ht="18" customHeight="1" x14ac:dyDescent="0.2">
      <c r="A97" s="14">
        <v>75</v>
      </c>
      <c r="B97" s="15">
        <v>9</v>
      </c>
      <c r="C97" s="16">
        <v>8</v>
      </c>
      <c r="D97" s="17">
        <v>17</v>
      </c>
    </row>
    <row r="98" spans="1:4" ht="18" customHeight="1" x14ac:dyDescent="0.2">
      <c r="A98" s="14">
        <v>76</v>
      </c>
      <c r="B98" s="15">
        <v>5</v>
      </c>
      <c r="C98" s="16">
        <v>5</v>
      </c>
      <c r="D98" s="17">
        <v>10</v>
      </c>
    </row>
    <row r="99" spans="1:4" ht="18" customHeight="1" x14ac:dyDescent="0.2">
      <c r="A99" s="14">
        <v>77</v>
      </c>
      <c r="B99" s="15">
        <v>6</v>
      </c>
      <c r="C99" s="16">
        <v>10</v>
      </c>
      <c r="D99" s="17">
        <v>16</v>
      </c>
    </row>
    <row r="100" spans="1:4" ht="18" customHeight="1" x14ac:dyDescent="0.2">
      <c r="A100" s="14">
        <v>78</v>
      </c>
      <c r="B100" s="15">
        <v>9</v>
      </c>
      <c r="C100" s="16">
        <v>20</v>
      </c>
      <c r="D100" s="17">
        <v>29</v>
      </c>
    </row>
    <row r="101" spans="1:4" ht="18" customHeight="1" x14ac:dyDescent="0.2">
      <c r="A101" s="14">
        <v>79</v>
      </c>
      <c r="B101" s="15">
        <v>3</v>
      </c>
      <c r="C101" s="16">
        <v>9</v>
      </c>
      <c r="D101" s="17">
        <v>12</v>
      </c>
    </row>
    <row r="102" spans="1:4" ht="18" customHeight="1" x14ac:dyDescent="0.2">
      <c r="A102" s="18" t="s">
        <v>83</v>
      </c>
      <c r="B102" s="15">
        <v>32</v>
      </c>
      <c r="C102" s="16">
        <v>52</v>
      </c>
      <c r="D102" s="17">
        <v>84</v>
      </c>
    </row>
    <row r="103" spans="1:4" ht="18" customHeight="1" x14ac:dyDescent="0.2">
      <c r="A103" s="14">
        <v>80</v>
      </c>
      <c r="B103" s="15">
        <v>3</v>
      </c>
      <c r="C103" s="16">
        <v>8</v>
      </c>
      <c r="D103" s="17">
        <v>11</v>
      </c>
    </row>
    <row r="104" spans="1:4" ht="18" customHeight="1" x14ac:dyDescent="0.2">
      <c r="A104" s="14">
        <v>81</v>
      </c>
      <c r="B104" s="15">
        <v>5</v>
      </c>
      <c r="C104" s="16">
        <v>10</v>
      </c>
      <c r="D104" s="17">
        <v>15</v>
      </c>
    </row>
    <row r="105" spans="1:4" ht="18" customHeight="1" x14ac:dyDescent="0.2">
      <c r="A105" s="14">
        <v>82</v>
      </c>
      <c r="B105" s="15">
        <v>1</v>
      </c>
      <c r="C105" s="16">
        <v>3</v>
      </c>
      <c r="D105" s="17">
        <v>4</v>
      </c>
    </row>
    <row r="106" spans="1:4" ht="18" customHeight="1" x14ac:dyDescent="0.2">
      <c r="A106" s="14">
        <v>83</v>
      </c>
      <c r="B106" s="15">
        <v>6</v>
      </c>
      <c r="C106" s="16">
        <v>6</v>
      </c>
      <c r="D106" s="17">
        <v>12</v>
      </c>
    </row>
    <row r="107" spans="1:4" ht="18" customHeight="1" x14ac:dyDescent="0.2">
      <c r="A107" s="14">
        <v>84</v>
      </c>
      <c r="B107" s="15">
        <v>5</v>
      </c>
      <c r="C107" s="16">
        <v>8</v>
      </c>
      <c r="D107" s="17">
        <v>13</v>
      </c>
    </row>
    <row r="108" spans="1:4" ht="18" customHeight="1" x14ac:dyDescent="0.2">
      <c r="A108" s="18" t="s">
        <v>84</v>
      </c>
      <c r="B108" s="15">
        <v>20</v>
      </c>
      <c r="C108" s="16">
        <v>35</v>
      </c>
      <c r="D108" s="17">
        <v>55</v>
      </c>
    </row>
    <row r="109" spans="1:4" ht="18" customHeight="1" x14ac:dyDescent="0.2">
      <c r="A109" s="14">
        <v>85</v>
      </c>
      <c r="B109" s="15">
        <v>5</v>
      </c>
      <c r="C109" s="16">
        <v>8</v>
      </c>
      <c r="D109" s="17">
        <v>13</v>
      </c>
    </row>
    <row r="110" spans="1:4" ht="18" customHeight="1" x14ac:dyDescent="0.2">
      <c r="A110" s="14">
        <v>86</v>
      </c>
      <c r="B110" s="15">
        <v>2</v>
      </c>
      <c r="C110" s="16">
        <v>7</v>
      </c>
      <c r="D110" s="17">
        <v>9</v>
      </c>
    </row>
    <row r="111" spans="1:4" ht="18" customHeight="1" x14ac:dyDescent="0.2">
      <c r="A111" s="14">
        <v>87</v>
      </c>
      <c r="B111" s="15">
        <v>2</v>
      </c>
      <c r="C111" s="16">
        <v>7</v>
      </c>
      <c r="D111" s="17">
        <v>9</v>
      </c>
    </row>
    <row r="112" spans="1:4" ht="18" customHeight="1" x14ac:dyDescent="0.2">
      <c r="A112" s="14">
        <v>88</v>
      </c>
      <c r="B112" s="15">
        <v>2</v>
      </c>
      <c r="C112" s="16">
        <v>2</v>
      </c>
      <c r="D112" s="17">
        <v>4</v>
      </c>
    </row>
    <row r="113" spans="1:4" ht="18" customHeight="1" x14ac:dyDescent="0.2">
      <c r="A113" s="14">
        <v>89</v>
      </c>
      <c r="B113" s="15">
        <v>2</v>
      </c>
      <c r="C113" s="16">
        <v>6</v>
      </c>
      <c r="D113" s="17">
        <v>8</v>
      </c>
    </row>
    <row r="114" spans="1:4" ht="18" customHeight="1" x14ac:dyDescent="0.2">
      <c r="A114" s="18" t="s">
        <v>85</v>
      </c>
      <c r="B114" s="15">
        <v>13</v>
      </c>
      <c r="C114" s="16">
        <v>30</v>
      </c>
      <c r="D114" s="17">
        <v>43</v>
      </c>
    </row>
    <row r="115" spans="1:4" ht="18" customHeight="1" x14ac:dyDescent="0.2">
      <c r="A115" s="14">
        <v>90</v>
      </c>
      <c r="B115" s="15">
        <v>3</v>
      </c>
      <c r="C115" s="16">
        <v>3</v>
      </c>
      <c r="D115" s="17">
        <v>6</v>
      </c>
    </row>
    <row r="116" spans="1:4" ht="18" customHeight="1" x14ac:dyDescent="0.2">
      <c r="A116" s="14">
        <v>91</v>
      </c>
      <c r="B116" s="15">
        <v>2</v>
      </c>
      <c r="C116" s="16">
        <v>0</v>
      </c>
      <c r="D116" s="17">
        <v>2</v>
      </c>
    </row>
    <row r="117" spans="1:4" ht="18" customHeight="1" x14ac:dyDescent="0.2">
      <c r="A117" s="14">
        <v>92</v>
      </c>
      <c r="B117" s="15">
        <v>0</v>
      </c>
      <c r="C117" s="16">
        <v>1</v>
      </c>
      <c r="D117" s="17">
        <v>1</v>
      </c>
    </row>
    <row r="118" spans="1:4" ht="18" customHeight="1" x14ac:dyDescent="0.2">
      <c r="A118" s="14">
        <v>93</v>
      </c>
      <c r="B118" s="15">
        <v>2</v>
      </c>
      <c r="C118" s="16">
        <v>3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86</v>
      </c>
      <c r="B120" s="15">
        <v>7</v>
      </c>
      <c r="C120" s="16">
        <v>8</v>
      </c>
      <c r="D120" s="17">
        <v>15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4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186</v>
      </c>
      <c r="C130" s="5">
        <v>270</v>
      </c>
      <c r="D130" s="6">
        <v>456</v>
      </c>
    </row>
    <row r="131" spans="1:4" ht="18" customHeight="1" x14ac:dyDescent="0.2">
      <c r="A131" s="20" t="s">
        <v>65</v>
      </c>
      <c r="B131" s="7">
        <v>883</v>
      </c>
      <c r="C131" s="8">
        <v>898</v>
      </c>
      <c r="D131" s="9">
        <v>178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</v>
      </c>
      <c r="C5" s="12">
        <v>3</v>
      </c>
      <c r="D5" s="13">
        <v>7</v>
      </c>
    </row>
    <row r="6" spans="1:4" ht="18" customHeight="1" x14ac:dyDescent="0.2">
      <c r="A6" s="14">
        <v>1</v>
      </c>
      <c r="B6" s="15">
        <v>1</v>
      </c>
      <c r="C6" s="16">
        <v>5</v>
      </c>
      <c r="D6" s="17">
        <v>6</v>
      </c>
    </row>
    <row r="7" spans="1:4" ht="18" customHeight="1" x14ac:dyDescent="0.2">
      <c r="A7" s="14">
        <v>2</v>
      </c>
      <c r="B7" s="15">
        <v>4</v>
      </c>
      <c r="C7" s="16">
        <v>8</v>
      </c>
      <c r="D7" s="17">
        <v>12</v>
      </c>
    </row>
    <row r="8" spans="1:4" ht="18" customHeight="1" x14ac:dyDescent="0.2">
      <c r="A8" s="14">
        <v>3</v>
      </c>
      <c r="B8" s="15">
        <v>4</v>
      </c>
      <c r="C8" s="16">
        <v>6</v>
      </c>
      <c r="D8" s="17">
        <v>10</v>
      </c>
    </row>
    <row r="9" spans="1:4" ht="18" customHeight="1" x14ac:dyDescent="0.2">
      <c r="A9" s="14">
        <v>4</v>
      </c>
      <c r="B9" s="15">
        <v>4</v>
      </c>
      <c r="C9" s="16">
        <v>7</v>
      </c>
      <c r="D9" s="17">
        <v>11</v>
      </c>
    </row>
    <row r="10" spans="1:4" ht="18" customHeight="1" x14ac:dyDescent="0.2">
      <c r="A10" s="18" t="s">
        <v>66</v>
      </c>
      <c r="B10" s="15">
        <v>17</v>
      </c>
      <c r="C10" s="16">
        <v>29</v>
      </c>
      <c r="D10" s="17">
        <v>46</v>
      </c>
    </row>
    <row r="11" spans="1:4" ht="18" customHeight="1" x14ac:dyDescent="0.2">
      <c r="A11" s="14">
        <v>5</v>
      </c>
      <c r="B11" s="15">
        <v>12</v>
      </c>
      <c r="C11" s="16">
        <v>6</v>
      </c>
      <c r="D11" s="17">
        <v>18</v>
      </c>
    </row>
    <row r="12" spans="1:4" ht="18" customHeight="1" x14ac:dyDescent="0.2">
      <c r="A12" s="14">
        <v>6</v>
      </c>
      <c r="B12" s="15">
        <v>7</v>
      </c>
      <c r="C12" s="16">
        <v>6</v>
      </c>
      <c r="D12" s="17">
        <v>13</v>
      </c>
    </row>
    <row r="13" spans="1:4" ht="18" customHeight="1" x14ac:dyDescent="0.2">
      <c r="A13" s="14">
        <v>7</v>
      </c>
      <c r="B13" s="15">
        <v>5</v>
      </c>
      <c r="C13" s="16">
        <v>6</v>
      </c>
      <c r="D13" s="17">
        <v>11</v>
      </c>
    </row>
    <row r="14" spans="1:4" ht="18" customHeight="1" x14ac:dyDescent="0.2">
      <c r="A14" s="14">
        <v>8</v>
      </c>
      <c r="B14" s="15">
        <v>4</v>
      </c>
      <c r="C14" s="16">
        <v>6</v>
      </c>
      <c r="D14" s="17">
        <v>10</v>
      </c>
    </row>
    <row r="15" spans="1:4" ht="18" customHeight="1" x14ac:dyDescent="0.2">
      <c r="A15" s="14">
        <v>9</v>
      </c>
      <c r="B15" s="15">
        <v>6</v>
      </c>
      <c r="C15" s="16">
        <v>8</v>
      </c>
      <c r="D15" s="17">
        <v>14</v>
      </c>
    </row>
    <row r="16" spans="1:4" ht="18" customHeight="1" x14ac:dyDescent="0.2">
      <c r="A16" s="18" t="s">
        <v>67</v>
      </c>
      <c r="B16" s="15">
        <v>34</v>
      </c>
      <c r="C16" s="16">
        <v>32</v>
      </c>
      <c r="D16" s="17">
        <v>66</v>
      </c>
    </row>
    <row r="17" spans="1:4" ht="18" customHeight="1" x14ac:dyDescent="0.2">
      <c r="A17" s="14">
        <v>10</v>
      </c>
      <c r="B17" s="15">
        <v>2</v>
      </c>
      <c r="C17" s="16">
        <v>6</v>
      </c>
      <c r="D17" s="17">
        <v>8</v>
      </c>
    </row>
    <row r="18" spans="1:4" ht="18" customHeight="1" x14ac:dyDescent="0.2">
      <c r="A18" s="14">
        <v>11</v>
      </c>
      <c r="B18" s="15">
        <v>4</v>
      </c>
      <c r="C18" s="16">
        <v>6</v>
      </c>
      <c r="D18" s="17">
        <v>10</v>
      </c>
    </row>
    <row r="19" spans="1:4" ht="18" customHeight="1" x14ac:dyDescent="0.2">
      <c r="A19" s="14">
        <v>12</v>
      </c>
      <c r="B19" s="15">
        <v>7</v>
      </c>
      <c r="C19" s="16">
        <v>2</v>
      </c>
      <c r="D19" s="17">
        <v>9</v>
      </c>
    </row>
    <row r="20" spans="1:4" ht="18" customHeight="1" x14ac:dyDescent="0.2">
      <c r="A20" s="14">
        <v>13</v>
      </c>
      <c r="B20" s="15">
        <v>6</v>
      </c>
      <c r="C20" s="16">
        <v>6</v>
      </c>
      <c r="D20" s="17">
        <v>12</v>
      </c>
    </row>
    <row r="21" spans="1:4" ht="18" customHeight="1" x14ac:dyDescent="0.2">
      <c r="A21" s="14">
        <v>14</v>
      </c>
      <c r="B21" s="15">
        <v>5</v>
      </c>
      <c r="C21" s="16">
        <v>5</v>
      </c>
      <c r="D21" s="17">
        <v>10</v>
      </c>
    </row>
    <row r="22" spans="1:4" ht="18" customHeight="1" x14ac:dyDescent="0.2">
      <c r="A22" s="18" t="s">
        <v>68</v>
      </c>
      <c r="B22" s="15">
        <v>24</v>
      </c>
      <c r="C22" s="16">
        <v>25</v>
      </c>
      <c r="D22" s="17">
        <v>49</v>
      </c>
    </row>
    <row r="23" spans="1:4" ht="18" customHeight="1" x14ac:dyDescent="0.2">
      <c r="A23" s="18" t="s">
        <v>69</v>
      </c>
      <c r="B23" s="15">
        <v>75</v>
      </c>
      <c r="C23" s="16">
        <v>86</v>
      </c>
      <c r="D23" s="17">
        <v>161</v>
      </c>
    </row>
    <row r="24" spans="1:4" ht="18" customHeight="1" x14ac:dyDescent="0.2">
      <c r="A24" s="14">
        <v>15</v>
      </c>
      <c r="B24" s="15">
        <v>5</v>
      </c>
      <c r="C24" s="16">
        <v>8</v>
      </c>
      <c r="D24" s="17">
        <v>13</v>
      </c>
    </row>
    <row r="25" spans="1:4" ht="18" customHeight="1" x14ac:dyDescent="0.2">
      <c r="A25" s="14">
        <v>16</v>
      </c>
      <c r="B25" s="15">
        <v>2</v>
      </c>
      <c r="C25" s="16">
        <v>7</v>
      </c>
      <c r="D25" s="17">
        <v>9</v>
      </c>
    </row>
    <row r="26" spans="1:4" ht="18" customHeight="1" x14ac:dyDescent="0.2">
      <c r="A26" s="14">
        <v>17</v>
      </c>
      <c r="B26" s="15">
        <v>10</v>
      </c>
      <c r="C26" s="16">
        <v>7</v>
      </c>
      <c r="D26" s="17">
        <v>17</v>
      </c>
    </row>
    <row r="27" spans="1:4" ht="18" customHeight="1" x14ac:dyDescent="0.2">
      <c r="A27" s="14">
        <v>18</v>
      </c>
      <c r="B27" s="15">
        <v>14</v>
      </c>
      <c r="C27" s="16">
        <v>8</v>
      </c>
      <c r="D27" s="17">
        <v>22</v>
      </c>
    </row>
    <row r="28" spans="1:4" ht="18" customHeight="1" x14ac:dyDescent="0.2">
      <c r="A28" s="14">
        <v>19</v>
      </c>
      <c r="B28" s="15">
        <v>27</v>
      </c>
      <c r="C28" s="16">
        <v>13</v>
      </c>
      <c r="D28" s="17">
        <v>40</v>
      </c>
    </row>
    <row r="29" spans="1:4" ht="18" customHeight="1" x14ac:dyDescent="0.2">
      <c r="A29" s="18" t="s">
        <v>70</v>
      </c>
      <c r="B29" s="15">
        <v>58</v>
      </c>
      <c r="C29" s="16">
        <v>43</v>
      </c>
      <c r="D29" s="17">
        <v>101</v>
      </c>
    </row>
    <row r="30" spans="1:4" ht="18" customHeight="1" x14ac:dyDescent="0.2">
      <c r="A30" s="14">
        <v>20</v>
      </c>
      <c r="B30" s="15">
        <v>37</v>
      </c>
      <c r="C30" s="16">
        <v>22</v>
      </c>
      <c r="D30" s="17">
        <v>59</v>
      </c>
    </row>
    <row r="31" spans="1:4" ht="18" customHeight="1" x14ac:dyDescent="0.2">
      <c r="A31" s="14">
        <v>21</v>
      </c>
      <c r="B31" s="15">
        <v>40</v>
      </c>
      <c r="C31" s="16">
        <v>23</v>
      </c>
      <c r="D31" s="17">
        <v>63</v>
      </c>
    </row>
    <row r="32" spans="1:4" ht="18" customHeight="1" x14ac:dyDescent="0.2">
      <c r="A32" s="14">
        <v>22</v>
      </c>
      <c r="B32" s="15">
        <v>40</v>
      </c>
      <c r="C32" s="16">
        <v>28</v>
      </c>
      <c r="D32" s="17">
        <v>68</v>
      </c>
    </row>
    <row r="33" spans="1:4" ht="18" customHeight="1" x14ac:dyDescent="0.2">
      <c r="A33" s="14">
        <v>23</v>
      </c>
      <c r="B33" s="15">
        <v>44</v>
      </c>
      <c r="C33" s="16">
        <v>30</v>
      </c>
      <c r="D33" s="17">
        <v>74</v>
      </c>
    </row>
    <row r="34" spans="1:4" ht="18" customHeight="1" x14ac:dyDescent="0.2">
      <c r="A34" s="14">
        <v>24</v>
      </c>
      <c r="B34" s="15">
        <v>41</v>
      </c>
      <c r="C34" s="16">
        <v>23</v>
      </c>
      <c r="D34" s="17">
        <v>64</v>
      </c>
    </row>
    <row r="35" spans="1:4" ht="18" customHeight="1" x14ac:dyDescent="0.2">
      <c r="A35" s="18" t="s">
        <v>71</v>
      </c>
      <c r="B35" s="15">
        <v>202</v>
      </c>
      <c r="C35" s="16">
        <v>126</v>
      </c>
      <c r="D35" s="17">
        <v>328</v>
      </c>
    </row>
    <row r="36" spans="1:4" ht="18" customHeight="1" x14ac:dyDescent="0.2">
      <c r="A36" s="14">
        <v>25</v>
      </c>
      <c r="B36" s="15">
        <v>18</v>
      </c>
      <c r="C36" s="16">
        <v>10</v>
      </c>
      <c r="D36" s="17">
        <v>28</v>
      </c>
    </row>
    <row r="37" spans="1:4" ht="18" customHeight="1" x14ac:dyDescent="0.2">
      <c r="A37" s="14">
        <v>26</v>
      </c>
      <c r="B37" s="15">
        <v>23</v>
      </c>
      <c r="C37" s="16">
        <v>13</v>
      </c>
      <c r="D37" s="17">
        <v>36</v>
      </c>
    </row>
    <row r="38" spans="1:4" ht="18" customHeight="1" x14ac:dyDescent="0.2">
      <c r="A38" s="14">
        <v>27</v>
      </c>
      <c r="B38" s="15">
        <v>18</v>
      </c>
      <c r="C38" s="16">
        <v>8</v>
      </c>
      <c r="D38" s="17">
        <v>26</v>
      </c>
    </row>
    <row r="39" spans="1:4" ht="18" customHeight="1" x14ac:dyDescent="0.2">
      <c r="A39" s="14">
        <v>28</v>
      </c>
      <c r="B39" s="15">
        <v>18</v>
      </c>
      <c r="C39" s="16">
        <v>14</v>
      </c>
      <c r="D39" s="17">
        <v>32</v>
      </c>
    </row>
    <row r="40" spans="1:4" ht="18" customHeight="1" x14ac:dyDescent="0.2">
      <c r="A40" s="14">
        <v>29</v>
      </c>
      <c r="B40" s="15">
        <v>14</v>
      </c>
      <c r="C40" s="16">
        <v>13</v>
      </c>
      <c r="D40" s="17">
        <v>27</v>
      </c>
    </row>
    <row r="41" spans="1:4" ht="18" customHeight="1" x14ac:dyDescent="0.2">
      <c r="A41" s="18" t="s">
        <v>72</v>
      </c>
      <c r="B41" s="15">
        <v>91</v>
      </c>
      <c r="C41" s="16">
        <v>58</v>
      </c>
      <c r="D41" s="17">
        <v>149</v>
      </c>
    </row>
    <row r="42" spans="1:4" ht="18" customHeight="1" x14ac:dyDescent="0.2">
      <c r="A42" s="14">
        <v>30</v>
      </c>
      <c r="B42" s="15">
        <v>5</v>
      </c>
      <c r="C42" s="16">
        <v>10</v>
      </c>
      <c r="D42" s="17">
        <v>15</v>
      </c>
    </row>
    <row r="43" spans="1:4" ht="18" customHeight="1" x14ac:dyDescent="0.2">
      <c r="A43" s="14">
        <v>31</v>
      </c>
      <c r="B43" s="15">
        <v>15</v>
      </c>
      <c r="C43" s="16">
        <v>12</v>
      </c>
      <c r="D43" s="17">
        <v>27</v>
      </c>
    </row>
    <row r="44" spans="1:4" ht="18" customHeight="1" x14ac:dyDescent="0.2">
      <c r="A44" s="14">
        <v>32</v>
      </c>
      <c r="B44" s="15">
        <v>10</v>
      </c>
      <c r="C44" s="16">
        <v>10</v>
      </c>
      <c r="D44" s="17">
        <v>20</v>
      </c>
    </row>
    <row r="45" spans="1:4" ht="18" customHeight="1" x14ac:dyDescent="0.2">
      <c r="A45" s="14">
        <v>33</v>
      </c>
      <c r="B45" s="15">
        <v>16</v>
      </c>
      <c r="C45" s="16">
        <v>11</v>
      </c>
      <c r="D45" s="17">
        <v>27</v>
      </c>
    </row>
    <row r="46" spans="1:4" ht="18" customHeight="1" x14ac:dyDescent="0.2">
      <c r="A46" s="14">
        <v>34</v>
      </c>
      <c r="B46" s="15">
        <v>14</v>
      </c>
      <c r="C46" s="16">
        <v>14</v>
      </c>
      <c r="D46" s="17">
        <v>28</v>
      </c>
    </row>
    <row r="47" spans="1:4" ht="18" customHeight="1" x14ac:dyDescent="0.2">
      <c r="A47" s="18" t="s">
        <v>73</v>
      </c>
      <c r="B47" s="15">
        <v>60</v>
      </c>
      <c r="C47" s="16">
        <v>57</v>
      </c>
      <c r="D47" s="17">
        <v>117</v>
      </c>
    </row>
    <row r="48" spans="1:4" ht="18" customHeight="1" x14ac:dyDescent="0.2">
      <c r="A48" s="14">
        <v>35</v>
      </c>
      <c r="B48" s="15">
        <v>16</v>
      </c>
      <c r="C48" s="16">
        <v>14</v>
      </c>
      <c r="D48" s="17">
        <v>30</v>
      </c>
    </row>
    <row r="49" spans="1:4" ht="18" customHeight="1" x14ac:dyDescent="0.2">
      <c r="A49" s="14">
        <v>36</v>
      </c>
      <c r="B49" s="15">
        <v>19</v>
      </c>
      <c r="C49" s="16">
        <v>11</v>
      </c>
      <c r="D49" s="17">
        <v>30</v>
      </c>
    </row>
    <row r="50" spans="1:4" ht="18" customHeight="1" x14ac:dyDescent="0.2">
      <c r="A50" s="14">
        <v>37</v>
      </c>
      <c r="B50" s="15">
        <v>14</v>
      </c>
      <c r="C50" s="16">
        <v>11</v>
      </c>
      <c r="D50" s="17">
        <v>25</v>
      </c>
    </row>
    <row r="51" spans="1:4" ht="18" customHeight="1" x14ac:dyDescent="0.2">
      <c r="A51" s="14">
        <v>38</v>
      </c>
      <c r="B51" s="15">
        <v>9</v>
      </c>
      <c r="C51" s="16">
        <v>9</v>
      </c>
      <c r="D51" s="17">
        <v>18</v>
      </c>
    </row>
    <row r="52" spans="1:4" ht="18" customHeight="1" x14ac:dyDescent="0.2">
      <c r="A52" s="14">
        <v>39</v>
      </c>
      <c r="B52" s="15">
        <v>14</v>
      </c>
      <c r="C52" s="16">
        <v>10</v>
      </c>
      <c r="D52" s="17">
        <v>24</v>
      </c>
    </row>
    <row r="53" spans="1:4" ht="18" customHeight="1" x14ac:dyDescent="0.2">
      <c r="A53" s="18" t="s">
        <v>74</v>
      </c>
      <c r="B53" s="15">
        <v>72</v>
      </c>
      <c r="C53" s="16">
        <v>55</v>
      </c>
      <c r="D53" s="17">
        <v>127</v>
      </c>
    </row>
    <row r="54" spans="1:4" ht="18" customHeight="1" x14ac:dyDescent="0.2">
      <c r="A54" s="14">
        <v>40</v>
      </c>
      <c r="B54" s="15">
        <v>10</v>
      </c>
      <c r="C54" s="16">
        <v>5</v>
      </c>
      <c r="D54" s="17">
        <v>15</v>
      </c>
    </row>
    <row r="55" spans="1:4" ht="18" customHeight="1" x14ac:dyDescent="0.2">
      <c r="A55" s="14">
        <v>41</v>
      </c>
      <c r="B55" s="15">
        <v>10</v>
      </c>
      <c r="C55" s="16">
        <v>6</v>
      </c>
      <c r="D55" s="17">
        <v>16</v>
      </c>
    </row>
    <row r="56" spans="1:4" ht="18" customHeight="1" x14ac:dyDescent="0.2">
      <c r="A56" s="14">
        <v>42</v>
      </c>
      <c r="B56" s="15">
        <v>16</v>
      </c>
      <c r="C56" s="16">
        <v>9</v>
      </c>
      <c r="D56" s="17">
        <v>25</v>
      </c>
    </row>
    <row r="57" spans="1:4" ht="18" customHeight="1" x14ac:dyDescent="0.2">
      <c r="A57" s="14">
        <v>43</v>
      </c>
      <c r="B57" s="15">
        <v>10</v>
      </c>
      <c r="C57" s="16">
        <v>10</v>
      </c>
      <c r="D57" s="17">
        <v>20</v>
      </c>
    </row>
    <row r="58" spans="1:4" ht="18" customHeight="1" x14ac:dyDescent="0.2">
      <c r="A58" s="14">
        <v>44</v>
      </c>
      <c r="B58" s="15">
        <v>15</v>
      </c>
      <c r="C58" s="16">
        <v>8</v>
      </c>
      <c r="D58" s="17">
        <v>23</v>
      </c>
    </row>
    <row r="59" spans="1:4" ht="18" customHeight="1" x14ac:dyDescent="0.2">
      <c r="A59" s="18" t="s">
        <v>75</v>
      </c>
      <c r="B59" s="15">
        <v>61</v>
      </c>
      <c r="C59" s="16">
        <v>38</v>
      </c>
      <c r="D59" s="17">
        <v>99</v>
      </c>
    </row>
    <row r="60" spans="1:4" ht="18" customHeight="1" x14ac:dyDescent="0.2">
      <c r="A60" s="14">
        <v>45</v>
      </c>
      <c r="B60" s="15">
        <v>9</v>
      </c>
      <c r="C60" s="16">
        <v>7</v>
      </c>
      <c r="D60" s="17">
        <v>16</v>
      </c>
    </row>
    <row r="61" spans="1:4" ht="18" customHeight="1" x14ac:dyDescent="0.2">
      <c r="A61" s="14">
        <v>46</v>
      </c>
      <c r="B61" s="15">
        <v>8</v>
      </c>
      <c r="C61" s="16">
        <v>15</v>
      </c>
      <c r="D61" s="17">
        <v>23</v>
      </c>
    </row>
    <row r="62" spans="1:4" ht="18" customHeight="1" x14ac:dyDescent="0.2">
      <c r="A62" s="14">
        <v>47</v>
      </c>
      <c r="B62" s="15">
        <v>8</v>
      </c>
      <c r="C62" s="16">
        <v>9</v>
      </c>
      <c r="D62" s="17">
        <v>17</v>
      </c>
    </row>
    <row r="63" spans="1:4" ht="18" customHeight="1" x14ac:dyDescent="0.2">
      <c r="A63" s="14">
        <v>48</v>
      </c>
      <c r="B63" s="15">
        <v>9</v>
      </c>
      <c r="C63" s="16">
        <v>12</v>
      </c>
      <c r="D63" s="17">
        <v>21</v>
      </c>
    </row>
    <row r="64" spans="1:4" ht="18" customHeight="1" x14ac:dyDescent="0.2">
      <c r="A64" s="14">
        <v>49</v>
      </c>
      <c r="B64" s="15">
        <v>9</v>
      </c>
      <c r="C64" s="16">
        <v>7</v>
      </c>
      <c r="D64" s="17">
        <v>16</v>
      </c>
    </row>
    <row r="65" spans="1:4" ht="18" customHeight="1" x14ac:dyDescent="0.2">
      <c r="A65" s="18" t="s">
        <v>76</v>
      </c>
      <c r="B65" s="15">
        <v>43</v>
      </c>
      <c r="C65" s="16">
        <v>50</v>
      </c>
      <c r="D65" s="17">
        <v>93</v>
      </c>
    </row>
    <row r="66" spans="1:4" ht="18" customHeight="1" x14ac:dyDescent="0.2">
      <c r="A66" s="14">
        <v>50</v>
      </c>
      <c r="B66" s="15">
        <v>4</v>
      </c>
      <c r="C66" s="16">
        <v>5</v>
      </c>
      <c r="D66" s="17">
        <v>9</v>
      </c>
    </row>
    <row r="67" spans="1:4" ht="18" customHeight="1" x14ac:dyDescent="0.2">
      <c r="A67" s="14">
        <v>51</v>
      </c>
      <c r="B67" s="15">
        <v>11</v>
      </c>
      <c r="C67" s="16">
        <v>8</v>
      </c>
      <c r="D67" s="17">
        <v>19</v>
      </c>
    </row>
    <row r="68" spans="1:4" ht="18" customHeight="1" x14ac:dyDescent="0.2">
      <c r="A68" s="14">
        <v>52</v>
      </c>
      <c r="B68" s="15">
        <v>9</v>
      </c>
      <c r="C68" s="16">
        <v>7</v>
      </c>
      <c r="D68" s="17">
        <v>16</v>
      </c>
    </row>
    <row r="69" spans="1:4" ht="18" customHeight="1" x14ac:dyDescent="0.2">
      <c r="A69" s="14">
        <v>53</v>
      </c>
      <c r="B69" s="15">
        <v>10</v>
      </c>
      <c r="C69" s="16">
        <v>11</v>
      </c>
      <c r="D69" s="17">
        <v>21</v>
      </c>
    </row>
    <row r="70" spans="1:4" ht="18" customHeight="1" x14ac:dyDescent="0.2">
      <c r="A70" s="14">
        <v>54</v>
      </c>
      <c r="B70" s="15">
        <v>6</v>
      </c>
      <c r="C70" s="16">
        <v>5</v>
      </c>
      <c r="D70" s="17">
        <v>11</v>
      </c>
    </row>
    <row r="71" spans="1:4" ht="18" customHeight="1" x14ac:dyDescent="0.2">
      <c r="A71" s="18" t="s">
        <v>77</v>
      </c>
      <c r="B71" s="15">
        <v>40</v>
      </c>
      <c r="C71" s="16">
        <v>36</v>
      </c>
      <c r="D71" s="17">
        <v>76</v>
      </c>
    </row>
    <row r="72" spans="1:4" ht="18" customHeight="1" x14ac:dyDescent="0.2">
      <c r="A72" s="14">
        <v>55</v>
      </c>
      <c r="B72" s="15">
        <v>7</v>
      </c>
      <c r="C72" s="16">
        <v>14</v>
      </c>
      <c r="D72" s="17">
        <v>21</v>
      </c>
    </row>
    <row r="73" spans="1:4" ht="18" customHeight="1" x14ac:dyDescent="0.2">
      <c r="A73" s="14">
        <v>56</v>
      </c>
      <c r="B73" s="15">
        <v>14</v>
      </c>
      <c r="C73" s="16">
        <v>10</v>
      </c>
      <c r="D73" s="17">
        <v>24</v>
      </c>
    </row>
    <row r="74" spans="1:4" ht="18" customHeight="1" x14ac:dyDescent="0.2">
      <c r="A74" s="14">
        <v>57</v>
      </c>
      <c r="B74" s="15">
        <v>10</v>
      </c>
      <c r="C74" s="16">
        <v>10</v>
      </c>
      <c r="D74" s="17">
        <v>20</v>
      </c>
    </row>
    <row r="75" spans="1:4" ht="18" customHeight="1" x14ac:dyDescent="0.2">
      <c r="A75" s="14">
        <v>58</v>
      </c>
      <c r="B75" s="15">
        <v>16</v>
      </c>
      <c r="C75" s="16">
        <v>17</v>
      </c>
      <c r="D75" s="17">
        <v>33</v>
      </c>
    </row>
    <row r="76" spans="1:4" ht="18" customHeight="1" x14ac:dyDescent="0.2">
      <c r="A76" s="14">
        <v>59</v>
      </c>
      <c r="B76" s="15">
        <v>13</v>
      </c>
      <c r="C76" s="16">
        <v>23</v>
      </c>
      <c r="D76" s="17">
        <v>36</v>
      </c>
    </row>
    <row r="77" spans="1:4" ht="18" customHeight="1" x14ac:dyDescent="0.2">
      <c r="A77" s="18" t="s">
        <v>78</v>
      </c>
      <c r="B77" s="15">
        <v>60</v>
      </c>
      <c r="C77" s="16">
        <v>74</v>
      </c>
      <c r="D77" s="17">
        <v>134</v>
      </c>
    </row>
    <row r="78" spans="1:4" ht="18" customHeight="1" x14ac:dyDescent="0.2">
      <c r="A78" s="14">
        <v>60</v>
      </c>
      <c r="B78" s="15">
        <v>24</v>
      </c>
      <c r="C78" s="16">
        <v>18</v>
      </c>
      <c r="D78" s="17">
        <v>42</v>
      </c>
    </row>
    <row r="79" spans="1:4" ht="18" customHeight="1" x14ac:dyDescent="0.2">
      <c r="A79" s="14">
        <v>61</v>
      </c>
      <c r="B79" s="15">
        <v>19</v>
      </c>
      <c r="C79" s="16">
        <v>16</v>
      </c>
      <c r="D79" s="17">
        <v>35</v>
      </c>
    </row>
    <row r="80" spans="1:4" ht="18" customHeight="1" x14ac:dyDescent="0.2">
      <c r="A80" s="14">
        <v>62</v>
      </c>
      <c r="B80" s="15">
        <v>15</v>
      </c>
      <c r="C80" s="16">
        <v>17</v>
      </c>
      <c r="D80" s="17">
        <v>32</v>
      </c>
    </row>
    <row r="81" spans="1:4" ht="18" customHeight="1" x14ac:dyDescent="0.2">
      <c r="A81" s="14">
        <v>63</v>
      </c>
      <c r="B81" s="15">
        <v>4</v>
      </c>
      <c r="C81" s="16">
        <v>5</v>
      </c>
      <c r="D81" s="17">
        <v>9</v>
      </c>
    </row>
    <row r="82" spans="1:4" ht="18" customHeight="1" x14ac:dyDescent="0.2">
      <c r="A82" s="14">
        <v>64</v>
      </c>
      <c r="B82" s="15">
        <v>8</v>
      </c>
      <c r="C82" s="16">
        <v>13</v>
      </c>
      <c r="D82" s="17">
        <v>21</v>
      </c>
    </row>
    <row r="83" spans="1:4" ht="18" customHeight="1" x14ac:dyDescent="0.2">
      <c r="A83" s="18" t="s">
        <v>79</v>
      </c>
      <c r="B83" s="15">
        <v>70</v>
      </c>
      <c r="C83" s="16">
        <v>69</v>
      </c>
      <c r="D83" s="17">
        <v>139</v>
      </c>
    </row>
    <row r="84" spans="1:4" ht="18" customHeight="1" x14ac:dyDescent="0.2">
      <c r="A84" s="18" t="s">
        <v>80</v>
      </c>
      <c r="B84" s="15">
        <v>757</v>
      </c>
      <c r="C84" s="16">
        <v>606</v>
      </c>
      <c r="D84" s="17">
        <v>1363</v>
      </c>
    </row>
    <row r="85" spans="1:4" ht="18" customHeight="1" x14ac:dyDescent="0.2">
      <c r="A85" s="14">
        <v>65</v>
      </c>
      <c r="B85" s="15">
        <v>11</v>
      </c>
      <c r="C85" s="16">
        <v>5</v>
      </c>
      <c r="D85" s="17">
        <v>16</v>
      </c>
    </row>
    <row r="86" spans="1:4" ht="18" customHeight="1" x14ac:dyDescent="0.2">
      <c r="A86" s="14">
        <v>66</v>
      </c>
      <c r="B86" s="15">
        <v>12</v>
      </c>
      <c r="C86" s="16">
        <v>6</v>
      </c>
      <c r="D86" s="17">
        <v>18</v>
      </c>
    </row>
    <row r="87" spans="1:4" ht="18" customHeight="1" x14ac:dyDescent="0.2">
      <c r="A87" s="14">
        <v>67</v>
      </c>
      <c r="B87" s="15">
        <v>9</v>
      </c>
      <c r="C87" s="16">
        <v>6</v>
      </c>
      <c r="D87" s="17">
        <v>15</v>
      </c>
    </row>
    <row r="88" spans="1:4" ht="18" customHeight="1" x14ac:dyDescent="0.2">
      <c r="A88" s="14">
        <v>68</v>
      </c>
      <c r="B88" s="15">
        <v>5</v>
      </c>
      <c r="C88" s="16">
        <v>8</v>
      </c>
      <c r="D88" s="17">
        <v>13</v>
      </c>
    </row>
    <row r="89" spans="1:4" ht="18" customHeight="1" x14ac:dyDescent="0.2">
      <c r="A89" s="14">
        <v>69</v>
      </c>
      <c r="B89" s="15">
        <v>5</v>
      </c>
      <c r="C89" s="16">
        <v>13</v>
      </c>
      <c r="D89" s="17">
        <v>18</v>
      </c>
    </row>
    <row r="90" spans="1:4" ht="18" customHeight="1" x14ac:dyDescent="0.2">
      <c r="A90" s="18" t="s">
        <v>81</v>
      </c>
      <c r="B90" s="15">
        <v>42</v>
      </c>
      <c r="C90" s="16">
        <v>38</v>
      </c>
      <c r="D90" s="17">
        <v>80</v>
      </c>
    </row>
    <row r="91" spans="1:4" ht="18" customHeight="1" x14ac:dyDescent="0.2">
      <c r="A91" s="14">
        <v>70</v>
      </c>
      <c r="B91" s="15">
        <v>6</v>
      </c>
      <c r="C91" s="16">
        <v>6</v>
      </c>
      <c r="D91" s="17">
        <v>12</v>
      </c>
    </row>
    <row r="92" spans="1:4" ht="18" customHeight="1" x14ac:dyDescent="0.2">
      <c r="A92" s="14">
        <v>71</v>
      </c>
      <c r="B92" s="15">
        <v>8</v>
      </c>
      <c r="C92" s="16">
        <v>7</v>
      </c>
      <c r="D92" s="17">
        <v>15</v>
      </c>
    </row>
    <row r="93" spans="1:4" ht="18" customHeight="1" x14ac:dyDescent="0.2">
      <c r="A93" s="14">
        <v>72</v>
      </c>
      <c r="B93" s="15">
        <v>2</v>
      </c>
      <c r="C93" s="16">
        <v>6</v>
      </c>
      <c r="D93" s="17">
        <v>8</v>
      </c>
    </row>
    <row r="94" spans="1:4" ht="18" customHeight="1" x14ac:dyDescent="0.2">
      <c r="A94" s="14">
        <v>73</v>
      </c>
      <c r="B94" s="15">
        <v>6</v>
      </c>
      <c r="C94" s="16">
        <v>10</v>
      </c>
      <c r="D94" s="17">
        <v>16</v>
      </c>
    </row>
    <row r="95" spans="1:4" ht="18" customHeight="1" x14ac:dyDescent="0.2">
      <c r="A95" s="14">
        <v>74</v>
      </c>
      <c r="B95" s="15">
        <v>9</v>
      </c>
      <c r="C95" s="16">
        <v>8</v>
      </c>
      <c r="D95" s="17">
        <v>17</v>
      </c>
    </row>
    <row r="96" spans="1:4" ht="18" customHeight="1" x14ac:dyDescent="0.2">
      <c r="A96" s="18" t="s">
        <v>82</v>
      </c>
      <c r="B96" s="15">
        <v>31</v>
      </c>
      <c r="C96" s="16">
        <v>37</v>
      </c>
      <c r="D96" s="17">
        <v>68</v>
      </c>
    </row>
    <row r="97" spans="1:4" ht="18" customHeight="1" x14ac:dyDescent="0.2">
      <c r="A97" s="14">
        <v>75</v>
      </c>
      <c r="B97" s="15">
        <v>6</v>
      </c>
      <c r="C97" s="16">
        <v>9</v>
      </c>
      <c r="D97" s="17">
        <v>15</v>
      </c>
    </row>
    <row r="98" spans="1:4" ht="18" customHeight="1" x14ac:dyDescent="0.2">
      <c r="A98" s="14">
        <v>76</v>
      </c>
      <c r="B98" s="15">
        <v>8</v>
      </c>
      <c r="C98" s="16">
        <v>11</v>
      </c>
      <c r="D98" s="17">
        <v>19</v>
      </c>
    </row>
    <row r="99" spans="1:4" ht="18" customHeight="1" x14ac:dyDescent="0.2">
      <c r="A99" s="14">
        <v>77</v>
      </c>
      <c r="B99" s="15">
        <v>4</v>
      </c>
      <c r="C99" s="16">
        <v>9</v>
      </c>
      <c r="D99" s="17">
        <v>13</v>
      </c>
    </row>
    <row r="100" spans="1:4" ht="18" customHeight="1" x14ac:dyDescent="0.2">
      <c r="A100" s="14">
        <v>78</v>
      </c>
      <c r="B100" s="15">
        <v>5</v>
      </c>
      <c r="C100" s="16">
        <v>4</v>
      </c>
      <c r="D100" s="17">
        <v>9</v>
      </c>
    </row>
    <row r="101" spans="1:4" ht="18" customHeight="1" x14ac:dyDescent="0.2">
      <c r="A101" s="14">
        <v>79</v>
      </c>
      <c r="B101" s="15">
        <v>7</v>
      </c>
      <c r="C101" s="16">
        <v>13</v>
      </c>
      <c r="D101" s="17">
        <v>20</v>
      </c>
    </row>
    <row r="102" spans="1:4" ht="18" customHeight="1" x14ac:dyDescent="0.2">
      <c r="A102" s="18" t="s">
        <v>83</v>
      </c>
      <c r="B102" s="15">
        <v>30</v>
      </c>
      <c r="C102" s="16">
        <v>46</v>
      </c>
      <c r="D102" s="17">
        <v>76</v>
      </c>
    </row>
    <row r="103" spans="1:4" ht="18" customHeight="1" x14ac:dyDescent="0.2">
      <c r="A103" s="14">
        <v>80</v>
      </c>
      <c r="B103" s="15">
        <v>4</v>
      </c>
      <c r="C103" s="16">
        <v>6</v>
      </c>
      <c r="D103" s="17">
        <v>10</v>
      </c>
    </row>
    <row r="104" spans="1:4" ht="18" customHeight="1" x14ac:dyDescent="0.2">
      <c r="A104" s="14">
        <v>81</v>
      </c>
      <c r="B104" s="15">
        <v>6</v>
      </c>
      <c r="C104" s="16">
        <v>7</v>
      </c>
      <c r="D104" s="17">
        <v>13</v>
      </c>
    </row>
    <row r="105" spans="1:4" ht="18" customHeight="1" x14ac:dyDescent="0.2">
      <c r="A105" s="14">
        <v>82</v>
      </c>
      <c r="B105" s="15">
        <v>1</v>
      </c>
      <c r="C105" s="16">
        <v>10</v>
      </c>
      <c r="D105" s="17">
        <v>11</v>
      </c>
    </row>
    <row r="106" spans="1:4" ht="18" customHeight="1" x14ac:dyDescent="0.2">
      <c r="A106" s="14">
        <v>83</v>
      </c>
      <c r="B106" s="15">
        <v>1</v>
      </c>
      <c r="C106" s="16">
        <v>9</v>
      </c>
      <c r="D106" s="17">
        <v>10</v>
      </c>
    </row>
    <row r="107" spans="1:4" ht="18" customHeight="1" x14ac:dyDescent="0.2">
      <c r="A107" s="14">
        <v>84</v>
      </c>
      <c r="B107" s="15">
        <v>3</v>
      </c>
      <c r="C107" s="16">
        <v>5</v>
      </c>
      <c r="D107" s="17">
        <v>8</v>
      </c>
    </row>
    <row r="108" spans="1:4" ht="18" customHeight="1" x14ac:dyDescent="0.2">
      <c r="A108" s="18" t="s">
        <v>84</v>
      </c>
      <c r="B108" s="15">
        <v>15</v>
      </c>
      <c r="C108" s="16">
        <v>37</v>
      </c>
      <c r="D108" s="17">
        <v>52</v>
      </c>
    </row>
    <row r="109" spans="1:4" ht="18" customHeight="1" x14ac:dyDescent="0.2">
      <c r="A109" s="14">
        <v>85</v>
      </c>
      <c r="B109" s="15">
        <v>5</v>
      </c>
      <c r="C109" s="16">
        <v>5</v>
      </c>
      <c r="D109" s="17">
        <v>10</v>
      </c>
    </row>
    <row r="110" spans="1:4" ht="18" customHeight="1" x14ac:dyDescent="0.2">
      <c r="A110" s="14">
        <v>86</v>
      </c>
      <c r="B110" s="15">
        <v>3</v>
      </c>
      <c r="C110" s="16">
        <v>5</v>
      </c>
      <c r="D110" s="17">
        <v>8</v>
      </c>
    </row>
    <row r="111" spans="1:4" ht="18" customHeight="1" x14ac:dyDescent="0.2">
      <c r="A111" s="14">
        <v>87</v>
      </c>
      <c r="B111" s="15">
        <v>2</v>
      </c>
      <c r="C111" s="16">
        <v>8</v>
      </c>
      <c r="D111" s="17">
        <v>10</v>
      </c>
    </row>
    <row r="112" spans="1:4" ht="18" customHeight="1" x14ac:dyDescent="0.2">
      <c r="A112" s="14">
        <v>88</v>
      </c>
      <c r="B112" s="15">
        <v>2</v>
      </c>
      <c r="C112" s="16">
        <v>2</v>
      </c>
      <c r="D112" s="17">
        <v>4</v>
      </c>
    </row>
    <row r="113" spans="1:4" ht="18" customHeight="1" x14ac:dyDescent="0.2">
      <c r="A113" s="14">
        <v>89</v>
      </c>
      <c r="B113" s="15">
        <v>1</v>
      </c>
      <c r="C113" s="16">
        <v>2</v>
      </c>
      <c r="D113" s="17">
        <v>3</v>
      </c>
    </row>
    <row r="114" spans="1:4" ht="18" customHeight="1" x14ac:dyDescent="0.2">
      <c r="A114" s="18" t="s">
        <v>85</v>
      </c>
      <c r="B114" s="15">
        <v>13</v>
      </c>
      <c r="C114" s="16">
        <v>22</v>
      </c>
      <c r="D114" s="17">
        <v>35</v>
      </c>
    </row>
    <row r="115" spans="1:4" ht="18" customHeight="1" x14ac:dyDescent="0.2">
      <c r="A115" s="14">
        <v>90</v>
      </c>
      <c r="B115" s="15">
        <v>0</v>
      </c>
      <c r="C115" s="16">
        <v>2</v>
      </c>
      <c r="D115" s="17">
        <v>2</v>
      </c>
    </row>
    <row r="116" spans="1:4" ht="18" customHeight="1" x14ac:dyDescent="0.2">
      <c r="A116" s="14">
        <v>91</v>
      </c>
      <c r="B116" s="15">
        <v>1</v>
      </c>
      <c r="C116" s="16">
        <v>1</v>
      </c>
      <c r="D116" s="17">
        <v>2</v>
      </c>
    </row>
    <row r="117" spans="1:4" ht="18" customHeight="1" x14ac:dyDescent="0.2">
      <c r="A117" s="14">
        <v>92</v>
      </c>
      <c r="B117" s="15">
        <v>1</v>
      </c>
      <c r="C117" s="16">
        <v>2</v>
      </c>
      <c r="D117" s="17">
        <v>3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86</v>
      </c>
      <c r="B120" s="15">
        <v>2</v>
      </c>
      <c r="C120" s="16">
        <v>8</v>
      </c>
      <c r="D120" s="17">
        <v>10</v>
      </c>
    </row>
    <row r="121" spans="1:4" ht="18" customHeight="1" x14ac:dyDescent="0.2">
      <c r="A121" s="14">
        <v>95</v>
      </c>
      <c r="B121" s="15">
        <v>0</v>
      </c>
      <c r="C121" s="16">
        <v>0</v>
      </c>
      <c r="D121" s="17">
        <v>0</v>
      </c>
    </row>
    <row r="122" spans="1:4" ht="18" customHeight="1" x14ac:dyDescent="0.2">
      <c r="A122" s="14">
        <v>96</v>
      </c>
      <c r="B122" s="15">
        <v>1</v>
      </c>
      <c r="C122" s="16">
        <v>0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2</v>
      </c>
      <c r="D126" s="17">
        <v>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90</v>
      </c>
      <c r="B130" s="4">
        <v>134</v>
      </c>
      <c r="C130" s="5">
        <v>190</v>
      </c>
      <c r="D130" s="6">
        <v>324</v>
      </c>
    </row>
    <row r="131" spans="1:4" ht="18" customHeight="1" x14ac:dyDescent="0.2">
      <c r="A131" s="20" t="s">
        <v>65</v>
      </c>
      <c r="B131" s="7">
        <v>966</v>
      </c>
      <c r="C131" s="8">
        <v>882</v>
      </c>
      <c r="D131" s="9">
        <v>184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3</v>
      </c>
      <c r="C5" s="12">
        <v>12</v>
      </c>
      <c r="D5" s="13">
        <v>25</v>
      </c>
    </row>
    <row r="6" spans="1:4" ht="18" customHeight="1" x14ac:dyDescent="0.2">
      <c r="A6" s="14">
        <v>1</v>
      </c>
      <c r="B6" s="15">
        <v>17</v>
      </c>
      <c r="C6" s="16">
        <v>12</v>
      </c>
      <c r="D6" s="17">
        <v>29</v>
      </c>
    </row>
    <row r="7" spans="1:4" ht="18" customHeight="1" x14ac:dyDescent="0.2">
      <c r="A7" s="14">
        <v>2</v>
      </c>
      <c r="B7" s="15">
        <v>17</v>
      </c>
      <c r="C7" s="16">
        <v>15</v>
      </c>
      <c r="D7" s="17">
        <v>32</v>
      </c>
    </row>
    <row r="8" spans="1:4" ht="18" customHeight="1" x14ac:dyDescent="0.2">
      <c r="A8" s="14">
        <v>3</v>
      </c>
      <c r="B8" s="15">
        <v>11</v>
      </c>
      <c r="C8" s="16">
        <v>15</v>
      </c>
      <c r="D8" s="17">
        <v>26</v>
      </c>
    </row>
    <row r="9" spans="1:4" ht="18" customHeight="1" x14ac:dyDescent="0.2">
      <c r="A9" s="14">
        <v>4</v>
      </c>
      <c r="B9" s="15">
        <v>15</v>
      </c>
      <c r="C9" s="16">
        <v>10</v>
      </c>
      <c r="D9" s="17">
        <v>25</v>
      </c>
    </row>
    <row r="10" spans="1:4" ht="18" customHeight="1" x14ac:dyDescent="0.2">
      <c r="A10" s="18" t="s">
        <v>66</v>
      </c>
      <c r="B10" s="15">
        <v>73</v>
      </c>
      <c r="C10" s="16">
        <v>64</v>
      </c>
      <c r="D10" s="17">
        <v>137</v>
      </c>
    </row>
    <row r="11" spans="1:4" ht="18" customHeight="1" x14ac:dyDescent="0.2">
      <c r="A11" s="14">
        <v>5</v>
      </c>
      <c r="B11" s="15">
        <v>12</v>
      </c>
      <c r="C11" s="16">
        <v>14</v>
      </c>
      <c r="D11" s="17">
        <v>26</v>
      </c>
    </row>
    <row r="12" spans="1:4" ht="18" customHeight="1" x14ac:dyDescent="0.2">
      <c r="A12" s="14">
        <v>6</v>
      </c>
      <c r="B12" s="15">
        <v>15</v>
      </c>
      <c r="C12" s="16">
        <v>13</v>
      </c>
      <c r="D12" s="17">
        <v>28</v>
      </c>
    </row>
    <row r="13" spans="1:4" ht="18" customHeight="1" x14ac:dyDescent="0.2">
      <c r="A13" s="14">
        <v>7</v>
      </c>
      <c r="B13" s="15">
        <v>16</v>
      </c>
      <c r="C13" s="16">
        <v>14</v>
      </c>
      <c r="D13" s="17">
        <v>30</v>
      </c>
    </row>
    <row r="14" spans="1:4" ht="18" customHeight="1" x14ac:dyDescent="0.2">
      <c r="A14" s="14">
        <v>8</v>
      </c>
      <c r="B14" s="15">
        <v>20</v>
      </c>
      <c r="C14" s="16">
        <v>18</v>
      </c>
      <c r="D14" s="17">
        <v>38</v>
      </c>
    </row>
    <row r="15" spans="1:4" ht="18" customHeight="1" x14ac:dyDescent="0.2">
      <c r="A15" s="14">
        <v>9</v>
      </c>
      <c r="B15" s="15">
        <v>20</v>
      </c>
      <c r="C15" s="16">
        <v>14</v>
      </c>
      <c r="D15" s="17">
        <v>34</v>
      </c>
    </row>
    <row r="16" spans="1:4" ht="18" customHeight="1" x14ac:dyDescent="0.2">
      <c r="A16" s="18" t="s">
        <v>67</v>
      </c>
      <c r="B16" s="15">
        <v>83</v>
      </c>
      <c r="C16" s="16">
        <v>73</v>
      </c>
      <c r="D16" s="17">
        <v>156</v>
      </c>
    </row>
    <row r="17" spans="1:4" ht="18" customHeight="1" x14ac:dyDescent="0.2">
      <c r="A17" s="14">
        <v>10</v>
      </c>
      <c r="B17" s="15">
        <v>19</v>
      </c>
      <c r="C17" s="16">
        <v>14</v>
      </c>
      <c r="D17" s="17">
        <v>33</v>
      </c>
    </row>
    <row r="18" spans="1:4" ht="18" customHeight="1" x14ac:dyDescent="0.2">
      <c r="A18" s="14">
        <v>11</v>
      </c>
      <c r="B18" s="15">
        <v>16</v>
      </c>
      <c r="C18" s="16">
        <v>15</v>
      </c>
      <c r="D18" s="17">
        <v>31</v>
      </c>
    </row>
    <row r="19" spans="1:4" ht="18" customHeight="1" x14ac:dyDescent="0.2">
      <c r="A19" s="14">
        <v>12</v>
      </c>
      <c r="B19" s="15">
        <v>24</v>
      </c>
      <c r="C19" s="16">
        <v>16</v>
      </c>
      <c r="D19" s="17">
        <v>40</v>
      </c>
    </row>
    <row r="20" spans="1:4" ht="18" customHeight="1" x14ac:dyDescent="0.2">
      <c r="A20" s="14">
        <v>13</v>
      </c>
      <c r="B20" s="15">
        <v>16</v>
      </c>
      <c r="C20" s="16">
        <v>7</v>
      </c>
      <c r="D20" s="17">
        <v>23</v>
      </c>
    </row>
    <row r="21" spans="1:4" ht="18" customHeight="1" x14ac:dyDescent="0.2">
      <c r="A21" s="14">
        <v>14</v>
      </c>
      <c r="B21" s="15">
        <v>13</v>
      </c>
      <c r="C21" s="16">
        <v>13</v>
      </c>
      <c r="D21" s="17">
        <v>26</v>
      </c>
    </row>
    <row r="22" spans="1:4" ht="18" customHeight="1" x14ac:dyDescent="0.2">
      <c r="A22" s="18" t="s">
        <v>68</v>
      </c>
      <c r="B22" s="15">
        <v>88</v>
      </c>
      <c r="C22" s="16">
        <v>65</v>
      </c>
      <c r="D22" s="17">
        <v>153</v>
      </c>
    </row>
    <row r="23" spans="1:4" ht="18" customHeight="1" x14ac:dyDescent="0.2">
      <c r="A23" s="18" t="s">
        <v>69</v>
      </c>
      <c r="B23" s="15">
        <v>244</v>
      </c>
      <c r="C23" s="16">
        <v>202</v>
      </c>
      <c r="D23" s="17">
        <v>446</v>
      </c>
    </row>
    <row r="24" spans="1:4" ht="18" customHeight="1" x14ac:dyDescent="0.2">
      <c r="A24" s="14">
        <v>15</v>
      </c>
      <c r="B24" s="15">
        <v>16</v>
      </c>
      <c r="C24" s="16">
        <v>15</v>
      </c>
      <c r="D24" s="17">
        <v>31</v>
      </c>
    </row>
    <row r="25" spans="1:4" ht="18" customHeight="1" x14ac:dyDescent="0.2">
      <c r="A25" s="14">
        <v>16</v>
      </c>
      <c r="B25" s="15">
        <v>13</v>
      </c>
      <c r="C25" s="16">
        <v>18</v>
      </c>
      <c r="D25" s="17">
        <v>31</v>
      </c>
    </row>
    <row r="26" spans="1:4" ht="18" customHeight="1" x14ac:dyDescent="0.2">
      <c r="A26" s="14">
        <v>17</v>
      </c>
      <c r="B26" s="15">
        <v>14</v>
      </c>
      <c r="C26" s="16">
        <v>14</v>
      </c>
      <c r="D26" s="17">
        <v>28</v>
      </c>
    </row>
    <row r="27" spans="1:4" ht="18" customHeight="1" x14ac:dyDescent="0.2">
      <c r="A27" s="14">
        <v>18</v>
      </c>
      <c r="B27" s="15">
        <v>16</v>
      </c>
      <c r="C27" s="16">
        <v>17</v>
      </c>
      <c r="D27" s="17">
        <v>33</v>
      </c>
    </row>
    <row r="28" spans="1:4" ht="18" customHeight="1" x14ac:dyDescent="0.2">
      <c r="A28" s="14">
        <v>19</v>
      </c>
      <c r="B28" s="15">
        <v>11</v>
      </c>
      <c r="C28" s="16">
        <v>20</v>
      </c>
      <c r="D28" s="17">
        <v>31</v>
      </c>
    </row>
    <row r="29" spans="1:4" ht="18" customHeight="1" x14ac:dyDescent="0.2">
      <c r="A29" s="18" t="s">
        <v>70</v>
      </c>
      <c r="B29" s="15">
        <v>70</v>
      </c>
      <c r="C29" s="16">
        <v>84</v>
      </c>
      <c r="D29" s="17">
        <v>154</v>
      </c>
    </row>
    <row r="30" spans="1:4" ht="18" customHeight="1" x14ac:dyDescent="0.2">
      <c r="A30" s="14">
        <v>20</v>
      </c>
      <c r="B30" s="15">
        <v>19</v>
      </c>
      <c r="C30" s="16">
        <v>22</v>
      </c>
      <c r="D30" s="17">
        <v>41</v>
      </c>
    </row>
    <row r="31" spans="1:4" ht="18" customHeight="1" x14ac:dyDescent="0.2">
      <c r="A31" s="14">
        <v>21</v>
      </c>
      <c r="B31" s="15">
        <v>12</v>
      </c>
      <c r="C31" s="16">
        <v>15</v>
      </c>
      <c r="D31" s="17">
        <v>27</v>
      </c>
    </row>
    <row r="32" spans="1:4" ht="18" customHeight="1" x14ac:dyDescent="0.2">
      <c r="A32" s="14">
        <v>22</v>
      </c>
      <c r="B32" s="15">
        <v>23</v>
      </c>
      <c r="C32" s="16">
        <v>11</v>
      </c>
      <c r="D32" s="17">
        <v>34</v>
      </c>
    </row>
    <row r="33" spans="1:4" ht="18" customHeight="1" x14ac:dyDescent="0.2">
      <c r="A33" s="14">
        <v>23</v>
      </c>
      <c r="B33" s="15">
        <v>23</v>
      </c>
      <c r="C33" s="16">
        <v>14</v>
      </c>
      <c r="D33" s="17">
        <v>37</v>
      </c>
    </row>
    <row r="34" spans="1:4" ht="18" customHeight="1" x14ac:dyDescent="0.2">
      <c r="A34" s="14">
        <v>24</v>
      </c>
      <c r="B34" s="15">
        <v>27</v>
      </c>
      <c r="C34" s="16">
        <v>14</v>
      </c>
      <c r="D34" s="17">
        <v>41</v>
      </c>
    </row>
    <row r="35" spans="1:4" ht="18" customHeight="1" x14ac:dyDescent="0.2">
      <c r="A35" s="18" t="s">
        <v>71</v>
      </c>
      <c r="B35" s="15">
        <v>104</v>
      </c>
      <c r="C35" s="16">
        <v>76</v>
      </c>
      <c r="D35" s="17">
        <v>180</v>
      </c>
    </row>
    <row r="36" spans="1:4" ht="18" customHeight="1" x14ac:dyDescent="0.2">
      <c r="A36" s="14">
        <v>25</v>
      </c>
      <c r="B36" s="15">
        <v>10</v>
      </c>
      <c r="C36" s="16">
        <v>16</v>
      </c>
      <c r="D36" s="17">
        <v>26</v>
      </c>
    </row>
    <row r="37" spans="1:4" ht="18" customHeight="1" x14ac:dyDescent="0.2">
      <c r="A37" s="14">
        <v>26</v>
      </c>
      <c r="B37" s="15">
        <v>20</v>
      </c>
      <c r="C37" s="16">
        <v>22</v>
      </c>
      <c r="D37" s="17">
        <v>42</v>
      </c>
    </row>
    <row r="38" spans="1:4" ht="18" customHeight="1" x14ac:dyDescent="0.2">
      <c r="A38" s="14">
        <v>27</v>
      </c>
      <c r="B38" s="15">
        <v>20</v>
      </c>
      <c r="C38" s="16">
        <v>18</v>
      </c>
      <c r="D38" s="17">
        <v>38</v>
      </c>
    </row>
    <row r="39" spans="1:4" ht="18" customHeight="1" x14ac:dyDescent="0.2">
      <c r="A39" s="14">
        <v>28</v>
      </c>
      <c r="B39" s="15">
        <v>22</v>
      </c>
      <c r="C39" s="16">
        <v>15</v>
      </c>
      <c r="D39" s="17">
        <v>37</v>
      </c>
    </row>
    <row r="40" spans="1:4" ht="18" customHeight="1" x14ac:dyDescent="0.2">
      <c r="A40" s="14">
        <v>29</v>
      </c>
      <c r="B40" s="15">
        <v>25</v>
      </c>
      <c r="C40" s="16">
        <v>18</v>
      </c>
      <c r="D40" s="17">
        <v>43</v>
      </c>
    </row>
    <row r="41" spans="1:4" ht="18" customHeight="1" x14ac:dyDescent="0.2">
      <c r="A41" s="18" t="s">
        <v>72</v>
      </c>
      <c r="B41" s="15">
        <v>97</v>
      </c>
      <c r="C41" s="16">
        <v>89</v>
      </c>
      <c r="D41" s="17">
        <v>186</v>
      </c>
    </row>
    <row r="42" spans="1:4" ht="18" customHeight="1" x14ac:dyDescent="0.2">
      <c r="A42" s="14">
        <v>30</v>
      </c>
      <c r="B42" s="15">
        <v>16</v>
      </c>
      <c r="C42" s="16">
        <v>18</v>
      </c>
      <c r="D42" s="17">
        <v>34</v>
      </c>
    </row>
    <row r="43" spans="1:4" ht="18" customHeight="1" x14ac:dyDescent="0.2">
      <c r="A43" s="14">
        <v>31</v>
      </c>
      <c r="B43" s="15">
        <v>28</v>
      </c>
      <c r="C43" s="16">
        <v>27</v>
      </c>
      <c r="D43" s="17">
        <v>55</v>
      </c>
    </row>
    <row r="44" spans="1:4" ht="18" customHeight="1" x14ac:dyDescent="0.2">
      <c r="A44" s="14">
        <v>32</v>
      </c>
      <c r="B44" s="15">
        <v>23</v>
      </c>
      <c r="C44" s="16">
        <v>21</v>
      </c>
      <c r="D44" s="17">
        <v>44</v>
      </c>
    </row>
    <row r="45" spans="1:4" ht="18" customHeight="1" x14ac:dyDescent="0.2">
      <c r="A45" s="14">
        <v>33</v>
      </c>
      <c r="B45" s="15">
        <v>29</v>
      </c>
      <c r="C45" s="16">
        <v>25</v>
      </c>
      <c r="D45" s="17">
        <v>54</v>
      </c>
    </row>
    <row r="46" spans="1:4" ht="18" customHeight="1" x14ac:dyDescent="0.2">
      <c r="A46" s="14">
        <v>34</v>
      </c>
      <c r="B46" s="15">
        <v>22</v>
      </c>
      <c r="C46" s="16">
        <v>19</v>
      </c>
      <c r="D46" s="17">
        <v>41</v>
      </c>
    </row>
    <row r="47" spans="1:4" ht="18" customHeight="1" x14ac:dyDescent="0.2">
      <c r="A47" s="18" t="s">
        <v>73</v>
      </c>
      <c r="B47" s="15">
        <v>118</v>
      </c>
      <c r="C47" s="16">
        <v>110</v>
      </c>
      <c r="D47" s="17">
        <v>228</v>
      </c>
    </row>
    <row r="48" spans="1:4" ht="18" customHeight="1" x14ac:dyDescent="0.2">
      <c r="A48" s="14">
        <v>35</v>
      </c>
      <c r="B48" s="15">
        <v>31</v>
      </c>
      <c r="C48" s="16">
        <v>19</v>
      </c>
      <c r="D48" s="17">
        <v>50</v>
      </c>
    </row>
    <row r="49" spans="1:4" ht="18" customHeight="1" x14ac:dyDescent="0.2">
      <c r="A49" s="14">
        <v>36</v>
      </c>
      <c r="B49" s="15">
        <v>26</v>
      </c>
      <c r="C49" s="16">
        <v>33</v>
      </c>
      <c r="D49" s="17">
        <v>59</v>
      </c>
    </row>
    <row r="50" spans="1:4" ht="18" customHeight="1" x14ac:dyDescent="0.2">
      <c r="A50" s="14">
        <v>37</v>
      </c>
      <c r="B50" s="15">
        <v>22</v>
      </c>
      <c r="C50" s="16">
        <v>17</v>
      </c>
      <c r="D50" s="17">
        <v>39</v>
      </c>
    </row>
    <row r="51" spans="1:4" ht="18" customHeight="1" x14ac:dyDescent="0.2">
      <c r="A51" s="14">
        <v>38</v>
      </c>
      <c r="B51" s="15">
        <v>17</v>
      </c>
      <c r="C51" s="16">
        <v>23</v>
      </c>
      <c r="D51" s="17">
        <v>40</v>
      </c>
    </row>
    <row r="52" spans="1:4" ht="18" customHeight="1" x14ac:dyDescent="0.2">
      <c r="A52" s="14">
        <v>39</v>
      </c>
      <c r="B52" s="15">
        <v>26</v>
      </c>
      <c r="C52" s="16">
        <v>25</v>
      </c>
      <c r="D52" s="17">
        <v>51</v>
      </c>
    </row>
    <row r="53" spans="1:4" ht="18" customHeight="1" x14ac:dyDescent="0.2">
      <c r="A53" s="18" t="s">
        <v>74</v>
      </c>
      <c r="B53" s="15">
        <v>122</v>
      </c>
      <c r="C53" s="16">
        <v>117</v>
      </c>
      <c r="D53" s="17">
        <v>239</v>
      </c>
    </row>
    <row r="54" spans="1:4" ht="18" customHeight="1" x14ac:dyDescent="0.2">
      <c r="A54" s="14">
        <v>40</v>
      </c>
      <c r="B54" s="15">
        <v>25</v>
      </c>
      <c r="C54" s="16">
        <v>16</v>
      </c>
      <c r="D54" s="17">
        <v>41</v>
      </c>
    </row>
    <row r="55" spans="1:4" ht="18" customHeight="1" x14ac:dyDescent="0.2">
      <c r="A55" s="14">
        <v>41</v>
      </c>
      <c r="B55" s="15">
        <v>18</v>
      </c>
      <c r="C55" s="16">
        <v>20</v>
      </c>
      <c r="D55" s="17">
        <v>38</v>
      </c>
    </row>
    <row r="56" spans="1:4" ht="18" customHeight="1" x14ac:dyDescent="0.2">
      <c r="A56" s="14">
        <v>42</v>
      </c>
      <c r="B56" s="15">
        <v>28</v>
      </c>
      <c r="C56" s="16">
        <v>18</v>
      </c>
      <c r="D56" s="17">
        <v>46</v>
      </c>
    </row>
    <row r="57" spans="1:4" ht="18" customHeight="1" x14ac:dyDescent="0.2">
      <c r="A57" s="14">
        <v>43</v>
      </c>
      <c r="B57" s="15">
        <v>18</v>
      </c>
      <c r="C57" s="16">
        <v>17</v>
      </c>
      <c r="D57" s="17">
        <v>35</v>
      </c>
    </row>
    <row r="58" spans="1:4" ht="18" customHeight="1" x14ac:dyDescent="0.2">
      <c r="A58" s="14">
        <v>44</v>
      </c>
      <c r="B58" s="15">
        <v>17</v>
      </c>
      <c r="C58" s="16">
        <v>22</v>
      </c>
      <c r="D58" s="17">
        <v>39</v>
      </c>
    </row>
    <row r="59" spans="1:4" ht="18" customHeight="1" x14ac:dyDescent="0.2">
      <c r="A59" s="18" t="s">
        <v>75</v>
      </c>
      <c r="B59" s="15">
        <v>106</v>
      </c>
      <c r="C59" s="16">
        <v>93</v>
      </c>
      <c r="D59" s="17">
        <v>199</v>
      </c>
    </row>
    <row r="60" spans="1:4" ht="18" customHeight="1" x14ac:dyDescent="0.2">
      <c r="A60" s="14">
        <v>45</v>
      </c>
      <c r="B60" s="15">
        <v>16</v>
      </c>
      <c r="C60" s="16">
        <v>17</v>
      </c>
      <c r="D60" s="17">
        <v>33</v>
      </c>
    </row>
    <row r="61" spans="1:4" ht="18" customHeight="1" x14ac:dyDescent="0.2">
      <c r="A61" s="14">
        <v>46</v>
      </c>
      <c r="B61" s="15">
        <v>24</v>
      </c>
      <c r="C61" s="16">
        <v>15</v>
      </c>
      <c r="D61" s="17">
        <v>39</v>
      </c>
    </row>
    <row r="62" spans="1:4" ht="18" customHeight="1" x14ac:dyDescent="0.2">
      <c r="A62" s="14">
        <v>47</v>
      </c>
      <c r="B62" s="15">
        <v>15</v>
      </c>
      <c r="C62" s="16">
        <v>24</v>
      </c>
      <c r="D62" s="17">
        <v>39</v>
      </c>
    </row>
    <row r="63" spans="1:4" ht="18" customHeight="1" x14ac:dyDescent="0.2">
      <c r="A63" s="14">
        <v>48</v>
      </c>
      <c r="B63" s="15">
        <v>17</v>
      </c>
      <c r="C63" s="16">
        <v>24</v>
      </c>
      <c r="D63" s="17">
        <v>41</v>
      </c>
    </row>
    <row r="64" spans="1:4" ht="18" customHeight="1" x14ac:dyDescent="0.2">
      <c r="A64" s="14">
        <v>49</v>
      </c>
      <c r="B64" s="15">
        <v>12</v>
      </c>
      <c r="C64" s="16">
        <v>15</v>
      </c>
      <c r="D64" s="17">
        <v>27</v>
      </c>
    </row>
    <row r="65" spans="1:4" ht="18" customHeight="1" x14ac:dyDescent="0.2">
      <c r="A65" s="18" t="s">
        <v>76</v>
      </c>
      <c r="B65" s="15">
        <v>84</v>
      </c>
      <c r="C65" s="16">
        <v>95</v>
      </c>
      <c r="D65" s="17">
        <v>179</v>
      </c>
    </row>
    <row r="66" spans="1:4" ht="18" customHeight="1" x14ac:dyDescent="0.2">
      <c r="A66" s="14">
        <v>50</v>
      </c>
      <c r="B66" s="15">
        <v>15</v>
      </c>
      <c r="C66" s="16">
        <v>26</v>
      </c>
      <c r="D66" s="17">
        <v>41</v>
      </c>
    </row>
    <row r="67" spans="1:4" ht="18" customHeight="1" x14ac:dyDescent="0.2">
      <c r="A67" s="14">
        <v>51</v>
      </c>
      <c r="B67" s="15">
        <v>18</v>
      </c>
      <c r="C67" s="16">
        <v>19</v>
      </c>
      <c r="D67" s="17">
        <v>37</v>
      </c>
    </row>
    <row r="68" spans="1:4" ht="18" customHeight="1" x14ac:dyDescent="0.2">
      <c r="A68" s="14">
        <v>52</v>
      </c>
      <c r="B68" s="15">
        <v>24</v>
      </c>
      <c r="C68" s="16">
        <v>24</v>
      </c>
      <c r="D68" s="17">
        <v>48</v>
      </c>
    </row>
    <row r="69" spans="1:4" ht="18" customHeight="1" x14ac:dyDescent="0.2">
      <c r="A69" s="14">
        <v>53</v>
      </c>
      <c r="B69" s="15">
        <v>22</v>
      </c>
      <c r="C69" s="16">
        <v>28</v>
      </c>
      <c r="D69" s="17">
        <v>50</v>
      </c>
    </row>
    <row r="70" spans="1:4" ht="18" customHeight="1" x14ac:dyDescent="0.2">
      <c r="A70" s="14">
        <v>54</v>
      </c>
      <c r="B70" s="15">
        <v>29</v>
      </c>
      <c r="C70" s="16">
        <v>21</v>
      </c>
      <c r="D70" s="17">
        <v>50</v>
      </c>
    </row>
    <row r="71" spans="1:4" ht="18" customHeight="1" x14ac:dyDescent="0.2">
      <c r="A71" s="18" t="s">
        <v>77</v>
      </c>
      <c r="B71" s="15">
        <v>108</v>
      </c>
      <c r="C71" s="16">
        <v>118</v>
      </c>
      <c r="D71" s="17">
        <v>226</v>
      </c>
    </row>
    <row r="72" spans="1:4" ht="18" customHeight="1" x14ac:dyDescent="0.2">
      <c r="A72" s="14">
        <v>55</v>
      </c>
      <c r="B72" s="15">
        <v>25</v>
      </c>
      <c r="C72" s="16">
        <v>25</v>
      </c>
      <c r="D72" s="17">
        <v>50</v>
      </c>
    </row>
    <row r="73" spans="1:4" ht="18" customHeight="1" x14ac:dyDescent="0.2">
      <c r="A73" s="14">
        <v>56</v>
      </c>
      <c r="B73" s="15">
        <v>31</v>
      </c>
      <c r="C73" s="16">
        <v>42</v>
      </c>
      <c r="D73" s="17">
        <v>73</v>
      </c>
    </row>
    <row r="74" spans="1:4" ht="18" customHeight="1" x14ac:dyDescent="0.2">
      <c r="A74" s="14">
        <v>57</v>
      </c>
      <c r="B74" s="15">
        <v>24</v>
      </c>
      <c r="C74" s="16">
        <v>30</v>
      </c>
      <c r="D74" s="17">
        <v>54</v>
      </c>
    </row>
    <row r="75" spans="1:4" ht="18" customHeight="1" x14ac:dyDescent="0.2">
      <c r="A75" s="14">
        <v>58</v>
      </c>
      <c r="B75" s="15">
        <v>30</v>
      </c>
      <c r="C75" s="16">
        <v>40</v>
      </c>
      <c r="D75" s="17">
        <v>70</v>
      </c>
    </row>
    <row r="76" spans="1:4" ht="18" customHeight="1" x14ac:dyDescent="0.2">
      <c r="A76" s="14">
        <v>59</v>
      </c>
      <c r="B76" s="15">
        <v>39</v>
      </c>
      <c r="C76" s="16">
        <v>37</v>
      </c>
      <c r="D76" s="17">
        <v>76</v>
      </c>
    </row>
    <row r="77" spans="1:4" ht="18" customHeight="1" x14ac:dyDescent="0.2">
      <c r="A77" s="18" t="s">
        <v>78</v>
      </c>
      <c r="B77" s="15">
        <v>149</v>
      </c>
      <c r="C77" s="16">
        <v>174</v>
      </c>
      <c r="D77" s="17">
        <v>323</v>
      </c>
    </row>
    <row r="78" spans="1:4" ht="18" customHeight="1" x14ac:dyDescent="0.2">
      <c r="A78" s="14">
        <v>60</v>
      </c>
      <c r="B78" s="15">
        <v>51</v>
      </c>
      <c r="C78" s="16">
        <v>47</v>
      </c>
      <c r="D78" s="17">
        <v>98</v>
      </c>
    </row>
    <row r="79" spans="1:4" ht="18" customHeight="1" x14ac:dyDescent="0.2">
      <c r="A79" s="14">
        <v>61</v>
      </c>
      <c r="B79" s="15">
        <v>47</v>
      </c>
      <c r="C79" s="16">
        <v>25</v>
      </c>
      <c r="D79" s="17">
        <v>72</v>
      </c>
    </row>
    <row r="80" spans="1:4" ht="18" customHeight="1" x14ac:dyDescent="0.2">
      <c r="A80" s="14">
        <v>62</v>
      </c>
      <c r="B80" s="15">
        <v>35</v>
      </c>
      <c r="C80" s="16">
        <v>38</v>
      </c>
      <c r="D80" s="17">
        <v>73</v>
      </c>
    </row>
    <row r="81" spans="1:4" ht="18" customHeight="1" x14ac:dyDescent="0.2">
      <c r="A81" s="14">
        <v>63</v>
      </c>
      <c r="B81" s="15">
        <v>24</v>
      </c>
      <c r="C81" s="16">
        <v>18</v>
      </c>
      <c r="D81" s="17">
        <v>42</v>
      </c>
    </row>
    <row r="82" spans="1:4" ht="18" customHeight="1" x14ac:dyDescent="0.2">
      <c r="A82" s="14">
        <v>64</v>
      </c>
      <c r="B82" s="15">
        <v>25</v>
      </c>
      <c r="C82" s="16">
        <v>25</v>
      </c>
      <c r="D82" s="17">
        <v>50</v>
      </c>
    </row>
    <row r="83" spans="1:4" ht="18" customHeight="1" x14ac:dyDescent="0.2">
      <c r="A83" s="18" t="s">
        <v>79</v>
      </c>
      <c r="B83" s="15">
        <v>182</v>
      </c>
      <c r="C83" s="16">
        <v>153</v>
      </c>
      <c r="D83" s="17">
        <v>335</v>
      </c>
    </row>
    <row r="84" spans="1:4" ht="18" customHeight="1" x14ac:dyDescent="0.2">
      <c r="A84" s="18" t="s">
        <v>80</v>
      </c>
      <c r="B84" s="15">
        <v>1140</v>
      </c>
      <c r="C84" s="16">
        <v>1109</v>
      </c>
      <c r="D84" s="17">
        <v>2249</v>
      </c>
    </row>
    <row r="85" spans="1:4" ht="18" customHeight="1" x14ac:dyDescent="0.2">
      <c r="A85" s="14">
        <v>65</v>
      </c>
      <c r="B85" s="15">
        <v>31</v>
      </c>
      <c r="C85" s="16">
        <v>24</v>
      </c>
      <c r="D85" s="17">
        <v>55</v>
      </c>
    </row>
    <row r="86" spans="1:4" ht="18" customHeight="1" x14ac:dyDescent="0.2">
      <c r="A86" s="14">
        <v>66</v>
      </c>
      <c r="B86" s="15">
        <v>27</v>
      </c>
      <c r="C86" s="16">
        <v>23</v>
      </c>
      <c r="D86" s="17">
        <v>50</v>
      </c>
    </row>
    <row r="87" spans="1:4" ht="18" customHeight="1" x14ac:dyDescent="0.2">
      <c r="A87" s="14">
        <v>67</v>
      </c>
      <c r="B87" s="15">
        <v>31</v>
      </c>
      <c r="C87" s="16">
        <v>20</v>
      </c>
      <c r="D87" s="17">
        <v>51</v>
      </c>
    </row>
    <row r="88" spans="1:4" ht="18" customHeight="1" x14ac:dyDescent="0.2">
      <c r="A88" s="14">
        <v>68</v>
      </c>
      <c r="B88" s="15">
        <v>19</v>
      </c>
      <c r="C88" s="16">
        <v>22</v>
      </c>
      <c r="D88" s="17">
        <v>41</v>
      </c>
    </row>
    <row r="89" spans="1:4" ht="18" customHeight="1" x14ac:dyDescent="0.2">
      <c r="A89" s="14">
        <v>69</v>
      </c>
      <c r="B89" s="15">
        <v>19</v>
      </c>
      <c r="C89" s="16">
        <v>14</v>
      </c>
      <c r="D89" s="17">
        <v>33</v>
      </c>
    </row>
    <row r="90" spans="1:4" ht="18" customHeight="1" x14ac:dyDescent="0.2">
      <c r="A90" s="18" t="s">
        <v>81</v>
      </c>
      <c r="B90" s="15">
        <v>127</v>
      </c>
      <c r="C90" s="16">
        <v>103</v>
      </c>
      <c r="D90" s="17">
        <v>230</v>
      </c>
    </row>
    <row r="91" spans="1:4" ht="18" customHeight="1" x14ac:dyDescent="0.2">
      <c r="A91" s="14">
        <v>70</v>
      </c>
      <c r="B91" s="15">
        <v>14</v>
      </c>
      <c r="C91" s="16">
        <v>18</v>
      </c>
      <c r="D91" s="17">
        <v>32</v>
      </c>
    </row>
    <row r="92" spans="1:4" ht="18" customHeight="1" x14ac:dyDescent="0.2">
      <c r="A92" s="14">
        <v>71</v>
      </c>
      <c r="B92" s="15">
        <v>12</v>
      </c>
      <c r="C92" s="16">
        <v>25</v>
      </c>
      <c r="D92" s="17">
        <v>37</v>
      </c>
    </row>
    <row r="93" spans="1:4" ht="18" customHeight="1" x14ac:dyDescent="0.2">
      <c r="A93" s="14">
        <v>72</v>
      </c>
      <c r="B93" s="15">
        <v>17</v>
      </c>
      <c r="C93" s="16">
        <v>26</v>
      </c>
      <c r="D93" s="17">
        <v>43</v>
      </c>
    </row>
    <row r="94" spans="1:4" ht="18" customHeight="1" x14ac:dyDescent="0.2">
      <c r="A94" s="14">
        <v>73</v>
      </c>
      <c r="B94" s="15">
        <v>20</v>
      </c>
      <c r="C94" s="16">
        <v>15</v>
      </c>
      <c r="D94" s="17">
        <v>35</v>
      </c>
    </row>
    <row r="95" spans="1:4" ht="18" customHeight="1" x14ac:dyDescent="0.2">
      <c r="A95" s="14">
        <v>74</v>
      </c>
      <c r="B95" s="15">
        <v>16</v>
      </c>
      <c r="C95" s="16">
        <v>17</v>
      </c>
      <c r="D95" s="17">
        <v>33</v>
      </c>
    </row>
    <row r="96" spans="1:4" ht="18" customHeight="1" x14ac:dyDescent="0.2">
      <c r="A96" s="18" t="s">
        <v>82</v>
      </c>
      <c r="B96" s="15">
        <v>79</v>
      </c>
      <c r="C96" s="16">
        <v>101</v>
      </c>
      <c r="D96" s="17">
        <v>180</v>
      </c>
    </row>
    <row r="97" spans="1:4" ht="18" customHeight="1" x14ac:dyDescent="0.2">
      <c r="A97" s="14">
        <v>75</v>
      </c>
      <c r="B97" s="15">
        <v>10</v>
      </c>
      <c r="C97" s="16">
        <v>19</v>
      </c>
      <c r="D97" s="17">
        <v>29</v>
      </c>
    </row>
    <row r="98" spans="1:4" ht="18" customHeight="1" x14ac:dyDescent="0.2">
      <c r="A98" s="14">
        <v>76</v>
      </c>
      <c r="B98" s="15">
        <v>17</v>
      </c>
      <c r="C98" s="16">
        <v>17</v>
      </c>
      <c r="D98" s="17">
        <v>34</v>
      </c>
    </row>
    <row r="99" spans="1:4" ht="18" customHeight="1" x14ac:dyDescent="0.2">
      <c r="A99" s="14">
        <v>77</v>
      </c>
      <c r="B99" s="15">
        <v>13</v>
      </c>
      <c r="C99" s="16">
        <v>19</v>
      </c>
      <c r="D99" s="17">
        <v>32</v>
      </c>
    </row>
    <row r="100" spans="1:4" ht="18" customHeight="1" x14ac:dyDescent="0.2">
      <c r="A100" s="14">
        <v>78</v>
      </c>
      <c r="B100" s="15">
        <v>16</v>
      </c>
      <c r="C100" s="16">
        <v>19</v>
      </c>
      <c r="D100" s="17">
        <v>35</v>
      </c>
    </row>
    <row r="101" spans="1:4" ht="18" customHeight="1" x14ac:dyDescent="0.2">
      <c r="A101" s="14">
        <v>79</v>
      </c>
      <c r="B101" s="15">
        <v>15</v>
      </c>
      <c r="C101" s="16">
        <v>17</v>
      </c>
      <c r="D101" s="17">
        <v>32</v>
      </c>
    </row>
    <row r="102" spans="1:4" ht="18" customHeight="1" x14ac:dyDescent="0.2">
      <c r="A102" s="18" t="s">
        <v>83</v>
      </c>
      <c r="B102" s="15">
        <v>71</v>
      </c>
      <c r="C102" s="16">
        <v>91</v>
      </c>
      <c r="D102" s="17">
        <v>162</v>
      </c>
    </row>
    <row r="103" spans="1:4" ht="18" customHeight="1" x14ac:dyDescent="0.2">
      <c r="A103" s="14">
        <v>80</v>
      </c>
      <c r="B103" s="15">
        <v>14</v>
      </c>
      <c r="C103" s="16">
        <v>17</v>
      </c>
      <c r="D103" s="17">
        <v>31</v>
      </c>
    </row>
    <row r="104" spans="1:4" ht="18" customHeight="1" x14ac:dyDescent="0.2">
      <c r="A104" s="14">
        <v>81</v>
      </c>
      <c r="B104" s="15">
        <v>9</v>
      </c>
      <c r="C104" s="16">
        <v>12</v>
      </c>
      <c r="D104" s="17">
        <v>21</v>
      </c>
    </row>
    <row r="105" spans="1:4" ht="18" customHeight="1" x14ac:dyDescent="0.2">
      <c r="A105" s="14">
        <v>82</v>
      </c>
      <c r="B105" s="15">
        <v>10</v>
      </c>
      <c r="C105" s="16">
        <v>14</v>
      </c>
      <c r="D105" s="17">
        <v>24</v>
      </c>
    </row>
    <row r="106" spans="1:4" ht="18" customHeight="1" x14ac:dyDescent="0.2">
      <c r="A106" s="14">
        <v>83</v>
      </c>
      <c r="B106" s="15">
        <v>12</v>
      </c>
      <c r="C106" s="16">
        <v>21</v>
      </c>
      <c r="D106" s="17">
        <v>33</v>
      </c>
    </row>
    <row r="107" spans="1:4" ht="18" customHeight="1" x14ac:dyDescent="0.2">
      <c r="A107" s="14">
        <v>84</v>
      </c>
      <c r="B107" s="15">
        <v>8</v>
      </c>
      <c r="C107" s="16">
        <v>9</v>
      </c>
      <c r="D107" s="17">
        <v>17</v>
      </c>
    </row>
    <row r="108" spans="1:4" ht="18" customHeight="1" x14ac:dyDescent="0.2">
      <c r="A108" s="18" t="s">
        <v>84</v>
      </c>
      <c r="B108" s="15">
        <v>53</v>
      </c>
      <c r="C108" s="16">
        <v>73</v>
      </c>
      <c r="D108" s="17">
        <v>126</v>
      </c>
    </row>
    <row r="109" spans="1:4" ht="18" customHeight="1" x14ac:dyDescent="0.2">
      <c r="A109" s="14">
        <v>85</v>
      </c>
      <c r="B109" s="15">
        <v>6</v>
      </c>
      <c r="C109" s="16">
        <v>13</v>
      </c>
      <c r="D109" s="17">
        <v>19</v>
      </c>
    </row>
    <row r="110" spans="1:4" ht="18" customHeight="1" x14ac:dyDescent="0.2">
      <c r="A110" s="14">
        <v>86</v>
      </c>
      <c r="B110" s="15">
        <v>7</v>
      </c>
      <c r="C110" s="16">
        <v>9</v>
      </c>
      <c r="D110" s="17">
        <v>16</v>
      </c>
    </row>
    <row r="111" spans="1:4" ht="18" customHeight="1" x14ac:dyDescent="0.2">
      <c r="A111" s="14">
        <v>87</v>
      </c>
      <c r="B111" s="15">
        <v>10</v>
      </c>
      <c r="C111" s="16">
        <v>8</v>
      </c>
      <c r="D111" s="17">
        <v>18</v>
      </c>
    </row>
    <row r="112" spans="1:4" ht="18" customHeight="1" x14ac:dyDescent="0.2">
      <c r="A112" s="14">
        <v>88</v>
      </c>
      <c r="B112" s="15">
        <v>5</v>
      </c>
      <c r="C112" s="16">
        <v>10</v>
      </c>
      <c r="D112" s="17">
        <v>15</v>
      </c>
    </row>
    <row r="113" spans="1:4" ht="18" customHeight="1" x14ac:dyDescent="0.2">
      <c r="A113" s="14">
        <v>89</v>
      </c>
      <c r="B113" s="15">
        <v>2</v>
      </c>
      <c r="C113" s="16">
        <v>7</v>
      </c>
      <c r="D113" s="17">
        <v>9</v>
      </c>
    </row>
    <row r="114" spans="1:4" ht="18" customHeight="1" x14ac:dyDescent="0.2">
      <c r="A114" s="18" t="s">
        <v>85</v>
      </c>
      <c r="B114" s="15">
        <v>30</v>
      </c>
      <c r="C114" s="16">
        <v>47</v>
      </c>
      <c r="D114" s="17">
        <v>77</v>
      </c>
    </row>
    <row r="115" spans="1:4" ht="18" customHeight="1" x14ac:dyDescent="0.2">
      <c r="A115" s="14">
        <v>90</v>
      </c>
      <c r="B115" s="15">
        <v>0</v>
      </c>
      <c r="C115" s="16">
        <v>2</v>
      </c>
      <c r="D115" s="17">
        <v>2</v>
      </c>
    </row>
    <row r="116" spans="1:4" ht="18" customHeight="1" x14ac:dyDescent="0.2">
      <c r="A116" s="14">
        <v>91</v>
      </c>
      <c r="B116" s="15">
        <v>0</v>
      </c>
      <c r="C116" s="16">
        <v>11</v>
      </c>
      <c r="D116" s="17">
        <v>11</v>
      </c>
    </row>
    <row r="117" spans="1:4" ht="18" customHeight="1" x14ac:dyDescent="0.2">
      <c r="A117" s="14">
        <v>92</v>
      </c>
      <c r="B117" s="15">
        <v>0</v>
      </c>
      <c r="C117" s="16">
        <v>4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5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86</v>
      </c>
      <c r="B120" s="15">
        <v>0</v>
      </c>
      <c r="C120" s="16">
        <v>25</v>
      </c>
      <c r="D120" s="17">
        <v>25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361</v>
      </c>
      <c r="C130" s="5">
        <v>451</v>
      </c>
      <c r="D130" s="6">
        <v>812</v>
      </c>
    </row>
    <row r="131" spans="1:4" ht="18" customHeight="1" x14ac:dyDescent="0.2">
      <c r="A131" s="20" t="s">
        <v>65</v>
      </c>
      <c r="B131" s="7">
        <v>1745</v>
      </c>
      <c r="C131" s="8">
        <v>1762</v>
      </c>
      <c r="D131" s="9">
        <v>350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4</v>
      </c>
      <c r="C5" s="12">
        <v>4</v>
      </c>
      <c r="D5" s="13">
        <v>8</v>
      </c>
    </row>
    <row r="6" spans="1:4" ht="18" customHeight="1" x14ac:dyDescent="0.2">
      <c r="A6" s="14">
        <v>1</v>
      </c>
      <c r="B6" s="15">
        <v>3</v>
      </c>
      <c r="C6" s="16">
        <v>4</v>
      </c>
      <c r="D6" s="17">
        <v>7</v>
      </c>
    </row>
    <row r="7" spans="1:4" ht="18" customHeight="1" x14ac:dyDescent="0.2">
      <c r="A7" s="14">
        <v>2</v>
      </c>
      <c r="B7" s="15">
        <v>7</v>
      </c>
      <c r="C7" s="16">
        <v>2</v>
      </c>
      <c r="D7" s="17">
        <v>9</v>
      </c>
    </row>
    <row r="8" spans="1:4" ht="18" customHeight="1" x14ac:dyDescent="0.2">
      <c r="A8" s="14">
        <v>3</v>
      </c>
      <c r="B8" s="15">
        <v>4</v>
      </c>
      <c r="C8" s="16">
        <v>0</v>
      </c>
      <c r="D8" s="17">
        <v>4</v>
      </c>
    </row>
    <row r="9" spans="1:4" ht="18" customHeight="1" x14ac:dyDescent="0.2">
      <c r="A9" s="14">
        <v>4</v>
      </c>
      <c r="B9" s="15">
        <v>2</v>
      </c>
      <c r="C9" s="16">
        <v>5</v>
      </c>
      <c r="D9" s="17">
        <v>7</v>
      </c>
    </row>
    <row r="10" spans="1:4" ht="18" customHeight="1" x14ac:dyDescent="0.2">
      <c r="A10" s="18" t="s">
        <v>66</v>
      </c>
      <c r="B10" s="15">
        <v>20</v>
      </c>
      <c r="C10" s="16">
        <v>15</v>
      </c>
      <c r="D10" s="17">
        <v>35</v>
      </c>
    </row>
    <row r="11" spans="1:4" ht="18" customHeight="1" x14ac:dyDescent="0.2">
      <c r="A11" s="14">
        <v>5</v>
      </c>
      <c r="B11" s="15">
        <v>3</v>
      </c>
      <c r="C11" s="16">
        <v>7</v>
      </c>
      <c r="D11" s="17">
        <v>10</v>
      </c>
    </row>
    <row r="12" spans="1:4" ht="18" customHeight="1" x14ac:dyDescent="0.2">
      <c r="A12" s="14">
        <v>6</v>
      </c>
      <c r="B12" s="15">
        <v>5</v>
      </c>
      <c r="C12" s="16">
        <v>4</v>
      </c>
      <c r="D12" s="17">
        <v>9</v>
      </c>
    </row>
    <row r="13" spans="1:4" ht="18" customHeight="1" x14ac:dyDescent="0.2">
      <c r="A13" s="14">
        <v>7</v>
      </c>
      <c r="B13" s="15">
        <v>2</v>
      </c>
      <c r="C13" s="16">
        <v>6</v>
      </c>
      <c r="D13" s="17">
        <v>8</v>
      </c>
    </row>
    <row r="14" spans="1:4" ht="18" customHeight="1" x14ac:dyDescent="0.2">
      <c r="A14" s="14">
        <v>8</v>
      </c>
      <c r="B14" s="15">
        <v>7</v>
      </c>
      <c r="C14" s="16">
        <v>4</v>
      </c>
      <c r="D14" s="17">
        <v>11</v>
      </c>
    </row>
    <row r="15" spans="1:4" ht="18" customHeight="1" x14ac:dyDescent="0.2">
      <c r="A15" s="14">
        <v>9</v>
      </c>
      <c r="B15" s="15">
        <v>2</v>
      </c>
      <c r="C15" s="16">
        <v>4</v>
      </c>
      <c r="D15" s="17">
        <v>6</v>
      </c>
    </row>
    <row r="16" spans="1:4" ht="18" customHeight="1" x14ac:dyDescent="0.2">
      <c r="A16" s="18" t="s">
        <v>67</v>
      </c>
      <c r="B16" s="15">
        <v>19</v>
      </c>
      <c r="C16" s="16">
        <v>25</v>
      </c>
      <c r="D16" s="17">
        <v>44</v>
      </c>
    </row>
    <row r="17" spans="1:4" ht="18" customHeight="1" x14ac:dyDescent="0.2">
      <c r="A17" s="14">
        <v>10</v>
      </c>
      <c r="B17" s="15">
        <v>4</v>
      </c>
      <c r="C17" s="16">
        <v>5</v>
      </c>
      <c r="D17" s="17">
        <v>9</v>
      </c>
    </row>
    <row r="18" spans="1:4" ht="18" customHeight="1" x14ac:dyDescent="0.2">
      <c r="A18" s="14">
        <v>11</v>
      </c>
      <c r="B18" s="15">
        <v>8</v>
      </c>
      <c r="C18" s="16">
        <v>4</v>
      </c>
      <c r="D18" s="17">
        <v>12</v>
      </c>
    </row>
    <row r="19" spans="1:4" ht="18" customHeight="1" x14ac:dyDescent="0.2">
      <c r="A19" s="14">
        <v>12</v>
      </c>
      <c r="B19" s="15">
        <v>3</v>
      </c>
      <c r="C19" s="16">
        <v>7</v>
      </c>
      <c r="D19" s="17">
        <v>10</v>
      </c>
    </row>
    <row r="20" spans="1:4" ht="18" customHeight="1" x14ac:dyDescent="0.2">
      <c r="A20" s="14">
        <v>13</v>
      </c>
      <c r="B20" s="15">
        <v>2</v>
      </c>
      <c r="C20" s="16">
        <v>4</v>
      </c>
      <c r="D20" s="17">
        <v>6</v>
      </c>
    </row>
    <row r="21" spans="1:4" ht="18" customHeight="1" x14ac:dyDescent="0.2">
      <c r="A21" s="14">
        <v>14</v>
      </c>
      <c r="B21" s="15">
        <v>5</v>
      </c>
      <c r="C21" s="16">
        <v>4</v>
      </c>
      <c r="D21" s="17">
        <v>9</v>
      </c>
    </row>
    <row r="22" spans="1:4" ht="18" customHeight="1" x14ac:dyDescent="0.2">
      <c r="A22" s="18" t="s">
        <v>68</v>
      </c>
      <c r="B22" s="15">
        <v>22</v>
      </c>
      <c r="C22" s="16">
        <v>24</v>
      </c>
      <c r="D22" s="17">
        <v>46</v>
      </c>
    </row>
    <row r="23" spans="1:4" ht="18" customHeight="1" x14ac:dyDescent="0.2">
      <c r="A23" s="18" t="s">
        <v>69</v>
      </c>
      <c r="B23" s="15">
        <v>61</v>
      </c>
      <c r="C23" s="16">
        <v>64</v>
      </c>
      <c r="D23" s="17">
        <v>125</v>
      </c>
    </row>
    <row r="24" spans="1:4" ht="18" customHeight="1" x14ac:dyDescent="0.2">
      <c r="A24" s="14">
        <v>15</v>
      </c>
      <c r="B24" s="15">
        <v>5</v>
      </c>
      <c r="C24" s="16">
        <v>4</v>
      </c>
      <c r="D24" s="17">
        <v>9</v>
      </c>
    </row>
    <row r="25" spans="1:4" ht="18" customHeight="1" x14ac:dyDescent="0.2">
      <c r="A25" s="14">
        <v>16</v>
      </c>
      <c r="B25" s="15">
        <v>5</v>
      </c>
      <c r="C25" s="16">
        <v>5</v>
      </c>
      <c r="D25" s="17">
        <v>10</v>
      </c>
    </row>
    <row r="26" spans="1:4" ht="18" customHeight="1" x14ac:dyDescent="0.2">
      <c r="A26" s="14">
        <v>17</v>
      </c>
      <c r="B26" s="15">
        <v>2</v>
      </c>
      <c r="C26" s="16">
        <v>8</v>
      </c>
      <c r="D26" s="17">
        <v>10</v>
      </c>
    </row>
    <row r="27" spans="1:4" ht="18" customHeight="1" x14ac:dyDescent="0.2">
      <c r="A27" s="14">
        <v>18</v>
      </c>
      <c r="B27" s="15">
        <v>3</v>
      </c>
      <c r="C27" s="16">
        <v>5</v>
      </c>
      <c r="D27" s="17">
        <v>8</v>
      </c>
    </row>
    <row r="28" spans="1:4" ht="18" customHeight="1" x14ac:dyDescent="0.2">
      <c r="A28" s="14">
        <v>19</v>
      </c>
      <c r="B28" s="15">
        <v>6</v>
      </c>
      <c r="C28" s="16">
        <v>5</v>
      </c>
      <c r="D28" s="17">
        <v>11</v>
      </c>
    </row>
    <row r="29" spans="1:4" ht="18" customHeight="1" x14ac:dyDescent="0.2">
      <c r="A29" s="18" t="s">
        <v>70</v>
      </c>
      <c r="B29" s="15">
        <v>21</v>
      </c>
      <c r="C29" s="16">
        <v>27</v>
      </c>
      <c r="D29" s="17">
        <v>48</v>
      </c>
    </row>
    <row r="30" spans="1:4" ht="18" customHeight="1" x14ac:dyDescent="0.2">
      <c r="A30" s="14">
        <v>20</v>
      </c>
      <c r="B30" s="15">
        <v>3</v>
      </c>
      <c r="C30" s="16">
        <v>7</v>
      </c>
      <c r="D30" s="17">
        <v>10</v>
      </c>
    </row>
    <row r="31" spans="1:4" ht="18" customHeight="1" x14ac:dyDescent="0.2">
      <c r="A31" s="14">
        <v>21</v>
      </c>
      <c r="B31" s="15">
        <v>2</v>
      </c>
      <c r="C31" s="16">
        <v>3</v>
      </c>
      <c r="D31" s="17">
        <v>5</v>
      </c>
    </row>
    <row r="32" spans="1:4" ht="18" customHeight="1" x14ac:dyDescent="0.2">
      <c r="A32" s="14">
        <v>22</v>
      </c>
      <c r="B32" s="15">
        <v>8</v>
      </c>
      <c r="C32" s="16">
        <v>8</v>
      </c>
      <c r="D32" s="17">
        <v>16</v>
      </c>
    </row>
    <row r="33" spans="1:4" ht="18" customHeight="1" x14ac:dyDescent="0.2">
      <c r="A33" s="14">
        <v>23</v>
      </c>
      <c r="B33" s="15">
        <v>4</v>
      </c>
      <c r="C33" s="16">
        <v>4</v>
      </c>
      <c r="D33" s="17">
        <v>8</v>
      </c>
    </row>
    <row r="34" spans="1:4" ht="18" customHeight="1" x14ac:dyDescent="0.2">
      <c r="A34" s="14">
        <v>24</v>
      </c>
      <c r="B34" s="15">
        <v>5</v>
      </c>
      <c r="C34" s="16">
        <v>6</v>
      </c>
      <c r="D34" s="17">
        <v>11</v>
      </c>
    </row>
    <row r="35" spans="1:4" ht="18" customHeight="1" x14ac:dyDescent="0.2">
      <c r="A35" s="18" t="s">
        <v>71</v>
      </c>
      <c r="B35" s="15">
        <v>22</v>
      </c>
      <c r="C35" s="16">
        <v>28</v>
      </c>
      <c r="D35" s="17">
        <v>50</v>
      </c>
    </row>
    <row r="36" spans="1:4" ht="18" customHeight="1" x14ac:dyDescent="0.2">
      <c r="A36" s="14">
        <v>25</v>
      </c>
      <c r="B36" s="15">
        <v>5</v>
      </c>
      <c r="C36" s="16">
        <v>10</v>
      </c>
      <c r="D36" s="17">
        <v>15</v>
      </c>
    </row>
    <row r="37" spans="1:4" ht="18" customHeight="1" x14ac:dyDescent="0.2">
      <c r="A37" s="14">
        <v>26</v>
      </c>
      <c r="B37" s="15">
        <v>8</v>
      </c>
      <c r="C37" s="16">
        <v>5</v>
      </c>
      <c r="D37" s="17">
        <v>13</v>
      </c>
    </row>
    <row r="38" spans="1:4" ht="18" customHeight="1" x14ac:dyDescent="0.2">
      <c r="A38" s="14">
        <v>27</v>
      </c>
      <c r="B38" s="15">
        <v>2</v>
      </c>
      <c r="C38" s="16">
        <v>8</v>
      </c>
      <c r="D38" s="17">
        <v>10</v>
      </c>
    </row>
    <row r="39" spans="1:4" ht="18" customHeight="1" x14ac:dyDescent="0.2">
      <c r="A39" s="14">
        <v>28</v>
      </c>
      <c r="B39" s="15">
        <v>6</v>
      </c>
      <c r="C39" s="16">
        <v>6</v>
      </c>
      <c r="D39" s="17">
        <v>12</v>
      </c>
    </row>
    <row r="40" spans="1:4" ht="18" customHeight="1" x14ac:dyDescent="0.2">
      <c r="A40" s="14">
        <v>29</v>
      </c>
      <c r="B40" s="15">
        <v>7</v>
      </c>
      <c r="C40" s="16">
        <v>3</v>
      </c>
      <c r="D40" s="17">
        <v>10</v>
      </c>
    </row>
    <row r="41" spans="1:4" ht="18" customHeight="1" x14ac:dyDescent="0.2">
      <c r="A41" s="18" t="s">
        <v>72</v>
      </c>
      <c r="B41" s="15">
        <v>28</v>
      </c>
      <c r="C41" s="16">
        <v>32</v>
      </c>
      <c r="D41" s="17">
        <v>60</v>
      </c>
    </row>
    <row r="42" spans="1:4" ht="18" customHeight="1" x14ac:dyDescent="0.2">
      <c r="A42" s="14">
        <v>30</v>
      </c>
      <c r="B42" s="15">
        <v>4</v>
      </c>
      <c r="C42" s="16">
        <v>5</v>
      </c>
      <c r="D42" s="17">
        <v>9</v>
      </c>
    </row>
    <row r="43" spans="1:4" ht="18" customHeight="1" x14ac:dyDescent="0.2">
      <c r="A43" s="14">
        <v>31</v>
      </c>
      <c r="B43" s="15">
        <v>8</v>
      </c>
      <c r="C43" s="16">
        <v>6</v>
      </c>
      <c r="D43" s="17">
        <v>14</v>
      </c>
    </row>
    <row r="44" spans="1:4" ht="18" customHeight="1" x14ac:dyDescent="0.2">
      <c r="A44" s="14">
        <v>32</v>
      </c>
      <c r="B44" s="15">
        <v>7</v>
      </c>
      <c r="C44" s="16">
        <v>5</v>
      </c>
      <c r="D44" s="17">
        <v>12</v>
      </c>
    </row>
    <row r="45" spans="1:4" ht="18" customHeight="1" x14ac:dyDescent="0.2">
      <c r="A45" s="14">
        <v>33</v>
      </c>
      <c r="B45" s="15">
        <v>9</v>
      </c>
      <c r="C45" s="16">
        <v>7</v>
      </c>
      <c r="D45" s="17">
        <v>16</v>
      </c>
    </row>
    <row r="46" spans="1:4" ht="18" customHeight="1" x14ac:dyDescent="0.2">
      <c r="A46" s="14">
        <v>34</v>
      </c>
      <c r="B46" s="15">
        <v>9</v>
      </c>
      <c r="C46" s="16">
        <v>5</v>
      </c>
      <c r="D46" s="17">
        <v>14</v>
      </c>
    </row>
    <row r="47" spans="1:4" ht="18" customHeight="1" x14ac:dyDescent="0.2">
      <c r="A47" s="18" t="s">
        <v>73</v>
      </c>
      <c r="B47" s="15">
        <v>37</v>
      </c>
      <c r="C47" s="16">
        <v>28</v>
      </c>
      <c r="D47" s="17">
        <v>65</v>
      </c>
    </row>
    <row r="48" spans="1:4" ht="18" customHeight="1" x14ac:dyDescent="0.2">
      <c r="A48" s="14">
        <v>35</v>
      </c>
      <c r="B48" s="15">
        <v>8</v>
      </c>
      <c r="C48" s="16">
        <v>8</v>
      </c>
      <c r="D48" s="17">
        <v>16</v>
      </c>
    </row>
    <row r="49" spans="1:4" ht="18" customHeight="1" x14ac:dyDescent="0.2">
      <c r="A49" s="14">
        <v>36</v>
      </c>
      <c r="B49" s="15">
        <v>13</v>
      </c>
      <c r="C49" s="16">
        <v>8</v>
      </c>
      <c r="D49" s="17">
        <v>21</v>
      </c>
    </row>
    <row r="50" spans="1:4" ht="18" customHeight="1" x14ac:dyDescent="0.2">
      <c r="A50" s="14">
        <v>37</v>
      </c>
      <c r="B50" s="15">
        <v>8</v>
      </c>
      <c r="C50" s="16">
        <v>6</v>
      </c>
      <c r="D50" s="17">
        <v>14</v>
      </c>
    </row>
    <row r="51" spans="1:4" ht="18" customHeight="1" x14ac:dyDescent="0.2">
      <c r="A51" s="14">
        <v>38</v>
      </c>
      <c r="B51" s="15">
        <v>3</v>
      </c>
      <c r="C51" s="16">
        <v>10</v>
      </c>
      <c r="D51" s="17">
        <v>13</v>
      </c>
    </row>
    <row r="52" spans="1:4" ht="18" customHeight="1" x14ac:dyDescent="0.2">
      <c r="A52" s="14">
        <v>39</v>
      </c>
      <c r="B52" s="15">
        <v>9</v>
      </c>
      <c r="C52" s="16">
        <v>3</v>
      </c>
      <c r="D52" s="17">
        <v>12</v>
      </c>
    </row>
    <row r="53" spans="1:4" ht="18" customHeight="1" x14ac:dyDescent="0.2">
      <c r="A53" s="18" t="s">
        <v>74</v>
      </c>
      <c r="B53" s="15">
        <v>41</v>
      </c>
      <c r="C53" s="16">
        <v>35</v>
      </c>
      <c r="D53" s="17">
        <v>76</v>
      </c>
    </row>
    <row r="54" spans="1:4" ht="18" customHeight="1" x14ac:dyDescent="0.2">
      <c r="A54" s="14">
        <v>40</v>
      </c>
      <c r="B54" s="15">
        <v>7</v>
      </c>
      <c r="C54" s="16">
        <v>3</v>
      </c>
      <c r="D54" s="17">
        <v>10</v>
      </c>
    </row>
    <row r="55" spans="1:4" ht="18" customHeight="1" x14ac:dyDescent="0.2">
      <c r="A55" s="14">
        <v>41</v>
      </c>
      <c r="B55" s="15">
        <v>4</v>
      </c>
      <c r="C55" s="16">
        <v>2</v>
      </c>
      <c r="D55" s="17">
        <v>6</v>
      </c>
    </row>
    <row r="56" spans="1:4" ht="18" customHeight="1" x14ac:dyDescent="0.2">
      <c r="A56" s="14">
        <v>42</v>
      </c>
      <c r="B56" s="15">
        <v>1</v>
      </c>
      <c r="C56" s="16">
        <v>8</v>
      </c>
      <c r="D56" s="17">
        <v>9</v>
      </c>
    </row>
    <row r="57" spans="1:4" ht="18" customHeight="1" x14ac:dyDescent="0.2">
      <c r="A57" s="14">
        <v>43</v>
      </c>
      <c r="B57" s="15">
        <v>5</v>
      </c>
      <c r="C57" s="16">
        <v>5</v>
      </c>
      <c r="D57" s="17">
        <v>10</v>
      </c>
    </row>
    <row r="58" spans="1:4" ht="18" customHeight="1" x14ac:dyDescent="0.2">
      <c r="A58" s="14">
        <v>44</v>
      </c>
      <c r="B58" s="15">
        <v>3</v>
      </c>
      <c r="C58" s="16">
        <v>6</v>
      </c>
      <c r="D58" s="17">
        <v>9</v>
      </c>
    </row>
    <row r="59" spans="1:4" ht="18" customHeight="1" x14ac:dyDescent="0.2">
      <c r="A59" s="18" t="s">
        <v>75</v>
      </c>
      <c r="B59" s="15">
        <v>20</v>
      </c>
      <c r="C59" s="16">
        <v>24</v>
      </c>
      <c r="D59" s="17">
        <v>44</v>
      </c>
    </row>
    <row r="60" spans="1:4" ht="18" customHeight="1" x14ac:dyDescent="0.2">
      <c r="A60" s="14">
        <v>45</v>
      </c>
      <c r="B60" s="15">
        <v>5</v>
      </c>
      <c r="C60" s="16">
        <v>4</v>
      </c>
      <c r="D60" s="17">
        <v>9</v>
      </c>
    </row>
    <row r="61" spans="1:4" ht="18" customHeight="1" x14ac:dyDescent="0.2">
      <c r="A61" s="14">
        <v>46</v>
      </c>
      <c r="B61" s="15">
        <v>7</v>
      </c>
      <c r="C61" s="16">
        <v>6</v>
      </c>
      <c r="D61" s="17">
        <v>13</v>
      </c>
    </row>
    <row r="62" spans="1:4" ht="18" customHeight="1" x14ac:dyDescent="0.2">
      <c r="A62" s="14">
        <v>47</v>
      </c>
      <c r="B62" s="15">
        <v>8</v>
      </c>
      <c r="C62" s="16">
        <v>8</v>
      </c>
      <c r="D62" s="17">
        <v>16</v>
      </c>
    </row>
    <row r="63" spans="1:4" ht="18" customHeight="1" x14ac:dyDescent="0.2">
      <c r="A63" s="14">
        <v>48</v>
      </c>
      <c r="B63" s="15">
        <v>9</v>
      </c>
      <c r="C63" s="16">
        <v>11</v>
      </c>
      <c r="D63" s="17">
        <v>20</v>
      </c>
    </row>
    <row r="64" spans="1:4" ht="18" customHeight="1" x14ac:dyDescent="0.2">
      <c r="A64" s="14">
        <v>49</v>
      </c>
      <c r="B64" s="15">
        <v>7</v>
      </c>
      <c r="C64" s="16">
        <v>6</v>
      </c>
      <c r="D64" s="17">
        <v>13</v>
      </c>
    </row>
    <row r="65" spans="1:4" ht="18" customHeight="1" x14ac:dyDescent="0.2">
      <c r="A65" s="18" t="s">
        <v>76</v>
      </c>
      <c r="B65" s="15">
        <v>36</v>
      </c>
      <c r="C65" s="16">
        <v>35</v>
      </c>
      <c r="D65" s="17">
        <v>71</v>
      </c>
    </row>
    <row r="66" spans="1:4" ht="18" customHeight="1" x14ac:dyDescent="0.2">
      <c r="A66" s="14">
        <v>50</v>
      </c>
      <c r="B66" s="15">
        <v>6</v>
      </c>
      <c r="C66" s="16">
        <v>5</v>
      </c>
      <c r="D66" s="17">
        <v>11</v>
      </c>
    </row>
    <row r="67" spans="1:4" ht="18" customHeight="1" x14ac:dyDescent="0.2">
      <c r="A67" s="14">
        <v>51</v>
      </c>
      <c r="B67" s="15">
        <v>6</v>
      </c>
      <c r="C67" s="16">
        <v>7</v>
      </c>
      <c r="D67" s="17">
        <v>13</v>
      </c>
    </row>
    <row r="68" spans="1:4" ht="18" customHeight="1" x14ac:dyDescent="0.2">
      <c r="A68" s="14">
        <v>52</v>
      </c>
      <c r="B68" s="15">
        <v>4</v>
      </c>
      <c r="C68" s="16">
        <v>5</v>
      </c>
      <c r="D68" s="17">
        <v>9</v>
      </c>
    </row>
    <row r="69" spans="1:4" ht="18" customHeight="1" x14ac:dyDescent="0.2">
      <c r="A69" s="14">
        <v>53</v>
      </c>
      <c r="B69" s="15">
        <v>6</v>
      </c>
      <c r="C69" s="16">
        <v>9</v>
      </c>
      <c r="D69" s="17">
        <v>15</v>
      </c>
    </row>
    <row r="70" spans="1:4" ht="18" customHeight="1" x14ac:dyDescent="0.2">
      <c r="A70" s="14">
        <v>54</v>
      </c>
      <c r="B70" s="15">
        <v>9</v>
      </c>
      <c r="C70" s="16">
        <v>3</v>
      </c>
      <c r="D70" s="17">
        <v>12</v>
      </c>
    </row>
    <row r="71" spans="1:4" ht="18" customHeight="1" x14ac:dyDescent="0.2">
      <c r="A71" s="18" t="s">
        <v>77</v>
      </c>
      <c r="B71" s="15">
        <v>31</v>
      </c>
      <c r="C71" s="16">
        <v>29</v>
      </c>
      <c r="D71" s="17">
        <v>60</v>
      </c>
    </row>
    <row r="72" spans="1:4" ht="18" customHeight="1" x14ac:dyDescent="0.2">
      <c r="A72" s="14">
        <v>55</v>
      </c>
      <c r="B72" s="15">
        <v>6</v>
      </c>
      <c r="C72" s="16">
        <v>12</v>
      </c>
      <c r="D72" s="17">
        <v>18</v>
      </c>
    </row>
    <row r="73" spans="1:4" ht="18" customHeight="1" x14ac:dyDescent="0.2">
      <c r="A73" s="14">
        <v>56</v>
      </c>
      <c r="B73" s="15">
        <v>5</v>
      </c>
      <c r="C73" s="16">
        <v>10</v>
      </c>
      <c r="D73" s="17">
        <v>15</v>
      </c>
    </row>
    <row r="74" spans="1:4" ht="18" customHeight="1" x14ac:dyDescent="0.2">
      <c r="A74" s="14">
        <v>57</v>
      </c>
      <c r="B74" s="15">
        <v>13</v>
      </c>
      <c r="C74" s="16">
        <v>5</v>
      </c>
      <c r="D74" s="17">
        <v>18</v>
      </c>
    </row>
    <row r="75" spans="1:4" ht="18" customHeight="1" x14ac:dyDescent="0.2">
      <c r="A75" s="14">
        <v>58</v>
      </c>
      <c r="B75" s="15">
        <v>14</v>
      </c>
      <c r="C75" s="16">
        <v>12</v>
      </c>
      <c r="D75" s="17">
        <v>26</v>
      </c>
    </row>
    <row r="76" spans="1:4" ht="18" customHeight="1" x14ac:dyDescent="0.2">
      <c r="A76" s="14">
        <v>59</v>
      </c>
      <c r="B76" s="15">
        <v>16</v>
      </c>
      <c r="C76" s="16">
        <v>15</v>
      </c>
      <c r="D76" s="17">
        <v>31</v>
      </c>
    </row>
    <row r="77" spans="1:4" ht="18" customHeight="1" x14ac:dyDescent="0.2">
      <c r="A77" s="18" t="s">
        <v>78</v>
      </c>
      <c r="B77" s="15">
        <v>54</v>
      </c>
      <c r="C77" s="16">
        <v>54</v>
      </c>
      <c r="D77" s="17">
        <v>108</v>
      </c>
    </row>
    <row r="78" spans="1:4" ht="18" customHeight="1" x14ac:dyDescent="0.2">
      <c r="A78" s="14">
        <v>60</v>
      </c>
      <c r="B78" s="15">
        <v>18</v>
      </c>
      <c r="C78" s="16">
        <v>16</v>
      </c>
      <c r="D78" s="17">
        <v>34</v>
      </c>
    </row>
    <row r="79" spans="1:4" ht="18" customHeight="1" x14ac:dyDescent="0.2">
      <c r="A79" s="14">
        <v>61</v>
      </c>
      <c r="B79" s="15">
        <v>9</v>
      </c>
      <c r="C79" s="16">
        <v>14</v>
      </c>
      <c r="D79" s="17">
        <v>23</v>
      </c>
    </row>
    <row r="80" spans="1:4" ht="18" customHeight="1" x14ac:dyDescent="0.2">
      <c r="A80" s="14">
        <v>62</v>
      </c>
      <c r="B80" s="15">
        <v>8</v>
      </c>
      <c r="C80" s="16">
        <v>14</v>
      </c>
      <c r="D80" s="17">
        <v>22</v>
      </c>
    </row>
    <row r="81" spans="1:4" ht="18" customHeight="1" x14ac:dyDescent="0.2">
      <c r="A81" s="14">
        <v>63</v>
      </c>
      <c r="B81" s="15">
        <v>3</v>
      </c>
      <c r="C81" s="16">
        <v>3</v>
      </c>
      <c r="D81" s="17">
        <v>6</v>
      </c>
    </row>
    <row r="82" spans="1:4" ht="18" customHeight="1" x14ac:dyDescent="0.2">
      <c r="A82" s="14">
        <v>64</v>
      </c>
      <c r="B82" s="15">
        <v>9</v>
      </c>
      <c r="C82" s="16">
        <v>6</v>
      </c>
      <c r="D82" s="17">
        <v>15</v>
      </c>
    </row>
    <row r="83" spans="1:4" ht="18" customHeight="1" x14ac:dyDescent="0.2">
      <c r="A83" s="18" t="s">
        <v>79</v>
      </c>
      <c r="B83" s="15">
        <v>47</v>
      </c>
      <c r="C83" s="16">
        <v>53</v>
      </c>
      <c r="D83" s="17">
        <v>100</v>
      </c>
    </row>
    <row r="84" spans="1:4" ht="18" customHeight="1" x14ac:dyDescent="0.2">
      <c r="A84" s="18" t="s">
        <v>80</v>
      </c>
      <c r="B84" s="15">
        <v>337</v>
      </c>
      <c r="C84" s="16">
        <v>345</v>
      </c>
      <c r="D84" s="17">
        <v>682</v>
      </c>
    </row>
    <row r="85" spans="1:4" ht="18" customHeight="1" x14ac:dyDescent="0.2">
      <c r="A85" s="14">
        <v>65</v>
      </c>
      <c r="B85" s="15">
        <v>11</v>
      </c>
      <c r="C85" s="16">
        <v>5</v>
      </c>
      <c r="D85" s="17">
        <v>16</v>
      </c>
    </row>
    <row r="86" spans="1:4" ht="18" customHeight="1" x14ac:dyDescent="0.2">
      <c r="A86" s="14">
        <v>66</v>
      </c>
      <c r="B86" s="15">
        <v>13</v>
      </c>
      <c r="C86" s="16">
        <v>4</v>
      </c>
      <c r="D86" s="17">
        <v>17</v>
      </c>
    </row>
    <row r="87" spans="1:4" ht="18" customHeight="1" x14ac:dyDescent="0.2">
      <c r="A87" s="14">
        <v>67</v>
      </c>
      <c r="B87" s="15">
        <v>9</v>
      </c>
      <c r="C87" s="16">
        <v>3</v>
      </c>
      <c r="D87" s="17">
        <v>12</v>
      </c>
    </row>
    <row r="88" spans="1:4" ht="18" customHeight="1" x14ac:dyDescent="0.2">
      <c r="A88" s="14">
        <v>68</v>
      </c>
      <c r="B88" s="15">
        <v>6</v>
      </c>
      <c r="C88" s="16">
        <v>12</v>
      </c>
      <c r="D88" s="17">
        <v>18</v>
      </c>
    </row>
    <row r="89" spans="1:4" ht="18" customHeight="1" x14ac:dyDescent="0.2">
      <c r="A89" s="14">
        <v>69</v>
      </c>
      <c r="B89" s="15">
        <v>5</v>
      </c>
      <c r="C89" s="16">
        <v>8</v>
      </c>
      <c r="D89" s="17">
        <v>13</v>
      </c>
    </row>
    <row r="90" spans="1:4" ht="18" customHeight="1" x14ac:dyDescent="0.2">
      <c r="A90" s="18" t="s">
        <v>81</v>
      </c>
      <c r="B90" s="15">
        <v>44</v>
      </c>
      <c r="C90" s="16">
        <v>32</v>
      </c>
      <c r="D90" s="17">
        <v>76</v>
      </c>
    </row>
    <row r="91" spans="1:4" ht="18" customHeight="1" x14ac:dyDescent="0.2">
      <c r="A91" s="14">
        <v>70</v>
      </c>
      <c r="B91" s="15">
        <v>2</v>
      </c>
      <c r="C91" s="16">
        <v>7</v>
      </c>
      <c r="D91" s="17">
        <v>9</v>
      </c>
    </row>
    <row r="92" spans="1:4" ht="18" customHeight="1" x14ac:dyDescent="0.2">
      <c r="A92" s="14">
        <v>71</v>
      </c>
      <c r="B92" s="15">
        <v>3</v>
      </c>
      <c r="C92" s="16">
        <v>6</v>
      </c>
      <c r="D92" s="17">
        <v>9</v>
      </c>
    </row>
    <row r="93" spans="1:4" ht="18" customHeight="1" x14ac:dyDescent="0.2">
      <c r="A93" s="14">
        <v>72</v>
      </c>
      <c r="B93" s="15">
        <v>4</v>
      </c>
      <c r="C93" s="16">
        <v>10</v>
      </c>
      <c r="D93" s="17">
        <v>14</v>
      </c>
    </row>
    <row r="94" spans="1:4" ht="18" customHeight="1" x14ac:dyDescent="0.2">
      <c r="A94" s="14">
        <v>73</v>
      </c>
      <c r="B94" s="15">
        <v>7</v>
      </c>
      <c r="C94" s="16">
        <v>10</v>
      </c>
      <c r="D94" s="17">
        <v>17</v>
      </c>
    </row>
    <row r="95" spans="1:4" ht="18" customHeight="1" x14ac:dyDescent="0.2">
      <c r="A95" s="14">
        <v>74</v>
      </c>
      <c r="B95" s="15">
        <v>5</v>
      </c>
      <c r="C95" s="16">
        <v>7</v>
      </c>
      <c r="D95" s="17">
        <v>12</v>
      </c>
    </row>
    <row r="96" spans="1:4" ht="18" customHeight="1" x14ac:dyDescent="0.2">
      <c r="A96" s="18" t="s">
        <v>82</v>
      </c>
      <c r="B96" s="15">
        <v>21</v>
      </c>
      <c r="C96" s="16">
        <v>40</v>
      </c>
      <c r="D96" s="17">
        <v>61</v>
      </c>
    </row>
    <row r="97" spans="1:4" ht="18" customHeight="1" x14ac:dyDescent="0.2">
      <c r="A97" s="14">
        <v>75</v>
      </c>
      <c r="B97" s="15">
        <v>6</v>
      </c>
      <c r="C97" s="16">
        <v>6</v>
      </c>
      <c r="D97" s="17">
        <v>12</v>
      </c>
    </row>
    <row r="98" spans="1:4" ht="18" customHeight="1" x14ac:dyDescent="0.2">
      <c r="A98" s="14">
        <v>76</v>
      </c>
      <c r="B98" s="15">
        <v>4</v>
      </c>
      <c r="C98" s="16">
        <v>2</v>
      </c>
      <c r="D98" s="17">
        <v>6</v>
      </c>
    </row>
    <row r="99" spans="1:4" ht="18" customHeight="1" x14ac:dyDescent="0.2">
      <c r="A99" s="14">
        <v>77</v>
      </c>
      <c r="B99" s="15">
        <v>2</v>
      </c>
      <c r="C99" s="16">
        <v>10</v>
      </c>
      <c r="D99" s="17">
        <v>12</v>
      </c>
    </row>
    <row r="100" spans="1:4" ht="18" customHeight="1" x14ac:dyDescent="0.2">
      <c r="A100" s="14">
        <v>78</v>
      </c>
      <c r="B100" s="15">
        <v>3</v>
      </c>
      <c r="C100" s="16">
        <v>7</v>
      </c>
      <c r="D100" s="17">
        <v>10</v>
      </c>
    </row>
    <row r="101" spans="1:4" ht="18" customHeight="1" x14ac:dyDescent="0.2">
      <c r="A101" s="14">
        <v>79</v>
      </c>
      <c r="B101" s="15">
        <v>3</v>
      </c>
      <c r="C101" s="16">
        <v>5</v>
      </c>
      <c r="D101" s="17">
        <v>8</v>
      </c>
    </row>
    <row r="102" spans="1:4" ht="18" customHeight="1" x14ac:dyDescent="0.2">
      <c r="A102" s="18" t="s">
        <v>83</v>
      </c>
      <c r="B102" s="15">
        <v>18</v>
      </c>
      <c r="C102" s="16">
        <v>30</v>
      </c>
      <c r="D102" s="17">
        <v>48</v>
      </c>
    </row>
    <row r="103" spans="1:4" ht="18" customHeight="1" x14ac:dyDescent="0.2">
      <c r="A103" s="14">
        <v>80</v>
      </c>
      <c r="B103" s="15">
        <v>5</v>
      </c>
      <c r="C103" s="16">
        <v>6</v>
      </c>
      <c r="D103" s="17">
        <v>11</v>
      </c>
    </row>
    <row r="104" spans="1:4" ht="18" customHeight="1" x14ac:dyDescent="0.2">
      <c r="A104" s="14">
        <v>81</v>
      </c>
      <c r="B104" s="15">
        <v>3</v>
      </c>
      <c r="C104" s="16">
        <v>6</v>
      </c>
      <c r="D104" s="17">
        <v>9</v>
      </c>
    </row>
    <row r="105" spans="1:4" ht="18" customHeight="1" x14ac:dyDescent="0.2">
      <c r="A105" s="14">
        <v>82</v>
      </c>
      <c r="B105" s="15">
        <v>4</v>
      </c>
      <c r="C105" s="16">
        <v>10</v>
      </c>
      <c r="D105" s="17">
        <v>14</v>
      </c>
    </row>
    <row r="106" spans="1:4" ht="18" customHeight="1" x14ac:dyDescent="0.2">
      <c r="A106" s="14">
        <v>83</v>
      </c>
      <c r="B106" s="15">
        <v>2</v>
      </c>
      <c r="C106" s="16">
        <v>7</v>
      </c>
      <c r="D106" s="17">
        <v>9</v>
      </c>
    </row>
    <row r="107" spans="1:4" ht="18" customHeight="1" x14ac:dyDescent="0.2">
      <c r="A107" s="14">
        <v>84</v>
      </c>
      <c r="B107" s="15">
        <v>3</v>
      </c>
      <c r="C107" s="16">
        <v>6</v>
      </c>
      <c r="D107" s="17">
        <v>9</v>
      </c>
    </row>
    <row r="108" spans="1:4" ht="18" customHeight="1" x14ac:dyDescent="0.2">
      <c r="A108" s="18" t="s">
        <v>84</v>
      </c>
      <c r="B108" s="15">
        <v>17</v>
      </c>
      <c r="C108" s="16">
        <v>35</v>
      </c>
      <c r="D108" s="17">
        <v>52</v>
      </c>
    </row>
    <row r="109" spans="1:4" ht="18" customHeight="1" x14ac:dyDescent="0.2">
      <c r="A109" s="14">
        <v>85</v>
      </c>
      <c r="B109" s="15">
        <v>3</v>
      </c>
      <c r="C109" s="16">
        <v>6</v>
      </c>
      <c r="D109" s="17">
        <v>9</v>
      </c>
    </row>
    <row r="110" spans="1:4" ht="18" customHeight="1" x14ac:dyDescent="0.2">
      <c r="A110" s="14">
        <v>86</v>
      </c>
      <c r="B110" s="15">
        <v>2</v>
      </c>
      <c r="C110" s="16">
        <v>4</v>
      </c>
      <c r="D110" s="17">
        <v>6</v>
      </c>
    </row>
    <row r="111" spans="1:4" ht="18" customHeight="1" x14ac:dyDescent="0.2">
      <c r="A111" s="14">
        <v>87</v>
      </c>
      <c r="B111" s="15">
        <v>1</v>
      </c>
      <c r="C111" s="16">
        <v>7</v>
      </c>
      <c r="D111" s="17">
        <v>8</v>
      </c>
    </row>
    <row r="112" spans="1:4" ht="18" customHeight="1" x14ac:dyDescent="0.2">
      <c r="A112" s="14">
        <v>88</v>
      </c>
      <c r="B112" s="15">
        <v>1</v>
      </c>
      <c r="C112" s="16">
        <v>3</v>
      </c>
      <c r="D112" s="17">
        <v>4</v>
      </c>
    </row>
    <row r="113" spans="1:4" ht="18" customHeight="1" x14ac:dyDescent="0.2">
      <c r="A113" s="14">
        <v>89</v>
      </c>
      <c r="B113" s="15">
        <v>1</v>
      </c>
      <c r="C113" s="16">
        <v>2</v>
      </c>
      <c r="D113" s="17">
        <v>3</v>
      </c>
    </row>
    <row r="114" spans="1:4" ht="18" customHeight="1" x14ac:dyDescent="0.2">
      <c r="A114" s="18" t="s">
        <v>85</v>
      </c>
      <c r="B114" s="15">
        <v>8</v>
      </c>
      <c r="C114" s="16">
        <v>22</v>
      </c>
      <c r="D114" s="17">
        <v>30</v>
      </c>
    </row>
    <row r="115" spans="1:4" ht="18" customHeight="1" x14ac:dyDescent="0.2">
      <c r="A115" s="14">
        <v>90</v>
      </c>
      <c r="B115" s="15">
        <v>0</v>
      </c>
      <c r="C115" s="16">
        <v>5</v>
      </c>
      <c r="D115" s="17">
        <v>5</v>
      </c>
    </row>
    <row r="116" spans="1:4" ht="18" customHeight="1" x14ac:dyDescent="0.2">
      <c r="A116" s="14">
        <v>91</v>
      </c>
      <c r="B116" s="15">
        <v>0</v>
      </c>
      <c r="C116" s="16">
        <v>3</v>
      </c>
      <c r="D116" s="17">
        <v>3</v>
      </c>
    </row>
    <row r="117" spans="1:4" ht="18" customHeight="1" x14ac:dyDescent="0.2">
      <c r="A117" s="14">
        <v>92</v>
      </c>
      <c r="B117" s="15">
        <v>2</v>
      </c>
      <c r="C117" s="16">
        <v>2</v>
      </c>
      <c r="D117" s="17">
        <v>4</v>
      </c>
    </row>
    <row r="118" spans="1:4" ht="18" customHeight="1" x14ac:dyDescent="0.2">
      <c r="A118" s="14">
        <v>93</v>
      </c>
      <c r="B118" s="15">
        <v>3</v>
      </c>
      <c r="C118" s="16">
        <v>2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1</v>
      </c>
      <c r="D119" s="17">
        <v>1</v>
      </c>
    </row>
    <row r="120" spans="1:4" ht="18" customHeight="1" x14ac:dyDescent="0.2">
      <c r="A120" s="18" t="s">
        <v>86</v>
      </c>
      <c r="B120" s="15">
        <v>5</v>
      </c>
      <c r="C120" s="16">
        <v>13</v>
      </c>
      <c r="D120" s="17">
        <v>18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0</v>
      </c>
      <c r="C126" s="16">
        <v>3</v>
      </c>
      <c r="D126" s="17">
        <v>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113</v>
      </c>
      <c r="C130" s="5">
        <v>176</v>
      </c>
      <c r="D130" s="6">
        <v>289</v>
      </c>
    </row>
    <row r="131" spans="1:4" ht="18" customHeight="1" x14ac:dyDescent="0.2">
      <c r="A131" s="20" t="s">
        <v>65</v>
      </c>
      <c r="B131" s="7">
        <v>511</v>
      </c>
      <c r="C131" s="8">
        <v>585</v>
      </c>
      <c r="D131" s="9">
        <v>109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9</v>
      </c>
      <c r="C5" s="12">
        <v>11</v>
      </c>
      <c r="D5" s="13">
        <v>20</v>
      </c>
    </row>
    <row r="6" spans="1:4" ht="18" customHeight="1" x14ac:dyDescent="0.2">
      <c r="A6" s="14">
        <v>1</v>
      </c>
      <c r="B6" s="15">
        <v>13</v>
      </c>
      <c r="C6" s="16">
        <v>16</v>
      </c>
      <c r="D6" s="17">
        <v>29</v>
      </c>
    </row>
    <row r="7" spans="1:4" ht="18" customHeight="1" x14ac:dyDescent="0.2">
      <c r="A7" s="14">
        <v>2</v>
      </c>
      <c r="B7" s="15">
        <v>15</v>
      </c>
      <c r="C7" s="16">
        <v>13</v>
      </c>
      <c r="D7" s="17">
        <v>28</v>
      </c>
    </row>
    <row r="8" spans="1:4" ht="18" customHeight="1" x14ac:dyDescent="0.2">
      <c r="A8" s="14">
        <v>3</v>
      </c>
      <c r="B8" s="15">
        <v>13</v>
      </c>
      <c r="C8" s="16">
        <v>10</v>
      </c>
      <c r="D8" s="17">
        <v>23</v>
      </c>
    </row>
    <row r="9" spans="1:4" ht="18" customHeight="1" x14ac:dyDescent="0.2">
      <c r="A9" s="14">
        <v>4</v>
      </c>
      <c r="B9" s="15">
        <v>11</v>
      </c>
      <c r="C9" s="16">
        <v>12</v>
      </c>
      <c r="D9" s="17">
        <v>23</v>
      </c>
    </row>
    <row r="10" spans="1:4" ht="18" customHeight="1" x14ac:dyDescent="0.2">
      <c r="A10" s="18" t="s">
        <v>66</v>
      </c>
      <c r="B10" s="15">
        <v>61</v>
      </c>
      <c r="C10" s="16">
        <v>62</v>
      </c>
      <c r="D10" s="17">
        <v>123</v>
      </c>
    </row>
    <row r="11" spans="1:4" ht="18" customHeight="1" x14ac:dyDescent="0.2">
      <c r="A11" s="14">
        <v>5</v>
      </c>
      <c r="B11" s="15">
        <v>15</v>
      </c>
      <c r="C11" s="16">
        <v>17</v>
      </c>
      <c r="D11" s="17">
        <v>32</v>
      </c>
    </row>
    <row r="12" spans="1:4" ht="18" customHeight="1" x14ac:dyDescent="0.2">
      <c r="A12" s="14">
        <v>6</v>
      </c>
      <c r="B12" s="15">
        <v>19</v>
      </c>
      <c r="C12" s="16">
        <v>22</v>
      </c>
      <c r="D12" s="17">
        <v>41</v>
      </c>
    </row>
    <row r="13" spans="1:4" ht="18" customHeight="1" x14ac:dyDescent="0.2">
      <c r="A13" s="14">
        <v>7</v>
      </c>
      <c r="B13" s="15">
        <v>16</v>
      </c>
      <c r="C13" s="16">
        <v>13</v>
      </c>
      <c r="D13" s="17">
        <v>29</v>
      </c>
    </row>
    <row r="14" spans="1:4" ht="18" customHeight="1" x14ac:dyDescent="0.2">
      <c r="A14" s="14">
        <v>8</v>
      </c>
      <c r="B14" s="15">
        <v>9</v>
      </c>
      <c r="C14" s="16">
        <v>14</v>
      </c>
      <c r="D14" s="17">
        <v>23</v>
      </c>
    </row>
    <row r="15" spans="1:4" ht="18" customHeight="1" x14ac:dyDescent="0.2">
      <c r="A15" s="14">
        <v>9</v>
      </c>
      <c r="B15" s="15">
        <v>15</v>
      </c>
      <c r="C15" s="16">
        <v>17</v>
      </c>
      <c r="D15" s="17">
        <v>32</v>
      </c>
    </row>
    <row r="16" spans="1:4" ht="18" customHeight="1" x14ac:dyDescent="0.2">
      <c r="A16" s="18" t="s">
        <v>67</v>
      </c>
      <c r="B16" s="15">
        <v>74</v>
      </c>
      <c r="C16" s="16">
        <v>83</v>
      </c>
      <c r="D16" s="17">
        <v>157</v>
      </c>
    </row>
    <row r="17" spans="1:4" ht="18" customHeight="1" x14ac:dyDescent="0.2">
      <c r="A17" s="14">
        <v>10</v>
      </c>
      <c r="B17" s="15">
        <v>9</v>
      </c>
      <c r="C17" s="16">
        <v>11</v>
      </c>
      <c r="D17" s="17">
        <v>20</v>
      </c>
    </row>
    <row r="18" spans="1:4" ht="18" customHeight="1" x14ac:dyDescent="0.2">
      <c r="A18" s="14">
        <v>11</v>
      </c>
      <c r="B18" s="15">
        <v>23</v>
      </c>
      <c r="C18" s="16">
        <v>15</v>
      </c>
      <c r="D18" s="17">
        <v>38</v>
      </c>
    </row>
    <row r="19" spans="1:4" ht="18" customHeight="1" x14ac:dyDescent="0.2">
      <c r="A19" s="14">
        <v>12</v>
      </c>
      <c r="B19" s="15">
        <v>19</v>
      </c>
      <c r="C19" s="16">
        <v>24</v>
      </c>
      <c r="D19" s="17">
        <v>43</v>
      </c>
    </row>
    <row r="20" spans="1:4" ht="18" customHeight="1" x14ac:dyDescent="0.2">
      <c r="A20" s="14">
        <v>13</v>
      </c>
      <c r="B20" s="15">
        <v>26</v>
      </c>
      <c r="C20" s="16">
        <v>21</v>
      </c>
      <c r="D20" s="17">
        <v>47</v>
      </c>
    </row>
    <row r="21" spans="1:4" ht="18" customHeight="1" x14ac:dyDescent="0.2">
      <c r="A21" s="14">
        <v>14</v>
      </c>
      <c r="B21" s="15">
        <v>22</v>
      </c>
      <c r="C21" s="16">
        <v>11</v>
      </c>
      <c r="D21" s="17">
        <v>33</v>
      </c>
    </row>
    <row r="22" spans="1:4" ht="18" customHeight="1" x14ac:dyDescent="0.2">
      <c r="A22" s="18" t="s">
        <v>68</v>
      </c>
      <c r="B22" s="15">
        <v>99</v>
      </c>
      <c r="C22" s="16">
        <v>82</v>
      </c>
      <c r="D22" s="17">
        <v>181</v>
      </c>
    </row>
    <row r="23" spans="1:4" ht="18" customHeight="1" x14ac:dyDescent="0.2">
      <c r="A23" s="18" t="s">
        <v>69</v>
      </c>
      <c r="B23" s="15">
        <v>234</v>
      </c>
      <c r="C23" s="16">
        <v>227</v>
      </c>
      <c r="D23" s="17">
        <v>461</v>
      </c>
    </row>
    <row r="24" spans="1:4" ht="18" customHeight="1" x14ac:dyDescent="0.2">
      <c r="A24" s="14">
        <v>15</v>
      </c>
      <c r="B24" s="15">
        <v>16</v>
      </c>
      <c r="C24" s="16">
        <v>20</v>
      </c>
      <c r="D24" s="17">
        <v>36</v>
      </c>
    </row>
    <row r="25" spans="1:4" ht="18" customHeight="1" x14ac:dyDescent="0.2">
      <c r="A25" s="14">
        <v>16</v>
      </c>
      <c r="B25" s="15">
        <v>22</v>
      </c>
      <c r="C25" s="16">
        <v>16</v>
      </c>
      <c r="D25" s="17">
        <v>38</v>
      </c>
    </row>
    <row r="26" spans="1:4" ht="18" customHeight="1" x14ac:dyDescent="0.2">
      <c r="A26" s="14">
        <v>17</v>
      </c>
      <c r="B26" s="15">
        <v>14</v>
      </c>
      <c r="C26" s="16">
        <v>15</v>
      </c>
      <c r="D26" s="17">
        <v>29</v>
      </c>
    </row>
    <row r="27" spans="1:4" ht="18" customHeight="1" x14ac:dyDescent="0.2">
      <c r="A27" s="14">
        <v>18</v>
      </c>
      <c r="B27" s="15">
        <v>15</v>
      </c>
      <c r="C27" s="16">
        <v>17</v>
      </c>
      <c r="D27" s="17">
        <v>32</v>
      </c>
    </row>
    <row r="28" spans="1:4" ht="18" customHeight="1" x14ac:dyDescent="0.2">
      <c r="A28" s="14">
        <v>19</v>
      </c>
      <c r="B28" s="15">
        <v>21</v>
      </c>
      <c r="C28" s="16">
        <v>10</v>
      </c>
      <c r="D28" s="17">
        <v>31</v>
      </c>
    </row>
    <row r="29" spans="1:4" ht="18" customHeight="1" x14ac:dyDescent="0.2">
      <c r="A29" s="18" t="s">
        <v>70</v>
      </c>
      <c r="B29" s="15">
        <v>88</v>
      </c>
      <c r="C29" s="16">
        <v>78</v>
      </c>
      <c r="D29" s="17">
        <v>166</v>
      </c>
    </row>
    <row r="30" spans="1:4" ht="18" customHeight="1" x14ac:dyDescent="0.2">
      <c r="A30" s="14">
        <v>20</v>
      </c>
      <c r="B30" s="15">
        <v>24</v>
      </c>
      <c r="C30" s="16">
        <v>8</v>
      </c>
      <c r="D30" s="17">
        <v>32</v>
      </c>
    </row>
    <row r="31" spans="1:4" ht="18" customHeight="1" x14ac:dyDescent="0.2">
      <c r="A31" s="14">
        <v>21</v>
      </c>
      <c r="B31" s="15">
        <v>14</v>
      </c>
      <c r="C31" s="16">
        <v>19</v>
      </c>
      <c r="D31" s="17">
        <v>33</v>
      </c>
    </row>
    <row r="32" spans="1:4" ht="18" customHeight="1" x14ac:dyDescent="0.2">
      <c r="A32" s="14">
        <v>22</v>
      </c>
      <c r="B32" s="15">
        <v>20</v>
      </c>
      <c r="C32" s="16">
        <v>20</v>
      </c>
      <c r="D32" s="17">
        <v>40</v>
      </c>
    </row>
    <row r="33" spans="1:4" ht="18" customHeight="1" x14ac:dyDescent="0.2">
      <c r="A33" s="14">
        <v>23</v>
      </c>
      <c r="B33" s="15">
        <v>18</v>
      </c>
      <c r="C33" s="16">
        <v>12</v>
      </c>
      <c r="D33" s="17">
        <v>30</v>
      </c>
    </row>
    <row r="34" spans="1:4" ht="18" customHeight="1" x14ac:dyDescent="0.2">
      <c r="A34" s="14">
        <v>24</v>
      </c>
      <c r="B34" s="15">
        <v>19</v>
      </c>
      <c r="C34" s="16">
        <v>26</v>
      </c>
      <c r="D34" s="17">
        <v>45</v>
      </c>
    </row>
    <row r="35" spans="1:4" ht="18" customHeight="1" x14ac:dyDescent="0.2">
      <c r="A35" s="18" t="s">
        <v>71</v>
      </c>
      <c r="B35" s="15">
        <v>95</v>
      </c>
      <c r="C35" s="16">
        <v>85</v>
      </c>
      <c r="D35" s="17">
        <v>180</v>
      </c>
    </row>
    <row r="36" spans="1:4" ht="18" customHeight="1" x14ac:dyDescent="0.2">
      <c r="A36" s="14">
        <v>25</v>
      </c>
      <c r="B36" s="15">
        <v>21</v>
      </c>
      <c r="C36" s="16">
        <v>16</v>
      </c>
      <c r="D36" s="17">
        <v>37</v>
      </c>
    </row>
    <row r="37" spans="1:4" ht="18" customHeight="1" x14ac:dyDescent="0.2">
      <c r="A37" s="14">
        <v>26</v>
      </c>
      <c r="B37" s="15">
        <v>21</v>
      </c>
      <c r="C37" s="16">
        <v>18</v>
      </c>
      <c r="D37" s="17">
        <v>39</v>
      </c>
    </row>
    <row r="38" spans="1:4" ht="18" customHeight="1" x14ac:dyDescent="0.2">
      <c r="A38" s="14">
        <v>27</v>
      </c>
      <c r="B38" s="15">
        <v>23</v>
      </c>
      <c r="C38" s="16">
        <v>20</v>
      </c>
      <c r="D38" s="17">
        <v>43</v>
      </c>
    </row>
    <row r="39" spans="1:4" ht="18" customHeight="1" x14ac:dyDescent="0.2">
      <c r="A39" s="14">
        <v>28</v>
      </c>
      <c r="B39" s="15">
        <v>16</v>
      </c>
      <c r="C39" s="16">
        <v>24</v>
      </c>
      <c r="D39" s="17">
        <v>40</v>
      </c>
    </row>
    <row r="40" spans="1:4" ht="18" customHeight="1" x14ac:dyDescent="0.2">
      <c r="A40" s="14">
        <v>29</v>
      </c>
      <c r="B40" s="15">
        <v>18</v>
      </c>
      <c r="C40" s="16">
        <v>21</v>
      </c>
      <c r="D40" s="17">
        <v>39</v>
      </c>
    </row>
    <row r="41" spans="1:4" ht="18" customHeight="1" x14ac:dyDescent="0.2">
      <c r="A41" s="18" t="s">
        <v>72</v>
      </c>
      <c r="B41" s="15">
        <v>99</v>
      </c>
      <c r="C41" s="16">
        <v>99</v>
      </c>
      <c r="D41" s="17">
        <v>198</v>
      </c>
    </row>
    <row r="42" spans="1:4" ht="18" customHeight="1" x14ac:dyDescent="0.2">
      <c r="A42" s="14">
        <v>30</v>
      </c>
      <c r="B42" s="15">
        <v>19</v>
      </c>
      <c r="C42" s="16">
        <v>18</v>
      </c>
      <c r="D42" s="17">
        <v>37</v>
      </c>
    </row>
    <row r="43" spans="1:4" ht="18" customHeight="1" x14ac:dyDescent="0.2">
      <c r="A43" s="14">
        <v>31</v>
      </c>
      <c r="B43" s="15">
        <v>25</v>
      </c>
      <c r="C43" s="16">
        <v>29</v>
      </c>
      <c r="D43" s="17">
        <v>54</v>
      </c>
    </row>
    <row r="44" spans="1:4" ht="18" customHeight="1" x14ac:dyDescent="0.2">
      <c r="A44" s="14">
        <v>32</v>
      </c>
      <c r="B44" s="15">
        <v>15</v>
      </c>
      <c r="C44" s="16">
        <v>12</v>
      </c>
      <c r="D44" s="17">
        <v>27</v>
      </c>
    </row>
    <row r="45" spans="1:4" ht="18" customHeight="1" x14ac:dyDescent="0.2">
      <c r="A45" s="14">
        <v>33</v>
      </c>
      <c r="B45" s="15">
        <v>23</v>
      </c>
      <c r="C45" s="16">
        <v>21</v>
      </c>
      <c r="D45" s="17">
        <v>44</v>
      </c>
    </row>
    <row r="46" spans="1:4" ht="18" customHeight="1" x14ac:dyDescent="0.2">
      <c r="A46" s="14">
        <v>34</v>
      </c>
      <c r="B46" s="15">
        <v>28</v>
      </c>
      <c r="C46" s="16">
        <v>30</v>
      </c>
      <c r="D46" s="17">
        <v>58</v>
      </c>
    </row>
    <row r="47" spans="1:4" ht="18" customHeight="1" x14ac:dyDescent="0.2">
      <c r="A47" s="18" t="s">
        <v>73</v>
      </c>
      <c r="B47" s="15">
        <v>110</v>
      </c>
      <c r="C47" s="16">
        <v>110</v>
      </c>
      <c r="D47" s="17">
        <v>220</v>
      </c>
    </row>
    <row r="48" spans="1:4" ht="18" customHeight="1" x14ac:dyDescent="0.2">
      <c r="A48" s="14">
        <v>35</v>
      </c>
      <c r="B48" s="15">
        <v>24</v>
      </c>
      <c r="C48" s="16">
        <v>20</v>
      </c>
      <c r="D48" s="17">
        <v>44</v>
      </c>
    </row>
    <row r="49" spans="1:4" ht="18" customHeight="1" x14ac:dyDescent="0.2">
      <c r="A49" s="14">
        <v>36</v>
      </c>
      <c r="B49" s="15">
        <v>27</v>
      </c>
      <c r="C49" s="16">
        <v>23</v>
      </c>
      <c r="D49" s="17">
        <v>50</v>
      </c>
    </row>
    <row r="50" spans="1:4" ht="18" customHeight="1" x14ac:dyDescent="0.2">
      <c r="A50" s="14">
        <v>37</v>
      </c>
      <c r="B50" s="15">
        <v>31</v>
      </c>
      <c r="C50" s="16">
        <v>38</v>
      </c>
      <c r="D50" s="17">
        <v>69</v>
      </c>
    </row>
    <row r="51" spans="1:4" ht="18" customHeight="1" x14ac:dyDescent="0.2">
      <c r="A51" s="14">
        <v>38</v>
      </c>
      <c r="B51" s="15">
        <v>29</v>
      </c>
      <c r="C51" s="16">
        <v>18</v>
      </c>
      <c r="D51" s="17">
        <v>47</v>
      </c>
    </row>
    <row r="52" spans="1:4" ht="18" customHeight="1" x14ac:dyDescent="0.2">
      <c r="A52" s="14">
        <v>39</v>
      </c>
      <c r="B52" s="15">
        <v>24</v>
      </c>
      <c r="C52" s="16">
        <v>34</v>
      </c>
      <c r="D52" s="17">
        <v>58</v>
      </c>
    </row>
    <row r="53" spans="1:4" ht="18" customHeight="1" x14ac:dyDescent="0.2">
      <c r="A53" s="18" t="s">
        <v>74</v>
      </c>
      <c r="B53" s="15">
        <v>135</v>
      </c>
      <c r="C53" s="16">
        <v>133</v>
      </c>
      <c r="D53" s="17">
        <v>268</v>
      </c>
    </row>
    <row r="54" spans="1:4" ht="18" customHeight="1" x14ac:dyDescent="0.2">
      <c r="A54" s="14">
        <v>40</v>
      </c>
      <c r="B54" s="15">
        <v>29</v>
      </c>
      <c r="C54" s="16">
        <v>25</v>
      </c>
      <c r="D54" s="17">
        <v>54</v>
      </c>
    </row>
    <row r="55" spans="1:4" ht="18" customHeight="1" x14ac:dyDescent="0.2">
      <c r="A55" s="14">
        <v>41</v>
      </c>
      <c r="B55" s="15">
        <v>26</v>
      </c>
      <c r="C55" s="16">
        <v>17</v>
      </c>
      <c r="D55" s="17">
        <v>43</v>
      </c>
    </row>
    <row r="56" spans="1:4" ht="18" customHeight="1" x14ac:dyDescent="0.2">
      <c r="A56" s="14">
        <v>42</v>
      </c>
      <c r="B56" s="15">
        <v>26</v>
      </c>
      <c r="C56" s="16">
        <v>38</v>
      </c>
      <c r="D56" s="17">
        <v>64</v>
      </c>
    </row>
    <row r="57" spans="1:4" ht="18" customHeight="1" x14ac:dyDescent="0.2">
      <c r="A57" s="14">
        <v>43</v>
      </c>
      <c r="B57" s="15">
        <v>16</v>
      </c>
      <c r="C57" s="16">
        <v>25</v>
      </c>
      <c r="D57" s="17">
        <v>41</v>
      </c>
    </row>
    <row r="58" spans="1:4" ht="18" customHeight="1" x14ac:dyDescent="0.2">
      <c r="A58" s="14">
        <v>44</v>
      </c>
      <c r="B58" s="15">
        <v>25</v>
      </c>
      <c r="C58" s="16">
        <v>18</v>
      </c>
      <c r="D58" s="17">
        <v>43</v>
      </c>
    </row>
    <row r="59" spans="1:4" ht="18" customHeight="1" x14ac:dyDescent="0.2">
      <c r="A59" s="18" t="s">
        <v>75</v>
      </c>
      <c r="B59" s="15">
        <v>122</v>
      </c>
      <c r="C59" s="16">
        <v>123</v>
      </c>
      <c r="D59" s="17">
        <v>245</v>
      </c>
    </row>
    <row r="60" spans="1:4" ht="18" customHeight="1" x14ac:dyDescent="0.2">
      <c r="A60" s="14">
        <v>45</v>
      </c>
      <c r="B60" s="15">
        <v>24</v>
      </c>
      <c r="C60" s="16">
        <v>14</v>
      </c>
      <c r="D60" s="17">
        <v>38</v>
      </c>
    </row>
    <row r="61" spans="1:4" ht="18" customHeight="1" x14ac:dyDescent="0.2">
      <c r="A61" s="14">
        <v>46</v>
      </c>
      <c r="B61" s="15">
        <v>21</v>
      </c>
      <c r="C61" s="16">
        <v>16</v>
      </c>
      <c r="D61" s="17">
        <v>37</v>
      </c>
    </row>
    <row r="62" spans="1:4" ht="18" customHeight="1" x14ac:dyDescent="0.2">
      <c r="A62" s="14">
        <v>47</v>
      </c>
      <c r="B62" s="15">
        <v>20</v>
      </c>
      <c r="C62" s="16">
        <v>16</v>
      </c>
      <c r="D62" s="17">
        <v>36</v>
      </c>
    </row>
    <row r="63" spans="1:4" ht="18" customHeight="1" x14ac:dyDescent="0.2">
      <c r="A63" s="14">
        <v>48</v>
      </c>
      <c r="B63" s="15">
        <v>12</v>
      </c>
      <c r="C63" s="16">
        <v>25</v>
      </c>
      <c r="D63" s="17">
        <v>37</v>
      </c>
    </row>
    <row r="64" spans="1:4" ht="18" customHeight="1" x14ac:dyDescent="0.2">
      <c r="A64" s="14">
        <v>49</v>
      </c>
      <c r="B64" s="15">
        <v>11</v>
      </c>
      <c r="C64" s="16">
        <v>19</v>
      </c>
      <c r="D64" s="17">
        <v>30</v>
      </c>
    </row>
    <row r="65" spans="1:4" ht="18" customHeight="1" x14ac:dyDescent="0.2">
      <c r="A65" s="18" t="s">
        <v>76</v>
      </c>
      <c r="B65" s="15">
        <v>88</v>
      </c>
      <c r="C65" s="16">
        <v>90</v>
      </c>
      <c r="D65" s="17">
        <v>178</v>
      </c>
    </row>
    <row r="66" spans="1:4" ht="18" customHeight="1" x14ac:dyDescent="0.2">
      <c r="A66" s="14">
        <v>50</v>
      </c>
      <c r="B66" s="15">
        <v>26</v>
      </c>
      <c r="C66" s="16">
        <v>35</v>
      </c>
      <c r="D66" s="17">
        <v>61</v>
      </c>
    </row>
    <row r="67" spans="1:4" ht="18" customHeight="1" x14ac:dyDescent="0.2">
      <c r="A67" s="14">
        <v>51</v>
      </c>
      <c r="B67" s="15">
        <v>23</v>
      </c>
      <c r="C67" s="16">
        <v>15</v>
      </c>
      <c r="D67" s="17">
        <v>38</v>
      </c>
    </row>
    <row r="68" spans="1:4" ht="18" customHeight="1" x14ac:dyDescent="0.2">
      <c r="A68" s="14">
        <v>52</v>
      </c>
      <c r="B68" s="15">
        <v>18</v>
      </c>
      <c r="C68" s="16">
        <v>29</v>
      </c>
      <c r="D68" s="17">
        <v>47</v>
      </c>
    </row>
    <row r="69" spans="1:4" ht="18" customHeight="1" x14ac:dyDescent="0.2">
      <c r="A69" s="14">
        <v>53</v>
      </c>
      <c r="B69" s="15">
        <v>26</v>
      </c>
      <c r="C69" s="16">
        <v>27</v>
      </c>
      <c r="D69" s="17">
        <v>53</v>
      </c>
    </row>
    <row r="70" spans="1:4" ht="18" customHeight="1" x14ac:dyDescent="0.2">
      <c r="A70" s="14">
        <v>54</v>
      </c>
      <c r="B70" s="15">
        <v>31</v>
      </c>
      <c r="C70" s="16">
        <v>34</v>
      </c>
      <c r="D70" s="17">
        <v>65</v>
      </c>
    </row>
    <row r="71" spans="1:4" ht="18" customHeight="1" x14ac:dyDescent="0.2">
      <c r="A71" s="18" t="s">
        <v>77</v>
      </c>
      <c r="B71" s="15">
        <v>124</v>
      </c>
      <c r="C71" s="16">
        <v>140</v>
      </c>
      <c r="D71" s="17">
        <v>264</v>
      </c>
    </row>
    <row r="72" spans="1:4" ht="18" customHeight="1" x14ac:dyDescent="0.2">
      <c r="A72" s="14">
        <v>55</v>
      </c>
      <c r="B72" s="15">
        <v>29</v>
      </c>
      <c r="C72" s="16">
        <v>33</v>
      </c>
      <c r="D72" s="17">
        <v>62</v>
      </c>
    </row>
    <row r="73" spans="1:4" ht="18" customHeight="1" x14ac:dyDescent="0.2">
      <c r="A73" s="14">
        <v>56</v>
      </c>
      <c r="B73" s="15">
        <v>30</v>
      </c>
      <c r="C73" s="16">
        <v>27</v>
      </c>
      <c r="D73" s="17">
        <v>57</v>
      </c>
    </row>
    <row r="74" spans="1:4" ht="18" customHeight="1" x14ac:dyDescent="0.2">
      <c r="A74" s="14">
        <v>57</v>
      </c>
      <c r="B74" s="15">
        <v>32</v>
      </c>
      <c r="C74" s="16">
        <v>30</v>
      </c>
      <c r="D74" s="17">
        <v>62</v>
      </c>
    </row>
    <row r="75" spans="1:4" ht="18" customHeight="1" x14ac:dyDescent="0.2">
      <c r="A75" s="14">
        <v>58</v>
      </c>
      <c r="B75" s="15">
        <v>39</v>
      </c>
      <c r="C75" s="16">
        <v>43</v>
      </c>
      <c r="D75" s="17">
        <v>82</v>
      </c>
    </row>
    <row r="76" spans="1:4" ht="18" customHeight="1" x14ac:dyDescent="0.2">
      <c r="A76" s="14">
        <v>59</v>
      </c>
      <c r="B76" s="15">
        <v>55</v>
      </c>
      <c r="C76" s="16">
        <v>47</v>
      </c>
      <c r="D76" s="17">
        <v>102</v>
      </c>
    </row>
    <row r="77" spans="1:4" ht="18" customHeight="1" x14ac:dyDescent="0.2">
      <c r="A77" s="18" t="s">
        <v>78</v>
      </c>
      <c r="B77" s="15">
        <v>185</v>
      </c>
      <c r="C77" s="16">
        <v>180</v>
      </c>
      <c r="D77" s="17">
        <v>365</v>
      </c>
    </row>
    <row r="78" spans="1:4" ht="18" customHeight="1" x14ac:dyDescent="0.2">
      <c r="A78" s="14">
        <v>60</v>
      </c>
      <c r="B78" s="15">
        <v>37</v>
      </c>
      <c r="C78" s="16">
        <v>50</v>
      </c>
      <c r="D78" s="17">
        <v>87</v>
      </c>
    </row>
    <row r="79" spans="1:4" ht="18" customHeight="1" x14ac:dyDescent="0.2">
      <c r="A79" s="14">
        <v>61</v>
      </c>
      <c r="B79" s="15">
        <v>50</v>
      </c>
      <c r="C79" s="16">
        <v>55</v>
      </c>
      <c r="D79" s="17">
        <v>105</v>
      </c>
    </row>
    <row r="80" spans="1:4" ht="18" customHeight="1" x14ac:dyDescent="0.2">
      <c r="A80" s="14">
        <v>62</v>
      </c>
      <c r="B80" s="15">
        <v>45</v>
      </c>
      <c r="C80" s="16">
        <v>42</v>
      </c>
      <c r="D80" s="17">
        <v>87</v>
      </c>
    </row>
    <row r="81" spans="1:4" ht="18" customHeight="1" x14ac:dyDescent="0.2">
      <c r="A81" s="14">
        <v>63</v>
      </c>
      <c r="B81" s="15">
        <v>18</v>
      </c>
      <c r="C81" s="16">
        <v>19</v>
      </c>
      <c r="D81" s="17">
        <v>37</v>
      </c>
    </row>
    <row r="82" spans="1:4" ht="18" customHeight="1" x14ac:dyDescent="0.2">
      <c r="A82" s="14">
        <v>64</v>
      </c>
      <c r="B82" s="15">
        <v>38</v>
      </c>
      <c r="C82" s="16">
        <v>37</v>
      </c>
      <c r="D82" s="17">
        <v>75</v>
      </c>
    </row>
    <row r="83" spans="1:4" ht="18" customHeight="1" x14ac:dyDescent="0.2">
      <c r="A83" s="18" t="s">
        <v>79</v>
      </c>
      <c r="B83" s="15">
        <v>188</v>
      </c>
      <c r="C83" s="16">
        <v>203</v>
      </c>
      <c r="D83" s="17">
        <v>391</v>
      </c>
    </row>
    <row r="84" spans="1:4" ht="18" customHeight="1" x14ac:dyDescent="0.2">
      <c r="A84" s="18" t="s">
        <v>80</v>
      </c>
      <c r="B84" s="15">
        <v>1234</v>
      </c>
      <c r="C84" s="16">
        <v>1241</v>
      </c>
      <c r="D84" s="17">
        <v>2475</v>
      </c>
    </row>
    <row r="85" spans="1:4" ht="18" customHeight="1" x14ac:dyDescent="0.2">
      <c r="A85" s="14">
        <v>65</v>
      </c>
      <c r="B85" s="15">
        <v>43</v>
      </c>
      <c r="C85" s="16">
        <v>43</v>
      </c>
      <c r="D85" s="17">
        <v>86</v>
      </c>
    </row>
    <row r="86" spans="1:4" ht="18" customHeight="1" x14ac:dyDescent="0.2">
      <c r="A86" s="14">
        <v>66</v>
      </c>
      <c r="B86" s="15">
        <v>31</v>
      </c>
      <c r="C86" s="16">
        <v>33</v>
      </c>
      <c r="D86" s="17">
        <v>64</v>
      </c>
    </row>
    <row r="87" spans="1:4" ht="18" customHeight="1" x14ac:dyDescent="0.2">
      <c r="A87" s="14">
        <v>67</v>
      </c>
      <c r="B87" s="15">
        <v>36</v>
      </c>
      <c r="C87" s="16">
        <v>60</v>
      </c>
      <c r="D87" s="17">
        <v>96</v>
      </c>
    </row>
    <row r="88" spans="1:4" ht="18" customHeight="1" x14ac:dyDescent="0.2">
      <c r="A88" s="14">
        <v>68</v>
      </c>
      <c r="B88" s="15">
        <v>43</v>
      </c>
      <c r="C88" s="16">
        <v>40</v>
      </c>
      <c r="D88" s="17">
        <v>83</v>
      </c>
    </row>
    <row r="89" spans="1:4" ht="18" customHeight="1" x14ac:dyDescent="0.2">
      <c r="A89" s="14">
        <v>69</v>
      </c>
      <c r="B89" s="15">
        <v>33</v>
      </c>
      <c r="C89" s="16">
        <v>42</v>
      </c>
      <c r="D89" s="17">
        <v>75</v>
      </c>
    </row>
    <row r="90" spans="1:4" ht="18" customHeight="1" x14ac:dyDescent="0.2">
      <c r="A90" s="18" t="s">
        <v>81</v>
      </c>
      <c r="B90" s="15">
        <v>186</v>
      </c>
      <c r="C90" s="16">
        <v>218</v>
      </c>
      <c r="D90" s="17">
        <v>404</v>
      </c>
    </row>
    <row r="91" spans="1:4" ht="18" customHeight="1" x14ac:dyDescent="0.2">
      <c r="A91" s="14">
        <v>70</v>
      </c>
      <c r="B91" s="15">
        <v>17</v>
      </c>
      <c r="C91" s="16">
        <v>37</v>
      </c>
      <c r="D91" s="17">
        <v>54</v>
      </c>
    </row>
    <row r="92" spans="1:4" ht="18" customHeight="1" x14ac:dyDescent="0.2">
      <c r="A92" s="14">
        <v>71</v>
      </c>
      <c r="B92" s="15">
        <v>17</v>
      </c>
      <c r="C92" s="16">
        <v>34</v>
      </c>
      <c r="D92" s="17">
        <v>51</v>
      </c>
    </row>
    <row r="93" spans="1:4" ht="18" customHeight="1" x14ac:dyDescent="0.2">
      <c r="A93" s="14">
        <v>72</v>
      </c>
      <c r="B93" s="15">
        <v>34</v>
      </c>
      <c r="C93" s="16">
        <v>18</v>
      </c>
      <c r="D93" s="17">
        <v>52</v>
      </c>
    </row>
    <row r="94" spans="1:4" ht="18" customHeight="1" x14ac:dyDescent="0.2">
      <c r="A94" s="14">
        <v>73</v>
      </c>
      <c r="B94" s="15">
        <v>37</v>
      </c>
      <c r="C94" s="16">
        <v>29</v>
      </c>
      <c r="D94" s="17">
        <v>66</v>
      </c>
    </row>
    <row r="95" spans="1:4" ht="18" customHeight="1" x14ac:dyDescent="0.2">
      <c r="A95" s="14">
        <v>74</v>
      </c>
      <c r="B95" s="15">
        <v>28</v>
      </c>
      <c r="C95" s="16">
        <v>29</v>
      </c>
      <c r="D95" s="17">
        <v>57</v>
      </c>
    </row>
    <row r="96" spans="1:4" ht="18" customHeight="1" x14ac:dyDescent="0.2">
      <c r="A96" s="18" t="s">
        <v>82</v>
      </c>
      <c r="B96" s="15">
        <v>133</v>
      </c>
      <c r="C96" s="16">
        <v>147</v>
      </c>
      <c r="D96" s="17">
        <v>280</v>
      </c>
    </row>
    <row r="97" spans="1:4" ht="18" customHeight="1" x14ac:dyDescent="0.2">
      <c r="A97" s="14">
        <v>75</v>
      </c>
      <c r="B97" s="15">
        <v>17</v>
      </c>
      <c r="C97" s="16">
        <v>37</v>
      </c>
      <c r="D97" s="17">
        <v>54</v>
      </c>
    </row>
    <row r="98" spans="1:4" ht="18" customHeight="1" x14ac:dyDescent="0.2">
      <c r="A98" s="14">
        <v>76</v>
      </c>
      <c r="B98" s="15">
        <v>19</v>
      </c>
      <c r="C98" s="16">
        <v>38</v>
      </c>
      <c r="D98" s="17">
        <v>57</v>
      </c>
    </row>
    <row r="99" spans="1:4" ht="18" customHeight="1" x14ac:dyDescent="0.2">
      <c r="A99" s="14">
        <v>77</v>
      </c>
      <c r="B99" s="15">
        <v>15</v>
      </c>
      <c r="C99" s="16">
        <v>29</v>
      </c>
      <c r="D99" s="17">
        <v>44</v>
      </c>
    </row>
    <row r="100" spans="1:4" ht="18" customHeight="1" x14ac:dyDescent="0.2">
      <c r="A100" s="14">
        <v>78</v>
      </c>
      <c r="B100" s="15">
        <v>19</v>
      </c>
      <c r="C100" s="16">
        <v>29</v>
      </c>
      <c r="D100" s="17">
        <v>48</v>
      </c>
    </row>
    <row r="101" spans="1:4" ht="18" customHeight="1" x14ac:dyDescent="0.2">
      <c r="A101" s="14">
        <v>79</v>
      </c>
      <c r="B101" s="15">
        <v>15</v>
      </c>
      <c r="C101" s="16">
        <v>26</v>
      </c>
      <c r="D101" s="17">
        <v>41</v>
      </c>
    </row>
    <row r="102" spans="1:4" ht="18" customHeight="1" x14ac:dyDescent="0.2">
      <c r="A102" s="18" t="s">
        <v>83</v>
      </c>
      <c r="B102" s="15">
        <v>85</v>
      </c>
      <c r="C102" s="16">
        <v>159</v>
      </c>
      <c r="D102" s="17">
        <v>244</v>
      </c>
    </row>
    <row r="103" spans="1:4" ht="18" customHeight="1" x14ac:dyDescent="0.2">
      <c r="A103" s="14">
        <v>80</v>
      </c>
      <c r="B103" s="15">
        <v>24</v>
      </c>
      <c r="C103" s="16">
        <v>32</v>
      </c>
      <c r="D103" s="17">
        <v>56</v>
      </c>
    </row>
    <row r="104" spans="1:4" ht="18" customHeight="1" x14ac:dyDescent="0.2">
      <c r="A104" s="14">
        <v>81</v>
      </c>
      <c r="B104" s="15">
        <v>12</v>
      </c>
      <c r="C104" s="16">
        <v>15</v>
      </c>
      <c r="D104" s="17">
        <v>27</v>
      </c>
    </row>
    <row r="105" spans="1:4" ht="18" customHeight="1" x14ac:dyDescent="0.2">
      <c r="A105" s="14">
        <v>82</v>
      </c>
      <c r="B105" s="15">
        <v>12</v>
      </c>
      <c r="C105" s="16">
        <v>22</v>
      </c>
      <c r="D105" s="17">
        <v>34</v>
      </c>
    </row>
    <row r="106" spans="1:4" ht="18" customHeight="1" x14ac:dyDescent="0.2">
      <c r="A106" s="14">
        <v>83</v>
      </c>
      <c r="B106" s="15">
        <v>16</v>
      </c>
      <c r="C106" s="16">
        <v>28</v>
      </c>
      <c r="D106" s="17">
        <v>44</v>
      </c>
    </row>
    <row r="107" spans="1:4" ht="18" customHeight="1" x14ac:dyDescent="0.2">
      <c r="A107" s="14">
        <v>84</v>
      </c>
      <c r="B107" s="15">
        <v>15</v>
      </c>
      <c r="C107" s="16">
        <v>25</v>
      </c>
      <c r="D107" s="17">
        <v>40</v>
      </c>
    </row>
    <row r="108" spans="1:4" ht="18" customHeight="1" x14ac:dyDescent="0.2">
      <c r="A108" s="18" t="s">
        <v>84</v>
      </c>
      <c r="B108" s="15">
        <v>79</v>
      </c>
      <c r="C108" s="16">
        <v>122</v>
      </c>
      <c r="D108" s="17">
        <v>201</v>
      </c>
    </row>
    <row r="109" spans="1:4" ht="18" customHeight="1" x14ac:dyDescent="0.2">
      <c r="A109" s="14">
        <v>85</v>
      </c>
      <c r="B109" s="15">
        <v>12</v>
      </c>
      <c r="C109" s="16">
        <v>16</v>
      </c>
      <c r="D109" s="17">
        <v>28</v>
      </c>
    </row>
    <row r="110" spans="1:4" ht="18" customHeight="1" x14ac:dyDescent="0.2">
      <c r="A110" s="14">
        <v>86</v>
      </c>
      <c r="B110" s="15">
        <v>6</v>
      </c>
      <c r="C110" s="16">
        <v>25</v>
      </c>
      <c r="D110" s="17">
        <v>31</v>
      </c>
    </row>
    <row r="111" spans="1:4" ht="18" customHeight="1" x14ac:dyDescent="0.2">
      <c r="A111" s="14">
        <v>87</v>
      </c>
      <c r="B111" s="15">
        <v>6</v>
      </c>
      <c r="C111" s="16">
        <v>16</v>
      </c>
      <c r="D111" s="17">
        <v>22</v>
      </c>
    </row>
    <row r="112" spans="1:4" ht="18" customHeight="1" x14ac:dyDescent="0.2">
      <c r="A112" s="14">
        <v>88</v>
      </c>
      <c r="B112" s="15">
        <v>1</v>
      </c>
      <c r="C112" s="16">
        <v>17</v>
      </c>
      <c r="D112" s="17">
        <v>18</v>
      </c>
    </row>
    <row r="113" spans="1:4" ht="18" customHeight="1" x14ac:dyDescent="0.2">
      <c r="A113" s="14">
        <v>89</v>
      </c>
      <c r="B113" s="15">
        <v>7</v>
      </c>
      <c r="C113" s="16">
        <v>14</v>
      </c>
      <c r="D113" s="17">
        <v>21</v>
      </c>
    </row>
    <row r="114" spans="1:4" ht="18" customHeight="1" x14ac:dyDescent="0.2">
      <c r="A114" s="18" t="s">
        <v>85</v>
      </c>
      <c r="B114" s="15">
        <v>32</v>
      </c>
      <c r="C114" s="16">
        <v>88</v>
      </c>
      <c r="D114" s="17">
        <v>120</v>
      </c>
    </row>
    <row r="115" spans="1:4" ht="18" customHeight="1" x14ac:dyDescent="0.2">
      <c r="A115" s="14">
        <v>90</v>
      </c>
      <c r="B115" s="15">
        <v>2</v>
      </c>
      <c r="C115" s="16">
        <v>4</v>
      </c>
      <c r="D115" s="17">
        <v>6</v>
      </c>
    </row>
    <row r="116" spans="1:4" ht="18" customHeight="1" x14ac:dyDescent="0.2">
      <c r="A116" s="14">
        <v>91</v>
      </c>
      <c r="B116" s="15">
        <v>0</v>
      </c>
      <c r="C116" s="16">
        <v>4</v>
      </c>
      <c r="D116" s="17">
        <v>4</v>
      </c>
    </row>
    <row r="117" spans="1:4" ht="18" customHeight="1" x14ac:dyDescent="0.2">
      <c r="A117" s="14">
        <v>92</v>
      </c>
      <c r="B117" s="15">
        <v>4</v>
      </c>
      <c r="C117" s="16">
        <v>7</v>
      </c>
      <c r="D117" s="17">
        <v>11</v>
      </c>
    </row>
    <row r="118" spans="1:4" ht="18" customHeight="1" x14ac:dyDescent="0.2">
      <c r="A118" s="14">
        <v>93</v>
      </c>
      <c r="B118" s="15">
        <v>4</v>
      </c>
      <c r="C118" s="16">
        <v>9</v>
      </c>
      <c r="D118" s="17">
        <v>13</v>
      </c>
    </row>
    <row r="119" spans="1:4" ht="18" customHeight="1" x14ac:dyDescent="0.2">
      <c r="A119" s="14">
        <v>94</v>
      </c>
      <c r="B119" s="15">
        <v>1</v>
      </c>
      <c r="C119" s="16">
        <v>8</v>
      </c>
      <c r="D119" s="17">
        <v>9</v>
      </c>
    </row>
    <row r="120" spans="1:4" ht="18" customHeight="1" x14ac:dyDescent="0.2">
      <c r="A120" s="18" t="s">
        <v>86</v>
      </c>
      <c r="B120" s="15">
        <v>11</v>
      </c>
      <c r="C120" s="16">
        <v>32</v>
      </c>
      <c r="D120" s="17">
        <v>43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87</v>
      </c>
      <c r="B126" s="15">
        <v>1</v>
      </c>
      <c r="C126" s="16">
        <v>18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527</v>
      </c>
      <c r="C130" s="5">
        <v>787</v>
      </c>
      <c r="D130" s="6">
        <v>1314</v>
      </c>
    </row>
    <row r="131" spans="1:4" ht="18" customHeight="1" x14ac:dyDescent="0.2">
      <c r="A131" s="20" t="s">
        <v>65</v>
      </c>
      <c r="B131" s="7">
        <v>1995</v>
      </c>
      <c r="C131" s="8">
        <v>2255</v>
      </c>
      <c r="D131" s="9">
        <v>425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6</v>
      </c>
      <c r="C5" s="12">
        <v>12</v>
      </c>
      <c r="D5" s="13">
        <v>28</v>
      </c>
    </row>
    <row r="6" spans="1:4" ht="18" customHeight="1" x14ac:dyDescent="0.2">
      <c r="A6" s="14">
        <v>1</v>
      </c>
      <c r="B6" s="15">
        <v>8</v>
      </c>
      <c r="C6" s="16">
        <v>9</v>
      </c>
      <c r="D6" s="17">
        <v>17</v>
      </c>
    </row>
    <row r="7" spans="1:4" ht="18" customHeight="1" x14ac:dyDescent="0.2">
      <c r="A7" s="14">
        <v>2</v>
      </c>
      <c r="B7" s="15">
        <v>15</v>
      </c>
      <c r="C7" s="16">
        <v>23</v>
      </c>
      <c r="D7" s="17">
        <v>38</v>
      </c>
    </row>
    <row r="8" spans="1:4" ht="18" customHeight="1" x14ac:dyDescent="0.2">
      <c r="A8" s="14">
        <v>3</v>
      </c>
      <c r="B8" s="15">
        <v>11</v>
      </c>
      <c r="C8" s="16">
        <v>16</v>
      </c>
      <c r="D8" s="17">
        <v>27</v>
      </c>
    </row>
    <row r="9" spans="1:4" ht="18" customHeight="1" x14ac:dyDescent="0.2">
      <c r="A9" s="14">
        <v>4</v>
      </c>
      <c r="B9" s="15">
        <v>14</v>
      </c>
      <c r="C9" s="16">
        <v>13</v>
      </c>
      <c r="D9" s="17">
        <v>27</v>
      </c>
    </row>
    <row r="10" spans="1:4" ht="18" customHeight="1" x14ac:dyDescent="0.2">
      <c r="A10" s="18" t="s">
        <v>66</v>
      </c>
      <c r="B10" s="15">
        <v>64</v>
      </c>
      <c r="C10" s="16">
        <v>73</v>
      </c>
      <c r="D10" s="17">
        <v>137</v>
      </c>
    </row>
    <row r="11" spans="1:4" ht="18" customHeight="1" x14ac:dyDescent="0.2">
      <c r="A11" s="14">
        <v>5</v>
      </c>
      <c r="B11" s="15">
        <v>15</v>
      </c>
      <c r="C11" s="16">
        <v>15</v>
      </c>
      <c r="D11" s="17">
        <v>30</v>
      </c>
    </row>
    <row r="12" spans="1:4" ht="18" customHeight="1" x14ac:dyDescent="0.2">
      <c r="A12" s="14">
        <v>6</v>
      </c>
      <c r="B12" s="15">
        <v>15</v>
      </c>
      <c r="C12" s="16">
        <v>18</v>
      </c>
      <c r="D12" s="17">
        <v>33</v>
      </c>
    </row>
    <row r="13" spans="1:4" ht="18" customHeight="1" x14ac:dyDescent="0.2">
      <c r="A13" s="14">
        <v>7</v>
      </c>
      <c r="B13" s="15">
        <v>19</v>
      </c>
      <c r="C13" s="16">
        <v>21</v>
      </c>
      <c r="D13" s="17">
        <v>40</v>
      </c>
    </row>
    <row r="14" spans="1:4" ht="18" customHeight="1" x14ac:dyDescent="0.2">
      <c r="A14" s="14">
        <v>8</v>
      </c>
      <c r="B14" s="15">
        <v>22</v>
      </c>
      <c r="C14" s="16">
        <v>19</v>
      </c>
      <c r="D14" s="17">
        <v>41</v>
      </c>
    </row>
    <row r="15" spans="1:4" ht="18" customHeight="1" x14ac:dyDescent="0.2">
      <c r="A15" s="14">
        <v>9</v>
      </c>
      <c r="B15" s="15">
        <v>14</v>
      </c>
      <c r="C15" s="16">
        <v>15</v>
      </c>
      <c r="D15" s="17">
        <v>29</v>
      </c>
    </row>
    <row r="16" spans="1:4" ht="18" customHeight="1" x14ac:dyDescent="0.2">
      <c r="A16" s="18" t="s">
        <v>67</v>
      </c>
      <c r="B16" s="15">
        <v>85</v>
      </c>
      <c r="C16" s="16">
        <v>88</v>
      </c>
      <c r="D16" s="17">
        <v>173</v>
      </c>
    </row>
    <row r="17" spans="1:4" ht="18" customHeight="1" x14ac:dyDescent="0.2">
      <c r="A17" s="14">
        <v>10</v>
      </c>
      <c r="B17" s="15">
        <v>19</v>
      </c>
      <c r="C17" s="16">
        <v>20</v>
      </c>
      <c r="D17" s="17">
        <v>39</v>
      </c>
    </row>
    <row r="18" spans="1:4" ht="18" customHeight="1" x14ac:dyDescent="0.2">
      <c r="A18" s="14">
        <v>11</v>
      </c>
      <c r="B18" s="15">
        <v>22</v>
      </c>
      <c r="C18" s="16">
        <v>18</v>
      </c>
      <c r="D18" s="17">
        <v>40</v>
      </c>
    </row>
    <row r="19" spans="1:4" ht="18" customHeight="1" x14ac:dyDescent="0.2">
      <c r="A19" s="14">
        <v>12</v>
      </c>
      <c r="B19" s="15">
        <v>19</v>
      </c>
      <c r="C19" s="16">
        <v>21</v>
      </c>
      <c r="D19" s="17">
        <v>40</v>
      </c>
    </row>
    <row r="20" spans="1:4" ht="18" customHeight="1" x14ac:dyDescent="0.2">
      <c r="A20" s="14">
        <v>13</v>
      </c>
      <c r="B20" s="15">
        <v>30</v>
      </c>
      <c r="C20" s="16">
        <v>14</v>
      </c>
      <c r="D20" s="17">
        <v>44</v>
      </c>
    </row>
    <row r="21" spans="1:4" ht="18" customHeight="1" x14ac:dyDescent="0.2">
      <c r="A21" s="14">
        <v>14</v>
      </c>
      <c r="B21" s="15">
        <v>22</v>
      </c>
      <c r="C21" s="16">
        <v>20</v>
      </c>
      <c r="D21" s="17">
        <v>42</v>
      </c>
    </row>
    <row r="22" spans="1:4" ht="18" customHeight="1" x14ac:dyDescent="0.2">
      <c r="A22" s="18" t="s">
        <v>68</v>
      </c>
      <c r="B22" s="15">
        <v>112</v>
      </c>
      <c r="C22" s="16">
        <v>93</v>
      </c>
      <c r="D22" s="17">
        <v>205</v>
      </c>
    </row>
    <row r="23" spans="1:4" ht="18" customHeight="1" x14ac:dyDescent="0.2">
      <c r="A23" s="18" t="s">
        <v>69</v>
      </c>
      <c r="B23" s="15">
        <v>261</v>
      </c>
      <c r="C23" s="16">
        <v>254</v>
      </c>
      <c r="D23" s="17">
        <v>515</v>
      </c>
    </row>
    <row r="24" spans="1:4" ht="18" customHeight="1" x14ac:dyDescent="0.2">
      <c r="A24" s="14">
        <v>15</v>
      </c>
      <c r="B24" s="15">
        <v>19</v>
      </c>
      <c r="C24" s="16">
        <v>12</v>
      </c>
      <c r="D24" s="17">
        <v>31</v>
      </c>
    </row>
    <row r="25" spans="1:4" ht="18" customHeight="1" x14ac:dyDescent="0.2">
      <c r="A25" s="14">
        <v>16</v>
      </c>
      <c r="B25" s="15">
        <v>17</v>
      </c>
      <c r="C25" s="16">
        <v>19</v>
      </c>
      <c r="D25" s="17">
        <v>36</v>
      </c>
    </row>
    <row r="26" spans="1:4" ht="18" customHeight="1" x14ac:dyDescent="0.2">
      <c r="A26" s="14">
        <v>17</v>
      </c>
      <c r="B26" s="15">
        <v>20</v>
      </c>
      <c r="C26" s="16">
        <v>17</v>
      </c>
      <c r="D26" s="17">
        <v>37</v>
      </c>
    </row>
    <row r="27" spans="1:4" ht="18" customHeight="1" x14ac:dyDescent="0.2">
      <c r="A27" s="14">
        <v>18</v>
      </c>
      <c r="B27" s="15">
        <v>28</v>
      </c>
      <c r="C27" s="16">
        <v>11</v>
      </c>
      <c r="D27" s="17">
        <v>39</v>
      </c>
    </row>
    <row r="28" spans="1:4" ht="18" customHeight="1" x14ac:dyDescent="0.2">
      <c r="A28" s="14">
        <v>19</v>
      </c>
      <c r="B28" s="15">
        <v>25</v>
      </c>
      <c r="C28" s="16">
        <v>13</v>
      </c>
      <c r="D28" s="17">
        <v>38</v>
      </c>
    </row>
    <row r="29" spans="1:4" ht="18" customHeight="1" x14ac:dyDescent="0.2">
      <c r="A29" s="18" t="s">
        <v>70</v>
      </c>
      <c r="B29" s="15">
        <v>109</v>
      </c>
      <c r="C29" s="16">
        <v>72</v>
      </c>
      <c r="D29" s="17">
        <v>181</v>
      </c>
    </row>
    <row r="30" spans="1:4" ht="18" customHeight="1" x14ac:dyDescent="0.2">
      <c r="A30" s="14">
        <v>20</v>
      </c>
      <c r="B30" s="15">
        <v>20</v>
      </c>
      <c r="C30" s="16">
        <v>33</v>
      </c>
      <c r="D30" s="17">
        <v>53</v>
      </c>
    </row>
    <row r="31" spans="1:4" ht="18" customHeight="1" x14ac:dyDescent="0.2">
      <c r="A31" s="14">
        <v>21</v>
      </c>
      <c r="B31" s="15">
        <v>19</v>
      </c>
      <c r="C31" s="16">
        <v>15</v>
      </c>
      <c r="D31" s="17">
        <v>34</v>
      </c>
    </row>
    <row r="32" spans="1:4" ht="18" customHeight="1" x14ac:dyDescent="0.2">
      <c r="A32" s="14">
        <v>22</v>
      </c>
      <c r="B32" s="15">
        <v>27</v>
      </c>
      <c r="C32" s="16">
        <v>18</v>
      </c>
      <c r="D32" s="17">
        <v>45</v>
      </c>
    </row>
    <row r="33" spans="1:4" ht="18" customHeight="1" x14ac:dyDescent="0.2">
      <c r="A33" s="14">
        <v>23</v>
      </c>
      <c r="B33" s="15">
        <v>16</v>
      </c>
      <c r="C33" s="16">
        <v>17</v>
      </c>
      <c r="D33" s="17">
        <v>33</v>
      </c>
    </row>
    <row r="34" spans="1:4" ht="18" customHeight="1" x14ac:dyDescent="0.2">
      <c r="A34" s="14">
        <v>24</v>
      </c>
      <c r="B34" s="15">
        <v>19</v>
      </c>
      <c r="C34" s="16">
        <v>27</v>
      </c>
      <c r="D34" s="17">
        <v>46</v>
      </c>
    </row>
    <row r="35" spans="1:4" ht="18" customHeight="1" x14ac:dyDescent="0.2">
      <c r="A35" s="18" t="s">
        <v>71</v>
      </c>
      <c r="B35" s="15">
        <v>101</v>
      </c>
      <c r="C35" s="16">
        <v>110</v>
      </c>
      <c r="D35" s="17">
        <v>211</v>
      </c>
    </row>
    <row r="36" spans="1:4" ht="18" customHeight="1" x14ac:dyDescent="0.2">
      <c r="A36" s="14">
        <v>25</v>
      </c>
      <c r="B36" s="15">
        <v>15</v>
      </c>
      <c r="C36" s="16">
        <v>22</v>
      </c>
      <c r="D36" s="17">
        <v>37</v>
      </c>
    </row>
    <row r="37" spans="1:4" ht="18" customHeight="1" x14ac:dyDescent="0.2">
      <c r="A37" s="14">
        <v>26</v>
      </c>
      <c r="B37" s="15">
        <v>23</v>
      </c>
      <c r="C37" s="16">
        <v>18</v>
      </c>
      <c r="D37" s="17">
        <v>41</v>
      </c>
    </row>
    <row r="38" spans="1:4" ht="18" customHeight="1" x14ac:dyDescent="0.2">
      <c r="A38" s="14">
        <v>27</v>
      </c>
      <c r="B38" s="15">
        <v>20</v>
      </c>
      <c r="C38" s="16">
        <v>13</v>
      </c>
      <c r="D38" s="17">
        <v>33</v>
      </c>
    </row>
    <row r="39" spans="1:4" ht="18" customHeight="1" x14ac:dyDescent="0.2">
      <c r="A39" s="14">
        <v>28</v>
      </c>
      <c r="B39" s="15">
        <v>20</v>
      </c>
      <c r="C39" s="16">
        <v>18</v>
      </c>
      <c r="D39" s="17">
        <v>38</v>
      </c>
    </row>
    <row r="40" spans="1:4" ht="18" customHeight="1" x14ac:dyDescent="0.2">
      <c r="A40" s="14">
        <v>29</v>
      </c>
      <c r="B40" s="15">
        <v>18</v>
      </c>
      <c r="C40" s="16">
        <v>29</v>
      </c>
      <c r="D40" s="17">
        <v>47</v>
      </c>
    </row>
    <row r="41" spans="1:4" ht="18" customHeight="1" x14ac:dyDescent="0.2">
      <c r="A41" s="18" t="s">
        <v>72</v>
      </c>
      <c r="B41" s="15">
        <v>96</v>
      </c>
      <c r="C41" s="16">
        <v>100</v>
      </c>
      <c r="D41" s="17">
        <v>196</v>
      </c>
    </row>
    <row r="42" spans="1:4" ht="18" customHeight="1" x14ac:dyDescent="0.2">
      <c r="A42" s="14">
        <v>30</v>
      </c>
      <c r="B42" s="15">
        <v>29</v>
      </c>
      <c r="C42" s="16">
        <v>19</v>
      </c>
      <c r="D42" s="17">
        <v>48</v>
      </c>
    </row>
    <row r="43" spans="1:4" ht="18" customHeight="1" x14ac:dyDescent="0.2">
      <c r="A43" s="14">
        <v>31</v>
      </c>
      <c r="B43" s="15">
        <v>29</v>
      </c>
      <c r="C43" s="16">
        <v>25</v>
      </c>
      <c r="D43" s="17">
        <v>54</v>
      </c>
    </row>
    <row r="44" spans="1:4" ht="18" customHeight="1" x14ac:dyDescent="0.2">
      <c r="A44" s="14">
        <v>32</v>
      </c>
      <c r="B44" s="15">
        <v>30</v>
      </c>
      <c r="C44" s="16">
        <v>20</v>
      </c>
      <c r="D44" s="17">
        <v>50</v>
      </c>
    </row>
    <row r="45" spans="1:4" ht="18" customHeight="1" x14ac:dyDescent="0.2">
      <c r="A45" s="14">
        <v>33</v>
      </c>
      <c r="B45" s="15">
        <v>28</v>
      </c>
      <c r="C45" s="16">
        <v>26</v>
      </c>
      <c r="D45" s="17">
        <v>54</v>
      </c>
    </row>
    <row r="46" spans="1:4" ht="18" customHeight="1" x14ac:dyDescent="0.2">
      <c r="A46" s="14">
        <v>34</v>
      </c>
      <c r="B46" s="15">
        <v>29</v>
      </c>
      <c r="C46" s="16">
        <v>24</v>
      </c>
      <c r="D46" s="17">
        <v>53</v>
      </c>
    </row>
    <row r="47" spans="1:4" ht="18" customHeight="1" x14ac:dyDescent="0.2">
      <c r="A47" s="18" t="s">
        <v>73</v>
      </c>
      <c r="B47" s="15">
        <v>145</v>
      </c>
      <c r="C47" s="16">
        <v>114</v>
      </c>
      <c r="D47" s="17">
        <v>259</v>
      </c>
    </row>
    <row r="48" spans="1:4" ht="18" customHeight="1" x14ac:dyDescent="0.2">
      <c r="A48" s="14">
        <v>35</v>
      </c>
      <c r="B48" s="15">
        <v>38</v>
      </c>
      <c r="C48" s="16">
        <v>33</v>
      </c>
      <c r="D48" s="17">
        <v>71</v>
      </c>
    </row>
    <row r="49" spans="1:4" ht="18" customHeight="1" x14ac:dyDescent="0.2">
      <c r="A49" s="14">
        <v>36</v>
      </c>
      <c r="B49" s="15">
        <v>43</v>
      </c>
      <c r="C49" s="16">
        <v>49</v>
      </c>
      <c r="D49" s="17">
        <v>92</v>
      </c>
    </row>
    <row r="50" spans="1:4" ht="18" customHeight="1" x14ac:dyDescent="0.2">
      <c r="A50" s="14">
        <v>37</v>
      </c>
      <c r="B50" s="15">
        <v>39</v>
      </c>
      <c r="C50" s="16">
        <v>33</v>
      </c>
      <c r="D50" s="17">
        <v>72</v>
      </c>
    </row>
    <row r="51" spans="1:4" ht="18" customHeight="1" x14ac:dyDescent="0.2">
      <c r="A51" s="14">
        <v>38</v>
      </c>
      <c r="B51" s="15">
        <v>35</v>
      </c>
      <c r="C51" s="16">
        <v>33</v>
      </c>
      <c r="D51" s="17">
        <v>68</v>
      </c>
    </row>
    <row r="52" spans="1:4" ht="18" customHeight="1" x14ac:dyDescent="0.2">
      <c r="A52" s="14">
        <v>39</v>
      </c>
      <c r="B52" s="15">
        <v>32</v>
      </c>
      <c r="C52" s="16">
        <v>32</v>
      </c>
      <c r="D52" s="17">
        <v>64</v>
      </c>
    </row>
    <row r="53" spans="1:4" ht="18" customHeight="1" x14ac:dyDescent="0.2">
      <c r="A53" s="18" t="s">
        <v>74</v>
      </c>
      <c r="B53" s="15">
        <v>187</v>
      </c>
      <c r="C53" s="16">
        <v>180</v>
      </c>
      <c r="D53" s="17">
        <v>367</v>
      </c>
    </row>
    <row r="54" spans="1:4" ht="18" customHeight="1" x14ac:dyDescent="0.2">
      <c r="A54" s="14">
        <v>40</v>
      </c>
      <c r="B54" s="15">
        <v>45</v>
      </c>
      <c r="C54" s="16">
        <v>28</v>
      </c>
      <c r="D54" s="17">
        <v>73</v>
      </c>
    </row>
    <row r="55" spans="1:4" ht="18" customHeight="1" x14ac:dyDescent="0.2">
      <c r="A55" s="14">
        <v>41</v>
      </c>
      <c r="B55" s="15">
        <v>31</v>
      </c>
      <c r="C55" s="16">
        <v>29</v>
      </c>
      <c r="D55" s="17">
        <v>60</v>
      </c>
    </row>
    <row r="56" spans="1:4" ht="18" customHeight="1" x14ac:dyDescent="0.2">
      <c r="A56" s="14">
        <v>42</v>
      </c>
      <c r="B56" s="15">
        <v>25</v>
      </c>
      <c r="C56" s="16">
        <v>14</v>
      </c>
      <c r="D56" s="17">
        <v>39</v>
      </c>
    </row>
    <row r="57" spans="1:4" ht="18" customHeight="1" x14ac:dyDescent="0.2">
      <c r="A57" s="14">
        <v>43</v>
      </c>
      <c r="B57" s="15">
        <v>19</v>
      </c>
      <c r="C57" s="16">
        <v>17</v>
      </c>
      <c r="D57" s="17">
        <v>36</v>
      </c>
    </row>
    <row r="58" spans="1:4" ht="18" customHeight="1" x14ac:dyDescent="0.2">
      <c r="A58" s="14">
        <v>44</v>
      </c>
      <c r="B58" s="15">
        <v>29</v>
      </c>
      <c r="C58" s="16">
        <v>31</v>
      </c>
      <c r="D58" s="17">
        <v>60</v>
      </c>
    </row>
    <row r="59" spans="1:4" ht="18" customHeight="1" x14ac:dyDescent="0.2">
      <c r="A59" s="18" t="s">
        <v>75</v>
      </c>
      <c r="B59" s="15">
        <v>149</v>
      </c>
      <c r="C59" s="16">
        <v>119</v>
      </c>
      <c r="D59" s="17">
        <v>268</v>
      </c>
    </row>
    <row r="60" spans="1:4" ht="18" customHeight="1" x14ac:dyDescent="0.2">
      <c r="A60" s="14">
        <v>45</v>
      </c>
      <c r="B60" s="15">
        <v>17</v>
      </c>
      <c r="C60" s="16">
        <v>17</v>
      </c>
      <c r="D60" s="17">
        <v>34</v>
      </c>
    </row>
    <row r="61" spans="1:4" ht="18" customHeight="1" x14ac:dyDescent="0.2">
      <c r="A61" s="14">
        <v>46</v>
      </c>
      <c r="B61" s="15">
        <v>20</v>
      </c>
      <c r="C61" s="16">
        <v>29</v>
      </c>
      <c r="D61" s="17">
        <v>49</v>
      </c>
    </row>
    <row r="62" spans="1:4" ht="18" customHeight="1" x14ac:dyDescent="0.2">
      <c r="A62" s="14">
        <v>47</v>
      </c>
      <c r="B62" s="15">
        <v>19</v>
      </c>
      <c r="C62" s="16">
        <v>20</v>
      </c>
      <c r="D62" s="17">
        <v>39</v>
      </c>
    </row>
    <row r="63" spans="1:4" ht="18" customHeight="1" x14ac:dyDescent="0.2">
      <c r="A63" s="14">
        <v>48</v>
      </c>
      <c r="B63" s="15">
        <v>24</v>
      </c>
      <c r="C63" s="16">
        <v>29</v>
      </c>
      <c r="D63" s="17">
        <v>53</v>
      </c>
    </row>
    <row r="64" spans="1:4" ht="18" customHeight="1" x14ac:dyDescent="0.2">
      <c r="A64" s="14">
        <v>49</v>
      </c>
      <c r="B64" s="15">
        <v>29</v>
      </c>
      <c r="C64" s="16">
        <v>19</v>
      </c>
      <c r="D64" s="17">
        <v>48</v>
      </c>
    </row>
    <row r="65" spans="1:4" ht="18" customHeight="1" x14ac:dyDescent="0.2">
      <c r="A65" s="18" t="s">
        <v>76</v>
      </c>
      <c r="B65" s="15">
        <v>109</v>
      </c>
      <c r="C65" s="16">
        <v>114</v>
      </c>
      <c r="D65" s="17">
        <v>223</v>
      </c>
    </row>
    <row r="66" spans="1:4" ht="18" customHeight="1" x14ac:dyDescent="0.2">
      <c r="A66" s="14">
        <v>50</v>
      </c>
      <c r="B66" s="15">
        <v>16</v>
      </c>
      <c r="C66" s="16">
        <v>23</v>
      </c>
      <c r="D66" s="17">
        <v>39</v>
      </c>
    </row>
    <row r="67" spans="1:4" ht="18" customHeight="1" x14ac:dyDescent="0.2">
      <c r="A67" s="14">
        <v>51</v>
      </c>
      <c r="B67" s="15">
        <v>18</v>
      </c>
      <c r="C67" s="16">
        <v>31</v>
      </c>
      <c r="D67" s="17">
        <v>49</v>
      </c>
    </row>
    <row r="68" spans="1:4" ht="18" customHeight="1" x14ac:dyDescent="0.2">
      <c r="A68" s="14">
        <v>52</v>
      </c>
      <c r="B68" s="15">
        <v>28</v>
      </c>
      <c r="C68" s="16">
        <v>28</v>
      </c>
      <c r="D68" s="17">
        <v>56</v>
      </c>
    </row>
    <row r="69" spans="1:4" ht="18" customHeight="1" x14ac:dyDescent="0.2">
      <c r="A69" s="14">
        <v>53</v>
      </c>
      <c r="B69" s="15">
        <v>24</v>
      </c>
      <c r="C69" s="16">
        <v>23</v>
      </c>
      <c r="D69" s="17">
        <v>47</v>
      </c>
    </row>
    <row r="70" spans="1:4" ht="18" customHeight="1" x14ac:dyDescent="0.2">
      <c r="A70" s="14">
        <v>54</v>
      </c>
      <c r="B70" s="15">
        <v>27</v>
      </c>
      <c r="C70" s="16">
        <v>27</v>
      </c>
      <c r="D70" s="17">
        <v>54</v>
      </c>
    </row>
    <row r="71" spans="1:4" ht="18" customHeight="1" x14ac:dyDescent="0.2">
      <c r="A71" s="18" t="s">
        <v>77</v>
      </c>
      <c r="B71" s="15">
        <v>113</v>
      </c>
      <c r="C71" s="16">
        <v>132</v>
      </c>
      <c r="D71" s="17">
        <v>245</v>
      </c>
    </row>
    <row r="72" spans="1:4" ht="18" customHeight="1" x14ac:dyDescent="0.2">
      <c r="A72" s="14">
        <v>55</v>
      </c>
      <c r="B72" s="15">
        <v>26</v>
      </c>
      <c r="C72" s="16">
        <v>28</v>
      </c>
      <c r="D72" s="17">
        <v>54</v>
      </c>
    </row>
    <row r="73" spans="1:4" ht="18" customHeight="1" x14ac:dyDescent="0.2">
      <c r="A73" s="14">
        <v>56</v>
      </c>
      <c r="B73" s="15">
        <v>32</v>
      </c>
      <c r="C73" s="16">
        <v>28</v>
      </c>
      <c r="D73" s="17">
        <v>60</v>
      </c>
    </row>
    <row r="74" spans="1:4" ht="18" customHeight="1" x14ac:dyDescent="0.2">
      <c r="A74" s="14">
        <v>57</v>
      </c>
      <c r="B74" s="15">
        <v>25</v>
      </c>
      <c r="C74" s="16">
        <v>33</v>
      </c>
      <c r="D74" s="17">
        <v>58</v>
      </c>
    </row>
    <row r="75" spans="1:4" ht="18" customHeight="1" x14ac:dyDescent="0.2">
      <c r="A75" s="14">
        <v>58</v>
      </c>
      <c r="B75" s="15">
        <v>28</v>
      </c>
      <c r="C75" s="16">
        <v>50</v>
      </c>
      <c r="D75" s="17">
        <v>78</v>
      </c>
    </row>
    <row r="76" spans="1:4" ht="18" customHeight="1" x14ac:dyDescent="0.2">
      <c r="A76" s="14">
        <v>59</v>
      </c>
      <c r="B76" s="15">
        <v>34</v>
      </c>
      <c r="C76" s="16">
        <v>44</v>
      </c>
      <c r="D76" s="17">
        <v>78</v>
      </c>
    </row>
    <row r="77" spans="1:4" ht="18" customHeight="1" x14ac:dyDescent="0.2">
      <c r="A77" s="18" t="s">
        <v>78</v>
      </c>
      <c r="B77" s="15">
        <v>145</v>
      </c>
      <c r="C77" s="16">
        <v>183</v>
      </c>
      <c r="D77" s="17">
        <v>328</v>
      </c>
    </row>
    <row r="78" spans="1:4" ht="18" customHeight="1" x14ac:dyDescent="0.2">
      <c r="A78" s="14">
        <v>60</v>
      </c>
      <c r="B78" s="15">
        <v>43</v>
      </c>
      <c r="C78" s="16">
        <v>50</v>
      </c>
      <c r="D78" s="17">
        <v>93</v>
      </c>
    </row>
    <row r="79" spans="1:4" ht="18" customHeight="1" x14ac:dyDescent="0.2">
      <c r="A79" s="14">
        <v>61</v>
      </c>
      <c r="B79" s="15">
        <v>47</v>
      </c>
      <c r="C79" s="16">
        <v>59</v>
      </c>
      <c r="D79" s="17">
        <v>106</v>
      </c>
    </row>
    <row r="80" spans="1:4" ht="18" customHeight="1" x14ac:dyDescent="0.2">
      <c r="A80" s="14">
        <v>62</v>
      </c>
      <c r="B80" s="15">
        <v>52</v>
      </c>
      <c r="C80" s="16">
        <v>43</v>
      </c>
      <c r="D80" s="17">
        <v>95</v>
      </c>
    </row>
    <row r="81" spans="1:4" ht="18" customHeight="1" x14ac:dyDescent="0.2">
      <c r="A81" s="14">
        <v>63</v>
      </c>
      <c r="B81" s="15">
        <v>30</v>
      </c>
      <c r="C81" s="16">
        <v>26</v>
      </c>
      <c r="D81" s="17">
        <v>56</v>
      </c>
    </row>
    <row r="82" spans="1:4" ht="18" customHeight="1" x14ac:dyDescent="0.2">
      <c r="A82" s="14">
        <v>64</v>
      </c>
      <c r="B82" s="15">
        <v>38</v>
      </c>
      <c r="C82" s="16">
        <v>34</v>
      </c>
      <c r="D82" s="17">
        <v>72</v>
      </c>
    </row>
    <row r="83" spans="1:4" ht="18" customHeight="1" x14ac:dyDescent="0.2">
      <c r="A83" s="18" t="s">
        <v>79</v>
      </c>
      <c r="B83" s="15">
        <v>210</v>
      </c>
      <c r="C83" s="16">
        <v>212</v>
      </c>
      <c r="D83" s="17">
        <v>422</v>
      </c>
    </row>
    <row r="84" spans="1:4" ht="18" customHeight="1" x14ac:dyDescent="0.2">
      <c r="A84" s="18" t="s">
        <v>80</v>
      </c>
      <c r="B84" s="15">
        <v>1364</v>
      </c>
      <c r="C84" s="16">
        <v>1336</v>
      </c>
      <c r="D84" s="17">
        <v>2700</v>
      </c>
    </row>
    <row r="85" spans="1:4" ht="18" customHeight="1" x14ac:dyDescent="0.2">
      <c r="A85" s="14">
        <v>65</v>
      </c>
      <c r="B85" s="15">
        <v>38</v>
      </c>
      <c r="C85" s="16">
        <v>46</v>
      </c>
      <c r="D85" s="17">
        <v>84</v>
      </c>
    </row>
    <row r="86" spans="1:4" ht="18" customHeight="1" x14ac:dyDescent="0.2">
      <c r="A86" s="14">
        <v>66</v>
      </c>
      <c r="B86" s="15">
        <v>48</v>
      </c>
      <c r="C86" s="16">
        <v>40</v>
      </c>
      <c r="D86" s="17">
        <v>88</v>
      </c>
    </row>
    <row r="87" spans="1:4" ht="18" customHeight="1" x14ac:dyDescent="0.2">
      <c r="A87" s="14">
        <v>67</v>
      </c>
      <c r="B87" s="15">
        <v>46</v>
      </c>
      <c r="C87" s="16">
        <v>52</v>
      </c>
      <c r="D87" s="17">
        <v>98</v>
      </c>
    </row>
    <row r="88" spans="1:4" ht="18" customHeight="1" x14ac:dyDescent="0.2">
      <c r="A88" s="14">
        <v>68</v>
      </c>
      <c r="B88" s="15">
        <v>38</v>
      </c>
      <c r="C88" s="16">
        <v>23</v>
      </c>
      <c r="D88" s="17">
        <v>61</v>
      </c>
    </row>
    <row r="89" spans="1:4" ht="18" customHeight="1" x14ac:dyDescent="0.2">
      <c r="A89" s="14">
        <v>69</v>
      </c>
      <c r="B89" s="15">
        <v>20</v>
      </c>
      <c r="C89" s="16">
        <v>36</v>
      </c>
      <c r="D89" s="17">
        <v>56</v>
      </c>
    </row>
    <row r="90" spans="1:4" ht="18" customHeight="1" x14ac:dyDescent="0.2">
      <c r="A90" s="18" t="s">
        <v>81</v>
      </c>
      <c r="B90" s="15">
        <v>190</v>
      </c>
      <c r="C90" s="16">
        <v>197</v>
      </c>
      <c r="D90" s="17">
        <v>387</v>
      </c>
    </row>
    <row r="91" spans="1:4" ht="18" customHeight="1" x14ac:dyDescent="0.2">
      <c r="A91" s="14">
        <v>70</v>
      </c>
      <c r="B91" s="15">
        <v>23</v>
      </c>
      <c r="C91" s="16">
        <v>23</v>
      </c>
      <c r="D91" s="17">
        <v>46</v>
      </c>
    </row>
    <row r="92" spans="1:4" ht="18" customHeight="1" x14ac:dyDescent="0.2">
      <c r="A92" s="14">
        <v>71</v>
      </c>
      <c r="B92" s="15">
        <v>30</v>
      </c>
      <c r="C92" s="16">
        <v>31</v>
      </c>
      <c r="D92" s="17">
        <v>61</v>
      </c>
    </row>
    <row r="93" spans="1:4" ht="18" customHeight="1" x14ac:dyDescent="0.2">
      <c r="A93" s="14">
        <v>72</v>
      </c>
      <c r="B93" s="15">
        <v>23</v>
      </c>
      <c r="C93" s="16">
        <v>33</v>
      </c>
      <c r="D93" s="17">
        <v>56</v>
      </c>
    </row>
    <row r="94" spans="1:4" ht="18" customHeight="1" x14ac:dyDescent="0.2">
      <c r="A94" s="14">
        <v>73</v>
      </c>
      <c r="B94" s="15">
        <v>23</v>
      </c>
      <c r="C94" s="16">
        <v>31</v>
      </c>
      <c r="D94" s="17">
        <v>54</v>
      </c>
    </row>
    <row r="95" spans="1:4" ht="18" customHeight="1" x14ac:dyDescent="0.2">
      <c r="A95" s="14">
        <v>74</v>
      </c>
      <c r="B95" s="15">
        <v>30</v>
      </c>
      <c r="C95" s="16">
        <v>30</v>
      </c>
      <c r="D95" s="17">
        <v>60</v>
      </c>
    </row>
    <row r="96" spans="1:4" ht="18" customHeight="1" x14ac:dyDescent="0.2">
      <c r="A96" s="18" t="s">
        <v>82</v>
      </c>
      <c r="B96" s="15">
        <v>129</v>
      </c>
      <c r="C96" s="16">
        <v>148</v>
      </c>
      <c r="D96" s="17">
        <v>277</v>
      </c>
    </row>
    <row r="97" spans="1:4" ht="18" customHeight="1" x14ac:dyDescent="0.2">
      <c r="A97" s="14">
        <v>75</v>
      </c>
      <c r="B97" s="15">
        <v>24</v>
      </c>
      <c r="C97" s="16">
        <v>28</v>
      </c>
      <c r="D97" s="17">
        <v>52</v>
      </c>
    </row>
    <row r="98" spans="1:4" ht="18" customHeight="1" x14ac:dyDescent="0.2">
      <c r="A98" s="14">
        <v>76</v>
      </c>
      <c r="B98" s="15">
        <v>20</v>
      </c>
      <c r="C98" s="16">
        <v>28</v>
      </c>
      <c r="D98" s="17">
        <v>48</v>
      </c>
    </row>
    <row r="99" spans="1:4" ht="18" customHeight="1" x14ac:dyDescent="0.2">
      <c r="A99" s="14">
        <v>77</v>
      </c>
      <c r="B99" s="15">
        <v>20</v>
      </c>
      <c r="C99" s="16">
        <v>37</v>
      </c>
      <c r="D99" s="17">
        <v>57</v>
      </c>
    </row>
    <row r="100" spans="1:4" ht="18" customHeight="1" x14ac:dyDescent="0.2">
      <c r="A100" s="14">
        <v>78</v>
      </c>
      <c r="B100" s="15">
        <v>22</v>
      </c>
      <c r="C100" s="16">
        <v>31</v>
      </c>
      <c r="D100" s="17">
        <v>53</v>
      </c>
    </row>
    <row r="101" spans="1:4" ht="18" customHeight="1" x14ac:dyDescent="0.2">
      <c r="A101" s="14">
        <v>79</v>
      </c>
      <c r="B101" s="15">
        <v>22</v>
      </c>
      <c r="C101" s="16">
        <v>30</v>
      </c>
      <c r="D101" s="17">
        <v>52</v>
      </c>
    </row>
    <row r="102" spans="1:4" ht="18" customHeight="1" x14ac:dyDescent="0.2">
      <c r="A102" s="18" t="s">
        <v>83</v>
      </c>
      <c r="B102" s="15">
        <v>108</v>
      </c>
      <c r="C102" s="16">
        <v>154</v>
      </c>
      <c r="D102" s="17">
        <v>262</v>
      </c>
    </row>
    <row r="103" spans="1:4" ht="18" customHeight="1" x14ac:dyDescent="0.2">
      <c r="A103" s="14">
        <v>80</v>
      </c>
      <c r="B103" s="15">
        <v>20</v>
      </c>
      <c r="C103" s="16">
        <v>29</v>
      </c>
      <c r="D103" s="17">
        <v>49</v>
      </c>
    </row>
    <row r="104" spans="1:4" ht="18" customHeight="1" x14ac:dyDescent="0.2">
      <c r="A104" s="14">
        <v>81</v>
      </c>
      <c r="B104" s="15">
        <v>10</v>
      </c>
      <c r="C104" s="16">
        <v>28</v>
      </c>
      <c r="D104" s="17">
        <v>38</v>
      </c>
    </row>
    <row r="105" spans="1:4" ht="18" customHeight="1" x14ac:dyDescent="0.2">
      <c r="A105" s="14">
        <v>82</v>
      </c>
      <c r="B105" s="15">
        <v>11</v>
      </c>
      <c r="C105" s="16">
        <v>22</v>
      </c>
      <c r="D105" s="17">
        <v>33</v>
      </c>
    </row>
    <row r="106" spans="1:4" ht="18" customHeight="1" x14ac:dyDescent="0.2">
      <c r="A106" s="14">
        <v>83</v>
      </c>
      <c r="B106" s="15">
        <v>15</v>
      </c>
      <c r="C106" s="16">
        <v>21</v>
      </c>
      <c r="D106" s="17">
        <v>36</v>
      </c>
    </row>
    <row r="107" spans="1:4" ht="18" customHeight="1" x14ac:dyDescent="0.2">
      <c r="A107" s="14">
        <v>84</v>
      </c>
      <c r="B107" s="15">
        <v>8</v>
      </c>
      <c r="C107" s="16">
        <v>24</v>
      </c>
      <c r="D107" s="17">
        <v>32</v>
      </c>
    </row>
    <row r="108" spans="1:4" ht="18" customHeight="1" x14ac:dyDescent="0.2">
      <c r="A108" s="18" t="s">
        <v>84</v>
      </c>
      <c r="B108" s="15">
        <v>64</v>
      </c>
      <c r="C108" s="16">
        <v>124</v>
      </c>
      <c r="D108" s="17">
        <v>188</v>
      </c>
    </row>
    <row r="109" spans="1:4" ht="18" customHeight="1" x14ac:dyDescent="0.2">
      <c r="A109" s="14">
        <v>85</v>
      </c>
      <c r="B109" s="15">
        <v>11</v>
      </c>
      <c r="C109" s="16">
        <v>23</v>
      </c>
      <c r="D109" s="17">
        <v>34</v>
      </c>
    </row>
    <row r="110" spans="1:4" ht="18" customHeight="1" x14ac:dyDescent="0.2">
      <c r="A110" s="14">
        <v>86</v>
      </c>
      <c r="B110" s="15">
        <v>11</v>
      </c>
      <c r="C110" s="16">
        <v>16</v>
      </c>
      <c r="D110" s="17">
        <v>27</v>
      </c>
    </row>
    <row r="111" spans="1:4" ht="18" customHeight="1" x14ac:dyDescent="0.2">
      <c r="A111" s="14">
        <v>87</v>
      </c>
      <c r="B111" s="15">
        <v>5</v>
      </c>
      <c r="C111" s="16">
        <v>22</v>
      </c>
      <c r="D111" s="17">
        <v>27</v>
      </c>
    </row>
    <row r="112" spans="1:4" ht="18" customHeight="1" x14ac:dyDescent="0.2">
      <c r="A112" s="14">
        <v>88</v>
      </c>
      <c r="B112" s="15">
        <v>6</v>
      </c>
      <c r="C112" s="16">
        <v>13</v>
      </c>
      <c r="D112" s="17">
        <v>19</v>
      </c>
    </row>
    <row r="113" spans="1:4" ht="18" customHeight="1" x14ac:dyDescent="0.2">
      <c r="A113" s="14">
        <v>89</v>
      </c>
      <c r="B113" s="15">
        <v>4</v>
      </c>
      <c r="C113" s="16">
        <v>11</v>
      </c>
      <c r="D113" s="17">
        <v>15</v>
      </c>
    </row>
    <row r="114" spans="1:4" ht="18" customHeight="1" x14ac:dyDescent="0.2">
      <c r="A114" s="18" t="s">
        <v>85</v>
      </c>
      <c r="B114" s="15">
        <v>37</v>
      </c>
      <c r="C114" s="16">
        <v>85</v>
      </c>
      <c r="D114" s="17">
        <v>122</v>
      </c>
    </row>
    <row r="115" spans="1:4" ht="18" customHeight="1" x14ac:dyDescent="0.2">
      <c r="A115" s="14">
        <v>90</v>
      </c>
      <c r="B115" s="15">
        <v>1</v>
      </c>
      <c r="C115" s="16">
        <v>10</v>
      </c>
      <c r="D115" s="17">
        <v>11</v>
      </c>
    </row>
    <row r="116" spans="1:4" ht="18" customHeight="1" x14ac:dyDescent="0.2">
      <c r="A116" s="14">
        <v>91</v>
      </c>
      <c r="B116" s="15">
        <v>7</v>
      </c>
      <c r="C116" s="16">
        <v>13</v>
      </c>
      <c r="D116" s="17">
        <v>20</v>
      </c>
    </row>
    <row r="117" spans="1:4" ht="18" customHeight="1" x14ac:dyDescent="0.2">
      <c r="A117" s="14">
        <v>92</v>
      </c>
      <c r="B117" s="15">
        <v>1</v>
      </c>
      <c r="C117" s="16">
        <v>11</v>
      </c>
      <c r="D117" s="17">
        <v>12</v>
      </c>
    </row>
    <row r="118" spans="1:4" ht="18" customHeight="1" x14ac:dyDescent="0.2">
      <c r="A118" s="14">
        <v>93</v>
      </c>
      <c r="B118" s="15">
        <v>4</v>
      </c>
      <c r="C118" s="16">
        <v>6</v>
      </c>
      <c r="D118" s="17">
        <v>10</v>
      </c>
    </row>
    <row r="119" spans="1:4" ht="18" customHeight="1" x14ac:dyDescent="0.2">
      <c r="A119" s="14">
        <v>94</v>
      </c>
      <c r="B119" s="15">
        <v>2</v>
      </c>
      <c r="C119" s="16">
        <v>4</v>
      </c>
      <c r="D119" s="17">
        <v>6</v>
      </c>
    </row>
    <row r="120" spans="1:4" ht="18" customHeight="1" x14ac:dyDescent="0.2">
      <c r="A120" s="18" t="s">
        <v>86</v>
      </c>
      <c r="B120" s="15">
        <v>15</v>
      </c>
      <c r="C120" s="16">
        <v>44</v>
      </c>
      <c r="D120" s="17">
        <v>59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87</v>
      </c>
      <c r="B126" s="15">
        <v>2</v>
      </c>
      <c r="C126" s="16">
        <v>18</v>
      </c>
      <c r="D126" s="17">
        <v>2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89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90</v>
      </c>
      <c r="B130" s="4">
        <v>546</v>
      </c>
      <c r="C130" s="5">
        <v>771</v>
      </c>
      <c r="D130" s="6">
        <v>1317</v>
      </c>
    </row>
    <row r="131" spans="1:4" ht="18" customHeight="1" x14ac:dyDescent="0.2">
      <c r="A131" s="20" t="s">
        <v>65</v>
      </c>
      <c r="B131" s="7">
        <v>2171</v>
      </c>
      <c r="C131" s="8">
        <v>2361</v>
      </c>
      <c r="D131" s="9">
        <v>453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7</v>
      </c>
      <c r="C5" s="12">
        <v>7</v>
      </c>
      <c r="D5" s="13">
        <v>14</v>
      </c>
    </row>
    <row r="6" spans="1:4" ht="18" customHeight="1" x14ac:dyDescent="0.2">
      <c r="A6" s="14">
        <v>1</v>
      </c>
      <c r="B6" s="15">
        <v>2</v>
      </c>
      <c r="C6" s="16">
        <v>0</v>
      </c>
      <c r="D6" s="17">
        <v>2</v>
      </c>
    </row>
    <row r="7" spans="1:4" ht="18" customHeight="1" x14ac:dyDescent="0.2">
      <c r="A7" s="14">
        <v>2</v>
      </c>
      <c r="B7" s="15">
        <v>8</v>
      </c>
      <c r="C7" s="16">
        <v>3</v>
      </c>
      <c r="D7" s="17">
        <v>11</v>
      </c>
    </row>
    <row r="8" spans="1:4" ht="18" customHeight="1" x14ac:dyDescent="0.2">
      <c r="A8" s="14">
        <v>3</v>
      </c>
      <c r="B8" s="15">
        <v>6</v>
      </c>
      <c r="C8" s="16">
        <v>6</v>
      </c>
      <c r="D8" s="17">
        <v>12</v>
      </c>
    </row>
    <row r="9" spans="1:4" ht="18" customHeight="1" x14ac:dyDescent="0.2">
      <c r="A9" s="14">
        <v>4</v>
      </c>
      <c r="B9" s="15">
        <v>7</v>
      </c>
      <c r="C9" s="16">
        <v>3</v>
      </c>
      <c r="D9" s="17">
        <v>10</v>
      </c>
    </row>
    <row r="10" spans="1:4" ht="18" customHeight="1" x14ac:dyDescent="0.2">
      <c r="A10" s="18" t="s">
        <v>66</v>
      </c>
      <c r="B10" s="15">
        <v>30</v>
      </c>
      <c r="C10" s="16">
        <v>19</v>
      </c>
      <c r="D10" s="17">
        <v>49</v>
      </c>
    </row>
    <row r="11" spans="1:4" ht="18" customHeight="1" x14ac:dyDescent="0.2">
      <c r="A11" s="14">
        <v>5</v>
      </c>
      <c r="B11" s="15">
        <v>5</v>
      </c>
      <c r="C11" s="16">
        <v>7</v>
      </c>
      <c r="D11" s="17">
        <v>12</v>
      </c>
    </row>
    <row r="12" spans="1:4" ht="18" customHeight="1" x14ac:dyDescent="0.2">
      <c r="A12" s="14">
        <v>6</v>
      </c>
      <c r="B12" s="15">
        <v>6</v>
      </c>
      <c r="C12" s="16">
        <v>6</v>
      </c>
      <c r="D12" s="17">
        <v>12</v>
      </c>
    </row>
    <row r="13" spans="1:4" ht="18" customHeight="1" x14ac:dyDescent="0.2">
      <c r="A13" s="14">
        <v>7</v>
      </c>
      <c r="B13" s="15">
        <v>5</v>
      </c>
      <c r="C13" s="16">
        <v>5</v>
      </c>
      <c r="D13" s="17">
        <v>10</v>
      </c>
    </row>
    <row r="14" spans="1:4" ht="18" customHeight="1" x14ac:dyDescent="0.2">
      <c r="A14" s="14">
        <v>8</v>
      </c>
      <c r="B14" s="15">
        <v>5</v>
      </c>
      <c r="C14" s="16">
        <v>5</v>
      </c>
      <c r="D14" s="17">
        <v>10</v>
      </c>
    </row>
    <row r="15" spans="1:4" ht="18" customHeight="1" x14ac:dyDescent="0.2">
      <c r="A15" s="14">
        <v>9</v>
      </c>
      <c r="B15" s="15">
        <v>8</v>
      </c>
      <c r="C15" s="16">
        <v>8</v>
      </c>
      <c r="D15" s="17">
        <v>16</v>
      </c>
    </row>
    <row r="16" spans="1:4" ht="18" customHeight="1" x14ac:dyDescent="0.2">
      <c r="A16" s="18" t="s">
        <v>67</v>
      </c>
      <c r="B16" s="15">
        <v>29</v>
      </c>
      <c r="C16" s="16">
        <v>31</v>
      </c>
      <c r="D16" s="17">
        <v>60</v>
      </c>
    </row>
    <row r="17" spans="1:4" ht="18" customHeight="1" x14ac:dyDescent="0.2">
      <c r="A17" s="14">
        <v>10</v>
      </c>
      <c r="B17" s="15">
        <v>9</v>
      </c>
      <c r="C17" s="16">
        <v>3</v>
      </c>
      <c r="D17" s="17">
        <v>12</v>
      </c>
    </row>
    <row r="18" spans="1:4" ht="18" customHeight="1" x14ac:dyDescent="0.2">
      <c r="A18" s="14">
        <v>11</v>
      </c>
      <c r="B18" s="15">
        <v>8</v>
      </c>
      <c r="C18" s="16">
        <v>3</v>
      </c>
      <c r="D18" s="17">
        <v>11</v>
      </c>
    </row>
    <row r="19" spans="1:4" ht="18" customHeight="1" x14ac:dyDescent="0.2">
      <c r="A19" s="14">
        <v>12</v>
      </c>
      <c r="B19" s="15">
        <v>5</v>
      </c>
      <c r="C19" s="16">
        <v>10</v>
      </c>
      <c r="D19" s="17">
        <v>15</v>
      </c>
    </row>
    <row r="20" spans="1:4" ht="18" customHeight="1" x14ac:dyDescent="0.2">
      <c r="A20" s="14">
        <v>13</v>
      </c>
      <c r="B20" s="15">
        <v>13</v>
      </c>
      <c r="C20" s="16">
        <v>5</v>
      </c>
      <c r="D20" s="17">
        <v>18</v>
      </c>
    </row>
    <row r="21" spans="1:4" ht="18" customHeight="1" x14ac:dyDescent="0.2">
      <c r="A21" s="14">
        <v>14</v>
      </c>
      <c r="B21" s="15">
        <v>5</v>
      </c>
      <c r="C21" s="16">
        <v>10</v>
      </c>
      <c r="D21" s="17">
        <v>15</v>
      </c>
    </row>
    <row r="22" spans="1:4" ht="18" customHeight="1" x14ac:dyDescent="0.2">
      <c r="A22" s="18" t="s">
        <v>68</v>
      </c>
      <c r="B22" s="15">
        <v>40</v>
      </c>
      <c r="C22" s="16">
        <v>31</v>
      </c>
      <c r="D22" s="17">
        <v>71</v>
      </c>
    </row>
    <row r="23" spans="1:4" ht="18" customHeight="1" x14ac:dyDescent="0.2">
      <c r="A23" s="18" t="s">
        <v>69</v>
      </c>
      <c r="B23" s="15">
        <v>99</v>
      </c>
      <c r="C23" s="16">
        <v>81</v>
      </c>
      <c r="D23" s="17">
        <v>180</v>
      </c>
    </row>
    <row r="24" spans="1:4" ht="18" customHeight="1" x14ac:dyDescent="0.2">
      <c r="A24" s="14">
        <v>15</v>
      </c>
      <c r="B24" s="15">
        <v>12</v>
      </c>
      <c r="C24" s="16">
        <v>5</v>
      </c>
      <c r="D24" s="17">
        <v>17</v>
      </c>
    </row>
    <row r="25" spans="1:4" ht="18" customHeight="1" x14ac:dyDescent="0.2">
      <c r="A25" s="14">
        <v>16</v>
      </c>
      <c r="B25" s="15">
        <v>6</v>
      </c>
      <c r="C25" s="16">
        <v>7</v>
      </c>
      <c r="D25" s="17">
        <v>13</v>
      </c>
    </row>
    <row r="26" spans="1:4" ht="18" customHeight="1" x14ac:dyDescent="0.2">
      <c r="A26" s="14">
        <v>17</v>
      </c>
      <c r="B26" s="15">
        <v>4</v>
      </c>
      <c r="C26" s="16">
        <v>15</v>
      </c>
      <c r="D26" s="17">
        <v>19</v>
      </c>
    </row>
    <row r="27" spans="1:4" ht="18" customHeight="1" x14ac:dyDescent="0.2">
      <c r="A27" s="14">
        <v>18</v>
      </c>
      <c r="B27" s="15">
        <v>7</v>
      </c>
      <c r="C27" s="16">
        <v>13</v>
      </c>
      <c r="D27" s="17">
        <v>20</v>
      </c>
    </row>
    <row r="28" spans="1:4" ht="18" customHeight="1" x14ac:dyDescent="0.2">
      <c r="A28" s="14">
        <v>19</v>
      </c>
      <c r="B28" s="15">
        <v>10</v>
      </c>
      <c r="C28" s="16">
        <v>14</v>
      </c>
      <c r="D28" s="17">
        <v>24</v>
      </c>
    </row>
    <row r="29" spans="1:4" ht="18" customHeight="1" x14ac:dyDescent="0.2">
      <c r="A29" s="18" t="s">
        <v>70</v>
      </c>
      <c r="B29" s="15">
        <v>39</v>
      </c>
      <c r="C29" s="16">
        <v>54</v>
      </c>
      <c r="D29" s="17">
        <v>93</v>
      </c>
    </row>
    <row r="30" spans="1:4" ht="18" customHeight="1" x14ac:dyDescent="0.2">
      <c r="A30" s="14">
        <v>20</v>
      </c>
      <c r="B30" s="15">
        <v>9</v>
      </c>
      <c r="C30" s="16">
        <v>9</v>
      </c>
      <c r="D30" s="17">
        <v>18</v>
      </c>
    </row>
    <row r="31" spans="1:4" ht="18" customHeight="1" x14ac:dyDescent="0.2">
      <c r="A31" s="14">
        <v>21</v>
      </c>
      <c r="B31" s="15">
        <v>10</v>
      </c>
      <c r="C31" s="16">
        <v>13</v>
      </c>
      <c r="D31" s="17">
        <v>23</v>
      </c>
    </row>
    <row r="32" spans="1:4" ht="18" customHeight="1" x14ac:dyDescent="0.2">
      <c r="A32" s="14">
        <v>22</v>
      </c>
      <c r="B32" s="15">
        <v>12</v>
      </c>
      <c r="C32" s="16">
        <v>11</v>
      </c>
      <c r="D32" s="17">
        <v>23</v>
      </c>
    </row>
    <row r="33" spans="1:4" ht="18" customHeight="1" x14ac:dyDescent="0.2">
      <c r="A33" s="14">
        <v>23</v>
      </c>
      <c r="B33" s="15">
        <v>14</v>
      </c>
      <c r="C33" s="16">
        <v>9</v>
      </c>
      <c r="D33" s="17">
        <v>23</v>
      </c>
    </row>
    <row r="34" spans="1:4" ht="18" customHeight="1" x14ac:dyDescent="0.2">
      <c r="A34" s="14">
        <v>24</v>
      </c>
      <c r="B34" s="15">
        <v>10</v>
      </c>
      <c r="C34" s="16">
        <v>13</v>
      </c>
      <c r="D34" s="17">
        <v>23</v>
      </c>
    </row>
    <row r="35" spans="1:4" ht="18" customHeight="1" x14ac:dyDescent="0.2">
      <c r="A35" s="18" t="s">
        <v>71</v>
      </c>
      <c r="B35" s="15">
        <v>55</v>
      </c>
      <c r="C35" s="16">
        <v>55</v>
      </c>
      <c r="D35" s="17">
        <v>110</v>
      </c>
    </row>
    <row r="36" spans="1:4" ht="18" customHeight="1" x14ac:dyDescent="0.2">
      <c r="A36" s="14">
        <v>25</v>
      </c>
      <c r="B36" s="15">
        <v>10</v>
      </c>
      <c r="C36" s="16">
        <v>6</v>
      </c>
      <c r="D36" s="17">
        <v>16</v>
      </c>
    </row>
    <row r="37" spans="1:4" ht="18" customHeight="1" x14ac:dyDescent="0.2">
      <c r="A37" s="14">
        <v>26</v>
      </c>
      <c r="B37" s="15">
        <v>9</v>
      </c>
      <c r="C37" s="16">
        <v>10</v>
      </c>
      <c r="D37" s="17">
        <v>19</v>
      </c>
    </row>
    <row r="38" spans="1:4" ht="18" customHeight="1" x14ac:dyDescent="0.2">
      <c r="A38" s="14">
        <v>27</v>
      </c>
      <c r="B38" s="15">
        <v>11</v>
      </c>
      <c r="C38" s="16">
        <v>12</v>
      </c>
      <c r="D38" s="17">
        <v>23</v>
      </c>
    </row>
    <row r="39" spans="1:4" ht="18" customHeight="1" x14ac:dyDescent="0.2">
      <c r="A39" s="14">
        <v>28</v>
      </c>
      <c r="B39" s="15">
        <v>8</v>
      </c>
      <c r="C39" s="16">
        <v>7</v>
      </c>
      <c r="D39" s="17">
        <v>15</v>
      </c>
    </row>
    <row r="40" spans="1:4" ht="18" customHeight="1" x14ac:dyDescent="0.2">
      <c r="A40" s="14">
        <v>29</v>
      </c>
      <c r="B40" s="15">
        <v>14</v>
      </c>
      <c r="C40" s="16">
        <v>12</v>
      </c>
      <c r="D40" s="17">
        <v>26</v>
      </c>
    </row>
    <row r="41" spans="1:4" ht="18" customHeight="1" x14ac:dyDescent="0.2">
      <c r="A41" s="18" t="s">
        <v>72</v>
      </c>
      <c r="B41" s="15">
        <v>52</v>
      </c>
      <c r="C41" s="16">
        <v>47</v>
      </c>
      <c r="D41" s="17">
        <v>99</v>
      </c>
    </row>
    <row r="42" spans="1:4" ht="18" customHeight="1" x14ac:dyDescent="0.2">
      <c r="A42" s="14">
        <v>30</v>
      </c>
      <c r="B42" s="15">
        <v>19</v>
      </c>
      <c r="C42" s="16">
        <v>11</v>
      </c>
      <c r="D42" s="17">
        <v>30</v>
      </c>
    </row>
    <row r="43" spans="1:4" ht="18" customHeight="1" x14ac:dyDescent="0.2">
      <c r="A43" s="14">
        <v>31</v>
      </c>
      <c r="B43" s="15">
        <v>11</v>
      </c>
      <c r="C43" s="16">
        <v>8</v>
      </c>
      <c r="D43" s="17">
        <v>19</v>
      </c>
    </row>
    <row r="44" spans="1:4" ht="18" customHeight="1" x14ac:dyDescent="0.2">
      <c r="A44" s="14">
        <v>32</v>
      </c>
      <c r="B44" s="15">
        <v>11</v>
      </c>
      <c r="C44" s="16">
        <v>12</v>
      </c>
      <c r="D44" s="17">
        <v>23</v>
      </c>
    </row>
    <row r="45" spans="1:4" ht="18" customHeight="1" x14ac:dyDescent="0.2">
      <c r="A45" s="14">
        <v>33</v>
      </c>
      <c r="B45" s="15">
        <v>12</v>
      </c>
      <c r="C45" s="16">
        <v>13</v>
      </c>
      <c r="D45" s="17">
        <v>25</v>
      </c>
    </row>
    <row r="46" spans="1:4" ht="18" customHeight="1" x14ac:dyDescent="0.2">
      <c r="A46" s="14">
        <v>34</v>
      </c>
      <c r="B46" s="15">
        <v>16</v>
      </c>
      <c r="C46" s="16">
        <v>16</v>
      </c>
      <c r="D46" s="17">
        <v>32</v>
      </c>
    </row>
    <row r="47" spans="1:4" ht="18" customHeight="1" x14ac:dyDescent="0.2">
      <c r="A47" s="18" t="s">
        <v>73</v>
      </c>
      <c r="B47" s="15">
        <v>69</v>
      </c>
      <c r="C47" s="16">
        <v>60</v>
      </c>
      <c r="D47" s="17">
        <v>129</v>
      </c>
    </row>
    <row r="48" spans="1:4" ht="18" customHeight="1" x14ac:dyDescent="0.2">
      <c r="A48" s="14">
        <v>35</v>
      </c>
      <c r="B48" s="15">
        <v>16</v>
      </c>
      <c r="C48" s="16">
        <v>11</v>
      </c>
      <c r="D48" s="17">
        <v>27</v>
      </c>
    </row>
    <row r="49" spans="1:4" ht="18" customHeight="1" x14ac:dyDescent="0.2">
      <c r="A49" s="14">
        <v>36</v>
      </c>
      <c r="B49" s="15">
        <v>15</v>
      </c>
      <c r="C49" s="16">
        <v>13</v>
      </c>
      <c r="D49" s="17">
        <v>28</v>
      </c>
    </row>
    <row r="50" spans="1:4" ht="18" customHeight="1" x14ac:dyDescent="0.2">
      <c r="A50" s="14">
        <v>37</v>
      </c>
      <c r="B50" s="15">
        <v>12</v>
      </c>
      <c r="C50" s="16">
        <v>11</v>
      </c>
      <c r="D50" s="17">
        <v>23</v>
      </c>
    </row>
    <row r="51" spans="1:4" ht="18" customHeight="1" x14ac:dyDescent="0.2">
      <c r="A51" s="14">
        <v>38</v>
      </c>
      <c r="B51" s="15">
        <v>12</v>
      </c>
      <c r="C51" s="16">
        <v>17</v>
      </c>
      <c r="D51" s="17">
        <v>29</v>
      </c>
    </row>
    <row r="52" spans="1:4" ht="18" customHeight="1" x14ac:dyDescent="0.2">
      <c r="A52" s="14">
        <v>39</v>
      </c>
      <c r="B52" s="15">
        <v>8</v>
      </c>
      <c r="C52" s="16">
        <v>7</v>
      </c>
      <c r="D52" s="17">
        <v>15</v>
      </c>
    </row>
    <row r="53" spans="1:4" ht="18" customHeight="1" x14ac:dyDescent="0.2">
      <c r="A53" s="18" t="s">
        <v>74</v>
      </c>
      <c r="B53" s="15">
        <v>63</v>
      </c>
      <c r="C53" s="16">
        <v>59</v>
      </c>
      <c r="D53" s="17">
        <v>122</v>
      </c>
    </row>
    <row r="54" spans="1:4" ht="18" customHeight="1" x14ac:dyDescent="0.2">
      <c r="A54" s="14">
        <v>40</v>
      </c>
      <c r="B54" s="15">
        <v>14</v>
      </c>
      <c r="C54" s="16">
        <v>7</v>
      </c>
      <c r="D54" s="17">
        <v>21</v>
      </c>
    </row>
    <row r="55" spans="1:4" ht="18" customHeight="1" x14ac:dyDescent="0.2">
      <c r="A55" s="14">
        <v>41</v>
      </c>
      <c r="B55" s="15">
        <v>16</v>
      </c>
      <c r="C55" s="16">
        <v>6</v>
      </c>
      <c r="D55" s="17">
        <v>22</v>
      </c>
    </row>
    <row r="56" spans="1:4" ht="18" customHeight="1" x14ac:dyDescent="0.2">
      <c r="A56" s="14">
        <v>42</v>
      </c>
      <c r="B56" s="15">
        <v>7</v>
      </c>
      <c r="C56" s="16">
        <v>11</v>
      </c>
      <c r="D56" s="17">
        <v>18</v>
      </c>
    </row>
    <row r="57" spans="1:4" ht="18" customHeight="1" x14ac:dyDescent="0.2">
      <c r="A57" s="14">
        <v>43</v>
      </c>
      <c r="B57" s="15">
        <v>8</v>
      </c>
      <c r="C57" s="16">
        <v>13</v>
      </c>
      <c r="D57" s="17">
        <v>21</v>
      </c>
    </row>
    <row r="58" spans="1:4" ht="18" customHeight="1" x14ac:dyDescent="0.2">
      <c r="A58" s="14">
        <v>44</v>
      </c>
      <c r="B58" s="15">
        <v>15</v>
      </c>
      <c r="C58" s="16">
        <v>16</v>
      </c>
      <c r="D58" s="17">
        <v>31</v>
      </c>
    </row>
    <row r="59" spans="1:4" ht="18" customHeight="1" x14ac:dyDescent="0.2">
      <c r="A59" s="18" t="s">
        <v>75</v>
      </c>
      <c r="B59" s="15">
        <v>60</v>
      </c>
      <c r="C59" s="16">
        <v>53</v>
      </c>
      <c r="D59" s="17">
        <v>113</v>
      </c>
    </row>
    <row r="60" spans="1:4" ht="18" customHeight="1" x14ac:dyDescent="0.2">
      <c r="A60" s="14">
        <v>45</v>
      </c>
      <c r="B60" s="15">
        <v>5</v>
      </c>
      <c r="C60" s="16">
        <v>11</v>
      </c>
      <c r="D60" s="17">
        <v>16</v>
      </c>
    </row>
    <row r="61" spans="1:4" ht="18" customHeight="1" x14ac:dyDescent="0.2">
      <c r="A61" s="14">
        <v>46</v>
      </c>
      <c r="B61" s="15">
        <v>9</v>
      </c>
      <c r="C61" s="16">
        <v>13</v>
      </c>
      <c r="D61" s="17">
        <v>22</v>
      </c>
    </row>
    <row r="62" spans="1:4" ht="18" customHeight="1" x14ac:dyDescent="0.2">
      <c r="A62" s="14">
        <v>47</v>
      </c>
      <c r="B62" s="15">
        <v>8</v>
      </c>
      <c r="C62" s="16">
        <v>11</v>
      </c>
      <c r="D62" s="17">
        <v>19</v>
      </c>
    </row>
    <row r="63" spans="1:4" ht="18" customHeight="1" x14ac:dyDescent="0.2">
      <c r="A63" s="14">
        <v>48</v>
      </c>
      <c r="B63" s="15">
        <v>16</v>
      </c>
      <c r="C63" s="16">
        <v>12</v>
      </c>
      <c r="D63" s="17">
        <v>28</v>
      </c>
    </row>
    <row r="64" spans="1:4" ht="18" customHeight="1" x14ac:dyDescent="0.2">
      <c r="A64" s="14">
        <v>49</v>
      </c>
      <c r="B64" s="15">
        <v>16</v>
      </c>
      <c r="C64" s="16">
        <v>15</v>
      </c>
      <c r="D64" s="17">
        <v>31</v>
      </c>
    </row>
    <row r="65" spans="1:4" ht="18" customHeight="1" x14ac:dyDescent="0.2">
      <c r="A65" s="18" t="s">
        <v>76</v>
      </c>
      <c r="B65" s="15">
        <v>54</v>
      </c>
      <c r="C65" s="16">
        <v>62</v>
      </c>
      <c r="D65" s="17">
        <v>116</v>
      </c>
    </row>
    <row r="66" spans="1:4" ht="18" customHeight="1" x14ac:dyDescent="0.2">
      <c r="A66" s="14">
        <v>50</v>
      </c>
      <c r="B66" s="15">
        <v>17</v>
      </c>
      <c r="C66" s="16">
        <v>11</v>
      </c>
      <c r="D66" s="17">
        <v>28</v>
      </c>
    </row>
    <row r="67" spans="1:4" ht="18" customHeight="1" x14ac:dyDescent="0.2">
      <c r="A67" s="14">
        <v>51</v>
      </c>
      <c r="B67" s="15">
        <v>14</v>
      </c>
      <c r="C67" s="16">
        <v>17</v>
      </c>
      <c r="D67" s="17">
        <v>31</v>
      </c>
    </row>
    <row r="68" spans="1:4" ht="18" customHeight="1" x14ac:dyDescent="0.2">
      <c r="A68" s="14">
        <v>52</v>
      </c>
      <c r="B68" s="15">
        <v>13</v>
      </c>
      <c r="C68" s="16">
        <v>11</v>
      </c>
      <c r="D68" s="17">
        <v>24</v>
      </c>
    </row>
    <row r="69" spans="1:4" ht="18" customHeight="1" x14ac:dyDescent="0.2">
      <c r="A69" s="14">
        <v>53</v>
      </c>
      <c r="B69" s="15">
        <v>13</v>
      </c>
      <c r="C69" s="16">
        <v>12</v>
      </c>
      <c r="D69" s="17">
        <v>25</v>
      </c>
    </row>
    <row r="70" spans="1:4" ht="18" customHeight="1" x14ac:dyDescent="0.2">
      <c r="A70" s="14">
        <v>54</v>
      </c>
      <c r="B70" s="15">
        <v>15</v>
      </c>
      <c r="C70" s="16">
        <v>17</v>
      </c>
      <c r="D70" s="17">
        <v>32</v>
      </c>
    </row>
    <row r="71" spans="1:4" ht="18" customHeight="1" x14ac:dyDescent="0.2">
      <c r="A71" s="18" t="s">
        <v>77</v>
      </c>
      <c r="B71" s="15">
        <v>72</v>
      </c>
      <c r="C71" s="16">
        <v>68</v>
      </c>
      <c r="D71" s="17">
        <v>140</v>
      </c>
    </row>
    <row r="72" spans="1:4" ht="18" customHeight="1" x14ac:dyDescent="0.2">
      <c r="A72" s="14">
        <v>55</v>
      </c>
      <c r="B72" s="15">
        <v>10</v>
      </c>
      <c r="C72" s="16">
        <v>10</v>
      </c>
      <c r="D72" s="17">
        <v>20</v>
      </c>
    </row>
    <row r="73" spans="1:4" ht="18" customHeight="1" x14ac:dyDescent="0.2">
      <c r="A73" s="14">
        <v>56</v>
      </c>
      <c r="B73" s="15">
        <v>19</v>
      </c>
      <c r="C73" s="16">
        <v>22</v>
      </c>
      <c r="D73" s="17">
        <v>41</v>
      </c>
    </row>
    <row r="74" spans="1:4" ht="18" customHeight="1" x14ac:dyDescent="0.2">
      <c r="A74" s="14">
        <v>57</v>
      </c>
      <c r="B74" s="15">
        <v>22</v>
      </c>
      <c r="C74" s="16">
        <v>21</v>
      </c>
      <c r="D74" s="17">
        <v>43</v>
      </c>
    </row>
    <row r="75" spans="1:4" ht="18" customHeight="1" x14ac:dyDescent="0.2">
      <c r="A75" s="14">
        <v>58</v>
      </c>
      <c r="B75" s="15">
        <v>20</v>
      </c>
      <c r="C75" s="16">
        <v>21</v>
      </c>
      <c r="D75" s="17">
        <v>41</v>
      </c>
    </row>
    <row r="76" spans="1:4" ht="18" customHeight="1" x14ac:dyDescent="0.2">
      <c r="A76" s="14">
        <v>59</v>
      </c>
      <c r="B76" s="15">
        <v>27</v>
      </c>
      <c r="C76" s="16">
        <v>27</v>
      </c>
      <c r="D76" s="17">
        <v>54</v>
      </c>
    </row>
    <row r="77" spans="1:4" ht="18" customHeight="1" x14ac:dyDescent="0.2">
      <c r="A77" s="18" t="s">
        <v>78</v>
      </c>
      <c r="B77" s="15">
        <v>98</v>
      </c>
      <c r="C77" s="16">
        <v>101</v>
      </c>
      <c r="D77" s="17">
        <v>199</v>
      </c>
    </row>
    <row r="78" spans="1:4" ht="18" customHeight="1" x14ac:dyDescent="0.2">
      <c r="A78" s="14">
        <v>60</v>
      </c>
      <c r="B78" s="15">
        <v>30</v>
      </c>
      <c r="C78" s="16">
        <v>31</v>
      </c>
      <c r="D78" s="17">
        <v>61</v>
      </c>
    </row>
    <row r="79" spans="1:4" ht="18" customHeight="1" x14ac:dyDescent="0.2">
      <c r="A79" s="14">
        <v>61</v>
      </c>
      <c r="B79" s="15">
        <v>20</v>
      </c>
      <c r="C79" s="16">
        <v>30</v>
      </c>
      <c r="D79" s="17">
        <v>50</v>
      </c>
    </row>
    <row r="80" spans="1:4" ht="18" customHeight="1" x14ac:dyDescent="0.2">
      <c r="A80" s="14">
        <v>62</v>
      </c>
      <c r="B80" s="15">
        <v>36</v>
      </c>
      <c r="C80" s="16">
        <v>36</v>
      </c>
      <c r="D80" s="17">
        <v>72</v>
      </c>
    </row>
    <row r="81" spans="1:4" ht="18" customHeight="1" x14ac:dyDescent="0.2">
      <c r="A81" s="14">
        <v>63</v>
      </c>
      <c r="B81" s="15">
        <v>17</v>
      </c>
      <c r="C81" s="16">
        <v>22</v>
      </c>
      <c r="D81" s="17">
        <v>39</v>
      </c>
    </row>
    <row r="82" spans="1:4" ht="18" customHeight="1" x14ac:dyDescent="0.2">
      <c r="A82" s="14">
        <v>64</v>
      </c>
      <c r="B82" s="15">
        <v>14</v>
      </c>
      <c r="C82" s="16">
        <v>12</v>
      </c>
      <c r="D82" s="17">
        <v>26</v>
      </c>
    </row>
    <row r="83" spans="1:4" ht="18" customHeight="1" x14ac:dyDescent="0.2">
      <c r="A83" s="18" t="s">
        <v>79</v>
      </c>
      <c r="B83" s="15">
        <v>117</v>
      </c>
      <c r="C83" s="16">
        <v>131</v>
      </c>
      <c r="D83" s="17">
        <v>248</v>
      </c>
    </row>
    <row r="84" spans="1:4" ht="18" customHeight="1" x14ac:dyDescent="0.2">
      <c r="A84" s="18" t="s">
        <v>80</v>
      </c>
      <c r="B84" s="15">
        <v>679</v>
      </c>
      <c r="C84" s="16">
        <v>690</v>
      </c>
      <c r="D84" s="17">
        <v>1369</v>
      </c>
    </row>
    <row r="85" spans="1:4" ht="18" customHeight="1" x14ac:dyDescent="0.2">
      <c r="A85" s="14">
        <v>65</v>
      </c>
      <c r="B85" s="15">
        <v>29</v>
      </c>
      <c r="C85" s="16">
        <v>16</v>
      </c>
      <c r="D85" s="17">
        <v>45</v>
      </c>
    </row>
    <row r="86" spans="1:4" ht="18" customHeight="1" x14ac:dyDescent="0.2">
      <c r="A86" s="14">
        <v>66</v>
      </c>
      <c r="B86" s="15">
        <v>17</v>
      </c>
      <c r="C86" s="16">
        <v>17</v>
      </c>
      <c r="D86" s="17">
        <v>34</v>
      </c>
    </row>
    <row r="87" spans="1:4" ht="18" customHeight="1" x14ac:dyDescent="0.2">
      <c r="A87" s="14">
        <v>67</v>
      </c>
      <c r="B87" s="15">
        <v>25</v>
      </c>
      <c r="C87" s="16">
        <v>16</v>
      </c>
      <c r="D87" s="17">
        <v>41</v>
      </c>
    </row>
    <row r="88" spans="1:4" ht="18" customHeight="1" x14ac:dyDescent="0.2">
      <c r="A88" s="14">
        <v>68</v>
      </c>
      <c r="B88" s="15">
        <v>11</v>
      </c>
      <c r="C88" s="16">
        <v>16</v>
      </c>
      <c r="D88" s="17">
        <v>27</v>
      </c>
    </row>
    <row r="89" spans="1:4" ht="18" customHeight="1" x14ac:dyDescent="0.2">
      <c r="A89" s="14">
        <v>69</v>
      </c>
      <c r="B89" s="15">
        <v>16</v>
      </c>
      <c r="C89" s="16">
        <v>20</v>
      </c>
      <c r="D89" s="17">
        <v>36</v>
      </c>
    </row>
    <row r="90" spans="1:4" ht="18" customHeight="1" x14ac:dyDescent="0.2">
      <c r="A90" s="18" t="s">
        <v>81</v>
      </c>
      <c r="B90" s="15">
        <v>98</v>
      </c>
      <c r="C90" s="16">
        <v>85</v>
      </c>
      <c r="D90" s="17">
        <v>183</v>
      </c>
    </row>
    <row r="91" spans="1:4" ht="18" customHeight="1" x14ac:dyDescent="0.2">
      <c r="A91" s="14">
        <v>70</v>
      </c>
      <c r="B91" s="15">
        <v>10</v>
      </c>
      <c r="C91" s="16">
        <v>12</v>
      </c>
      <c r="D91" s="17">
        <v>22</v>
      </c>
    </row>
    <row r="92" spans="1:4" ht="18" customHeight="1" x14ac:dyDescent="0.2">
      <c r="A92" s="14">
        <v>71</v>
      </c>
      <c r="B92" s="15">
        <v>14</v>
      </c>
      <c r="C92" s="16">
        <v>19</v>
      </c>
      <c r="D92" s="17">
        <v>33</v>
      </c>
    </row>
    <row r="93" spans="1:4" ht="18" customHeight="1" x14ac:dyDescent="0.2">
      <c r="A93" s="14">
        <v>72</v>
      </c>
      <c r="B93" s="15">
        <v>18</v>
      </c>
      <c r="C93" s="16">
        <v>20</v>
      </c>
      <c r="D93" s="17">
        <v>38</v>
      </c>
    </row>
    <row r="94" spans="1:4" ht="18" customHeight="1" x14ac:dyDescent="0.2">
      <c r="A94" s="14">
        <v>73</v>
      </c>
      <c r="B94" s="15">
        <v>13</v>
      </c>
      <c r="C94" s="16">
        <v>18</v>
      </c>
      <c r="D94" s="17">
        <v>31</v>
      </c>
    </row>
    <row r="95" spans="1:4" ht="18" customHeight="1" x14ac:dyDescent="0.2">
      <c r="A95" s="14">
        <v>74</v>
      </c>
      <c r="B95" s="15">
        <v>10</v>
      </c>
      <c r="C95" s="16">
        <v>10</v>
      </c>
      <c r="D95" s="17">
        <v>20</v>
      </c>
    </row>
    <row r="96" spans="1:4" ht="18" customHeight="1" x14ac:dyDescent="0.2">
      <c r="A96" s="18" t="s">
        <v>82</v>
      </c>
      <c r="B96" s="15">
        <v>65</v>
      </c>
      <c r="C96" s="16">
        <v>79</v>
      </c>
      <c r="D96" s="17">
        <v>144</v>
      </c>
    </row>
    <row r="97" spans="1:4" ht="18" customHeight="1" x14ac:dyDescent="0.2">
      <c r="A97" s="14">
        <v>75</v>
      </c>
      <c r="B97" s="15">
        <v>13</v>
      </c>
      <c r="C97" s="16">
        <v>13</v>
      </c>
      <c r="D97" s="17">
        <v>26</v>
      </c>
    </row>
    <row r="98" spans="1:4" ht="18" customHeight="1" x14ac:dyDescent="0.2">
      <c r="A98" s="14">
        <v>76</v>
      </c>
      <c r="B98" s="15">
        <v>6</v>
      </c>
      <c r="C98" s="16">
        <v>16</v>
      </c>
      <c r="D98" s="17">
        <v>22</v>
      </c>
    </row>
    <row r="99" spans="1:4" ht="18" customHeight="1" x14ac:dyDescent="0.2">
      <c r="A99" s="14">
        <v>77</v>
      </c>
      <c r="B99" s="15">
        <v>15</v>
      </c>
      <c r="C99" s="16">
        <v>14</v>
      </c>
      <c r="D99" s="17">
        <v>29</v>
      </c>
    </row>
    <row r="100" spans="1:4" ht="18" customHeight="1" x14ac:dyDescent="0.2">
      <c r="A100" s="14">
        <v>78</v>
      </c>
      <c r="B100" s="15">
        <v>8</v>
      </c>
      <c r="C100" s="16">
        <v>13</v>
      </c>
      <c r="D100" s="17">
        <v>21</v>
      </c>
    </row>
    <row r="101" spans="1:4" ht="18" customHeight="1" x14ac:dyDescent="0.2">
      <c r="A101" s="14">
        <v>79</v>
      </c>
      <c r="B101" s="15">
        <v>6</v>
      </c>
      <c r="C101" s="16">
        <v>10</v>
      </c>
      <c r="D101" s="17">
        <v>16</v>
      </c>
    </row>
    <row r="102" spans="1:4" ht="18" customHeight="1" x14ac:dyDescent="0.2">
      <c r="A102" s="18" t="s">
        <v>83</v>
      </c>
      <c r="B102" s="15">
        <v>48</v>
      </c>
      <c r="C102" s="16">
        <v>66</v>
      </c>
      <c r="D102" s="17">
        <v>114</v>
      </c>
    </row>
    <row r="103" spans="1:4" ht="18" customHeight="1" x14ac:dyDescent="0.2">
      <c r="A103" s="14">
        <v>80</v>
      </c>
      <c r="B103" s="15">
        <v>8</v>
      </c>
      <c r="C103" s="16">
        <v>9</v>
      </c>
      <c r="D103" s="17">
        <v>17</v>
      </c>
    </row>
    <row r="104" spans="1:4" ht="18" customHeight="1" x14ac:dyDescent="0.2">
      <c r="A104" s="14">
        <v>81</v>
      </c>
      <c r="B104" s="15">
        <v>8</v>
      </c>
      <c r="C104" s="16">
        <v>12</v>
      </c>
      <c r="D104" s="17">
        <v>20</v>
      </c>
    </row>
    <row r="105" spans="1:4" ht="18" customHeight="1" x14ac:dyDescent="0.2">
      <c r="A105" s="14">
        <v>82</v>
      </c>
      <c r="B105" s="15">
        <v>3</v>
      </c>
      <c r="C105" s="16">
        <v>15</v>
      </c>
      <c r="D105" s="17">
        <v>18</v>
      </c>
    </row>
    <row r="106" spans="1:4" ht="18" customHeight="1" x14ac:dyDescent="0.2">
      <c r="A106" s="14">
        <v>83</v>
      </c>
      <c r="B106" s="15">
        <v>7</v>
      </c>
      <c r="C106" s="16">
        <v>9</v>
      </c>
      <c r="D106" s="17">
        <v>16</v>
      </c>
    </row>
    <row r="107" spans="1:4" ht="18" customHeight="1" x14ac:dyDescent="0.2">
      <c r="A107" s="14">
        <v>84</v>
      </c>
      <c r="B107" s="15">
        <v>7</v>
      </c>
      <c r="C107" s="16">
        <v>12</v>
      </c>
      <c r="D107" s="17">
        <v>19</v>
      </c>
    </row>
    <row r="108" spans="1:4" ht="18" customHeight="1" x14ac:dyDescent="0.2">
      <c r="A108" s="18" t="s">
        <v>84</v>
      </c>
      <c r="B108" s="15">
        <v>33</v>
      </c>
      <c r="C108" s="16">
        <v>57</v>
      </c>
      <c r="D108" s="17">
        <v>90</v>
      </c>
    </row>
    <row r="109" spans="1:4" ht="18" customHeight="1" x14ac:dyDescent="0.2">
      <c r="A109" s="14">
        <v>85</v>
      </c>
      <c r="B109" s="15">
        <v>5</v>
      </c>
      <c r="C109" s="16">
        <v>7</v>
      </c>
      <c r="D109" s="17">
        <v>12</v>
      </c>
    </row>
    <row r="110" spans="1:4" ht="18" customHeight="1" x14ac:dyDescent="0.2">
      <c r="A110" s="14">
        <v>86</v>
      </c>
      <c r="B110" s="15">
        <v>2</v>
      </c>
      <c r="C110" s="16">
        <v>5</v>
      </c>
      <c r="D110" s="17">
        <v>7</v>
      </c>
    </row>
    <row r="111" spans="1:4" ht="18" customHeight="1" x14ac:dyDescent="0.2">
      <c r="A111" s="14">
        <v>87</v>
      </c>
      <c r="B111" s="15">
        <v>2</v>
      </c>
      <c r="C111" s="16">
        <v>16</v>
      </c>
      <c r="D111" s="17">
        <v>18</v>
      </c>
    </row>
    <row r="112" spans="1:4" ht="18" customHeight="1" x14ac:dyDescent="0.2">
      <c r="A112" s="14">
        <v>88</v>
      </c>
      <c r="B112" s="15">
        <v>3</v>
      </c>
      <c r="C112" s="16">
        <v>5</v>
      </c>
      <c r="D112" s="17">
        <v>8</v>
      </c>
    </row>
    <row r="113" spans="1:4" ht="18" customHeight="1" x14ac:dyDescent="0.2">
      <c r="A113" s="14">
        <v>89</v>
      </c>
      <c r="B113" s="15">
        <v>3</v>
      </c>
      <c r="C113" s="16">
        <v>9</v>
      </c>
      <c r="D113" s="17">
        <v>12</v>
      </c>
    </row>
    <row r="114" spans="1:4" ht="18" customHeight="1" x14ac:dyDescent="0.2">
      <c r="A114" s="18" t="s">
        <v>85</v>
      </c>
      <c r="B114" s="15">
        <v>15</v>
      </c>
      <c r="C114" s="16">
        <v>42</v>
      </c>
      <c r="D114" s="17">
        <v>57</v>
      </c>
    </row>
    <row r="115" spans="1:4" ht="18" customHeight="1" x14ac:dyDescent="0.2">
      <c r="A115" s="14">
        <v>90</v>
      </c>
      <c r="B115" s="15">
        <v>2</v>
      </c>
      <c r="C115" s="16">
        <v>5</v>
      </c>
      <c r="D115" s="17">
        <v>7</v>
      </c>
    </row>
    <row r="116" spans="1:4" ht="18" customHeight="1" x14ac:dyDescent="0.2">
      <c r="A116" s="14">
        <v>91</v>
      </c>
      <c r="B116" s="15">
        <v>0</v>
      </c>
      <c r="C116" s="16">
        <v>0</v>
      </c>
      <c r="D116" s="17">
        <v>0</v>
      </c>
    </row>
    <row r="117" spans="1:4" ht="18" customHeight="1" x14ac:dyDescent="0.2">
      <c r="A117" s="14">
        <v>92</v>
      </c>
      <c r="B117" s="15">
        <v>1</v>
      </c>
      <c r="C117" s="16">
        <v>4</v>
      </c>
      <c r="D117" s="17">
        <v>5</v>
      </c>
    </row>
    <row r="118" spans="1:4" ht="18" customHeight="1" x14ac:dyDescent="0.2">
      <c r="A118" s="14">
        <v>93</v>
      </c>
      <c r="B118" s="15">
        <v>1</v>
      </c>
      <c r="C118" s="16">
        <v>2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86</v>
      </c>
      <c r="B120" s="15">
        <v>4</v>
      </c>
      <c r="C120" s="16">
        <v>17</v>
      </c>
      <c r="D120" s="17">
        <v>21</v>
      </c>
    </row>
    <row r="121" spans="1:4" ht="18" customHeight="1" x14ac:dyDescent="0.2">
      <c r="A121" s="14">
        <v>95</v>
      </c>
      <c r="B121" s="15">
        <v>2</v>
      </c>
      <c r="C121" s="16">
        <v>0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2</v>
      </c>
      <c r="C126" s="16">
        <v>1</v>
      </c>
      <c r="D126" s="17">
        <v>3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265</v>
      </c>
      <c r="C130" s="5">
        <v>348</v>
      </c>
      <c r="D130" s="6">
        <v>613</v>
      </c>
    </row>
    <row r="131" spans="1:4" ht="18" customHeight="1" x14ac:dyDescent="0.2">
      <c r="A131" s="20" t="s">
        <v>65</v>
      </c>
      <c r="B131" s="7">
        <v>1043</v>
      </c>
      <c r="C131" s="8">
        <v>1119</v>
      </c>
      <c r="D131" s="9">
        <v>216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0</v>
      </c>
      <c r="C5" s="12">
        <v>18</v>
      </c>
      <c r="D5" s="13">
        <v>28</v>
      </c>
    </row>
    <row r="6" spans="1:4" ht="18" customHeight="1" x14ac:dyDescent="0.2">
      <c r="A6" s="14">
        <v>1</v>
      </c>
      <c r="B6" s="15">
        <v>20</v>
      </c>
      <c r="C6" s="16">
        <v>11</v>
      </c>
      <c r="D6" s="17">
        <v>31</v>
      </c>
    </row>
    <row r="7" spans="1:4" ht="18" customHeight="1" x14ac:dyDescent="0.2">
      <c r="A7" s="14">
        <v>2</v>
      </c>
      <c r="B7" s="15">
        <v>17</v>
      </c>
      <c r="C7" s="16">
        <v>12</v>
      </c>
      <c r="D7" s="17">
        <v>29</v>
      </c>
    </row>
    <row r="8" spans="1:4" ht="18" customHeight="1" x14ac:dyDescent="0.2">
      <c r="A8" s="14">
        <v>3</v>
      </c>
      <c r="B8" s="15">
        <v>21</v>
      </c>
      <c r="C8" s="16">
        <v>13</v>
      </c>
      <c r="D8" s="17">
        <v>34</v>
      </c>
    </row>
    <row r="9" spans="1:4" ht="18" customHeight="1" x14ac:dyDescent="0.2">
      <c r="A9" s="14">
        <v>4</v>
      </c>
      <c r="B9" s="15">
        <v>17</v>
      </c>
      <c r="C9" s="16">
        <v>21</v>
      </c>
      <c r="D9" s="17">
        <v>38</v>
      </c>
    </row>
    <row r="10" spans="1:4" ht="18" customHeight="1" x14ac:dyDescent="0.2">
      <c r="A10" s="18" t="s">
        <v>66</v>
      </c>
      <c r="B10" s="15">
        <v>85</v>
      </c>
      <c r="C10" s="16">
        <v>75</v>
      </c>
      <c r="D10" s="17">
        <v>160</v>
      </c>
    </row>
    <row r="11" spans="1:4" ht="18" customHeight="1" x14ac:dyDescent="0.2">
      <c r="A11" s="14">
        <v>5</v>
      </c>
      <c r="B11" s="15">
        <v>17</v>
      </c>
      <c r="C11" s="16">
        <v>14</v>
      </c>
      <c r="D11" s="17">
        <v>31</v>
      </c>
    </row>
    <row r="12" spans="1:4" ht="18" customHeight="1" x14ac:dyDescent="0.2">
      <c r="A12" s="14">
        <v>6</v>
      </c>
      <c r="B12" s="15">
        <v>12</v>
      </c>
      <c r="C12" s="16">
        <v>22</v>
      </c>
      <c r="D12" s="17">
        <v>34</v>
      </c>
    </row>
    <row r="13" spans="1:4" ht="18" customHeight="1" x14ac:dyDescent="0.2">
      <c r="A13" s="14">
        <v>7</v>
      </c>
      <c r="B13" s="15">
        <v>15</v>
      </c>
      <c r="C13" s="16">
        <v>19</v>
      </c>
      <c r="D13" s="17">
        <v>34</v>
      </c>
    </row>
    <row r="14" spans="1:4" ht="18" customHeight="1" x14ac:dyDescent="0.2">
      <c r="A14" s="14">
        <v>8</v>
      </c>
      <c r="B14" s="15">
        <v>14</v>
      </c>
      <c r="C14" s="16">
        <v>16</v>
      </c>
      <c r="D14" s="17">
        <v>30</v>
      </c>
    </row>
    <row r="15" spans="1:4" ht="18" customHeight="1" x14ac:dyDescent="0.2">
      <c r="A15" s="14">
        <v>9</v>
      </c>
      <c r="B15" s="15">
        <v>24</v>
      </c>
      <c r="C15" s="16">
        <v>13</v>
      </c>
      <c r="D15" s="17">
        <v>37</v>
      </c>
    </row>
    <row r="16" spans="1:4" ht="18" customHeight="1" x14ac:dyDescent="0.2">
      <c r="A16" s="18" t="s">
        <v>67</v>
      </c>
      <c r="B16" s="15">
        <v>82</v>
      </c>
      <c r="C16" s="16">
        <v>84</v>
      </c>
      <c r="D16" s="17">
        <v>166</v>
      </c>
    </row>
    <row r="17" spans="1:4" ht="18" customHeight="1" x14ac:dyDescent="0.2">
      <c r="A17" s="14">
        <v>10</v>
      </c>
      <c r="B17" s="15">
        <v>16</v>
      </c>
      <c r="C17" s="16">
        <v>21</v>
      </c>
      <c r="D17" s="17">
        <v>37</v>
      </c>
    </row>
    <row r="18" spans="1:4" ht="18" customHeight="1" x14ac:dyDescent="0.2">
      <c r="A18" s="14">
        <v>11</v>
      </c>
      <c r="B18" s="15">
        <v>18</v>
      </c>
      <c r="C18" s="16">
        <v>8</v>
      </c>
      <c r="D18" s="17">
        <v>26</v>
      </c>
    </row>
    <row r="19" spans="1:4" ht="18" customHeight="1" x14ac:dyDescent="0.2">
      <c r="A19" s="14">
        <v>12</v>
      </c>
      <c r="B19" s="15">
        <v>21</v>
      </c>
      <c r="C19" s="16">
        <v>14</v>
      </c>
      <c r="D19" s="17">
        <v>35</v>
      </c>
    </row>
    <row r="20" spans="1:4" ht="18" customHeight="1" x14ac:dyDescent="0.2">
      <c r="A20" s="14">
        <v>13</v>
      </c>
      <c r="B20" s="15">
        <v>17</v>
      </c>
      <c r="C20" s="16">
        <v>21</v>
      </c>
      <c r="D20" s="17">
        <v>38</v>
      </c>
    </row>
    <row r="21" spans="1:4" ht="18" customHeight="1" x14ac:dyDescent="0.2">
      <c r="A21" s="14">
        <v>14</v>
      </c>
      <c r="B21" s="15">
        <v>16</v>
      </c>
      <c r="C21" s="16">
        <v>11</v>
      </c>
      <c r="D21" s="17">
        <v>27</v>
      </c>
    </row>
    <row r="22" spans="1:4" ht="18" customHeight="1" x14ac:dyDescent="0.2">
      <c r="A22" s="18" t="s">
        <v>68</v>
      </c>
      <c r="B22" s="15">
        <v>88</v>
      </c>
      <c r="C22" s="16">
        <v>75</v>
      </c>
      <c r="D22" s="17">
        <v>163</v>
      </c>
    </row>
    <row r="23" spans="1:4" ht="18" customHeight="1" x14ac:dyDescent="0.2">
      <c r="A23" s="18" t="s">
        <v>69</v>
      </c>
      <c r="B23" s="15">
        <v>255</v>
      </c>
      <c r="C23" s="16">
        <v>234</v>
      </c>
      <c r="D23" s="17">
        <v>489</v>
      </c>
    </row>
    <row r="24" spans="1:4" ht="18" customHeight="1" x14ac:dyDescent="0.2">
      <c r="A24" s="14">
        <v>15</v>
      </c>
      <c r="B24" s="15">
        <v>17</v>
      </c>
      <c r="C24" s="16">
        <v>20</v>
      </c>
      <c r="D24" s="17">
        <v>37</v>
      </c>
    </row>
    <row r="25" spans="1:4" ht="18" customHeight="1" x14ac:dyDescent="0.2">
      <c r="A25" s="14">
        <v>16</v>
      </c>
      <c r="B25" s="15">
        <v>17</v>
      </c>
      <c r="C25" s="16">
        <v>13</v>
      </c>
      <c r="D25" s="17">
        <v>30</v>
      </c>
    </row>
    <row r="26" spans="1:4" ht="18" customHeight="1" x14ac:dyDescent="0.2">
      <c r="A26" s="14">
        <v>17</v>
      </c>
      <c r="B26" s="15">
        <v>26</v>
      </c>
      <c r="C26" s="16">
        <v>35</v>
      </c>
      <c r="D26" s="17">
        <v>61</v>
      </c>
    </row>
    <row r="27" spans="1:4" ht="18" customHeight="1" x14ac:dyDescent="0.2">
      <c r="A27" s="14">
        <v>18</v>
      </c>
      <c r="B27" s="15">
        <v>12</v>
      </c>
      <c r="C27" s="16">
        <v>16</v>
      </c>
      <c r="D27" s="17">
        <v>28</v>
      </c>
    </row>
    <row r="28" spans="1:4" ht="18" customHeight="1" x14ac:dyDescent="0.2">
      <c r="A28" s="14">
        <v>19</v>
      </c>
      <c r="B28" s="15">
        <v>19</v>
      </c>
      <c r="C28" s="16">
        <v>17</v>
      </c>
      <c r="D28" s="17">
        <v>36</v>
      </c>
    </row>
    <row r="29" spans="1:4" ht="18" customHeight="1" x14ac:dyDescent="0.2">
      <c r="A29" s="18" t="s">
        <v>70</v>
      </c>
      <c r="B29" s="15">
        <v>91</v>
      </c>
      <c r="C29" s="16">
        <v>101</v>
      </c>
      <c r="D29" s="17">
        <v>192</v>
      </c>
    </row>
    <row r="30" spans="1:4" ht="18" customHeight="1" x14ac:dyDescent="0.2">
      <c r="A30" s="14">
        <v>20</v>
      </c>
      <c r="B30" s="15">
        <v>20</v>
      </c>
      <c r="C30" s="16">
        <v>19</v>
      </c>
      <c r="D30" s="17">
        <v>39</v>
      </c>
    </row>
    <row r="31" spans="1:4" ht="18" customHeight="1" x14ac:dyDescent="0.2">
      <c r="A31" s="14">
        <v>21</v>
      </c>
      <c r="B31" s="15">
        <v>15</v>
      </c>
      <c r="C31" s="16">
        <v>31</v>
      </c>
      <c r="D31" s="17">
        <v>46</v>
      </c>
    </row>
    <row r="32" spans="1:4" ht="18" customHeight="1" x14ac:dyDescent="0.2">
      <c r="A32" s="14">
        <v>22</v>
      </c>
      <c r="B32" s="15">
        <v>28</v>
      </c>
      <c r="C32" s="16">
        <v>25</v>
      </c>
      <c r="D32" s="17">
        <v>53</v>
      </c>
    </row>
    <row r="33" spans="1:4" ht="18" customHeight="1" x14ac:dyDescent="0.2">
      <c r="A33" s="14">
        <v>23</v>
      </c>
      <c r="B33" s="15">
        <v>29</v>
      </c>
      <c r="C33" s="16">
        <v>24</v>
      </c>
      <c r="D33" s="17">
        <v>53</v>
      </c>
    </row>
    <row r="34" spans="1:4" ht="18" customHeight="1" x14ac:dyDescent="0.2">
      <c r="A34" s="14">
        <v>24</v>
      </c>
      <c r="B34" s="15">
        <v>24</v>
      </c>
      <c r="C34" s="16">
        <v>17</v>
      </c>
      <c r="D34" s="17">
        <v>41</v>
      </c>
    </row>
    <row r="35" spans="1:4" ht="18" customHeight="1" x14ac:dyDescent="0.2">
      <c r="A35" s="18" t="s">
        <v>71</v>
      </c>
      <c r="B35" s="15">
        <v>116</v>
      </c>
      <c r="C35" s="16">
        <v>116</v>
      </c>
      <c r="D35" s="17">
        <v>232</v>
      </c>
    </row>
    <row r="36" spans="1:4" ht="18" customHeight="1" x14ac:dyDescent="0.2">
      <c r="A36" s="14">
        <v>25</v>
      </c>
      <c r="B36" s="15">
        <v>19</v>
      </c>
      <c r="C36" s="16">
        <v>30</v>
      </c>
      <c r="D36" s="17">
        <v>49</v>
      </c>
    </row>
    <row r="37" spans="1:4" ht="18" customHeight="1" x14ac:dyDescent="0.2">
      <c r="A37" s="14">
        <v>26</v>
      </c>
      <c r="B37" s="15">
        <v>17</v>
      </c>
      <c r="C37" s="16">
        <v>21</v>
      </c>
      <c r="D37" s="17">
        <v>38</v>
      </c>
    </row>
    <row r="38" spans="1:4" ht="18" customHeight="1" x14ac:dyDescent="0.2">
      <c r="A38" s="14">
        <v>27</v>
      </c>
      <c r="B38" s="15">
        <v>23</v>
      </c>
      <c r="C38" s="16">
        <v>22</v>
      </c>
      <c r="D38" s="17">
        <v>45</v>
      </c>
    </row>
    <row r="39" spans="1:4" ht="18" customHeight="1" x14ac:dyDescent="0.2">
      <c r="A39" s="14">
        <v>28</v>
      </c>
      <c r="B39" s="15">
        <v>33</v>
      </c>
      <c r="C39" s="16">
        <v>19</v>
      </c>
      <c r="D39" s="17">
        <v>52</v>
      </c>
    </row>
    <row r="40" spans="1:4" ht="18" customHeight="1" x14ac:dyDescent="0.2">
      <c r="A40" s="14">
        <v>29</v>
      </c>
      <c r="B40" s="15">
        <v>31</v>
      </c>
      <c r="C40" s="16">
        <v>17</v>
      </c>
      <c r="D40" s="17">
        <v>48</v>
      </c>
    </row>
    <row r="41" spans="1:4" ht="18" customHeight="1" x14ac:dyDescent="0.2">
      <c r="A41" s="18" t="s">
        <v>72</v>
      </c>
      <c r="B41" s="15">
        <v>123</v>
      </c>
      <c r="C41" s="16">
        <v>109</v>
      </c>
      <c r="D41" s="17">
        <v>232</v>
      </c>
    </row>
    <row r="42" spans="1:4" ht="18" customHeight="1" x14ac:dyDescent="0.2">
      <c r="A42" s="14">
        <v>30</v>
      </c>
      <c r="B42" s="15">
        <v>24</v>
      </c>
      <c r="C42" s="16">
        <v>19</v>
      </c>
      <c r="D42" s="17">
        <v>43</v>
      </c>
    </row>
    <row r="43" spans="1:4" ht="18" customHeight="1" x14ac:dyDescent="0.2">
      <c r="A43" s="14">
        <v>31</v>
      </c>
      <c r="B43" s="15">
        <v>29</v>
      </c>
      <c r="C43" s="16">
        <v>24</v>
      </c>
      <c r="D43" s="17">
        <v>53</v>
      </c>
    </row>
    <row r="44" spans="1:4" ht="18" customHeight="1" x14ac:dyDescent="0.2">
      <c r="A44" s="14">
        <v>32</v>
      </c>
      <c r="B44" s="15">
        <v>31</v>
      </c>
      <c r="C44" s="16">
        <v>26</v>
      </c>
      <c r="D44" s="17">
        <v>57</v>
      </c>
    </row>
    <row r="45" spans="1:4" ht="18" customHeight="1" x14ac:dyDescent="0.2">
      <c r="A45" s="14">
        <v>33</v>
      </c>
      <c r="B45" s="15">
        <v>41</v>
      </c>
      <c r="C45" s="16">
        <v>27</v>
      </c>
      <c r="D45" s="17">
        <v>68</v>
      </c>
    </row>
    <row r="46" spans="1:4" ht="18" customHeight="1" x14ac:dyDescent="0.2">
      <c r="A46" s="14">
        <v>34</v>
      </c>
      <c r="B46" s="15">
        <v>41</v>
      </c>
      <c r="C46" s="16">
        <v>18</v>
      </c>
      <c r="D46" s="17">
        <v>59</v>
      </c>
    </row>
    <row r="47" spans="1:4" ht="18" customHeight="1" x14ac:dyDescent="0.2">
      <c r="A47" s="18" t="s">
        <v>73</v>
      </c>
      <c r="B47" s="15">
        <v>166</v>
      </c>
      <c r="C47" s="16">
        <v>114</v>
      </c>
      <c r="D47" s="17">
        <v>280</v>
      </c>
    </row>
    <row r="48" spans="1:4" ht="18" customHeight="1" x14ac:dyDescent="0.2">
      <c r="A48" s="14">
        <v>35</v>
      </c>
      <c r="B48" s="15">
        <v>36</v>
      </c>
      <c r="C48" s="16">
        <v>31</v>
      </c>
      <c r="D48" s="17">
        <v>67</v>
      </c>
    </row>
    <row r="49" spans="1:4" ht="18" customHeight="1" x14ac:dyDescent="0.2">
      <c r="A49" s="14">
        <v>36</v>
      </c>
      <c r="B49" s="15">
        <v>30</v>
      </c>
      <c r="C49" s="16">
        <v>27</v>
      </c>
      <c r="D49" s="17">
        <v>57</v>
      </c>
    </row>
    <row r="50" spans="1:4" ht="18" customHeight="1" x14ac:dyDescent="0.2">
      <c r="A50" s="14">
        <v>37</v>
      </c>
      <c r="B50" s="15">
        <v>26</v>
      </c>
      <c r="C50" s="16">
        <v>17</v>
      </c>
      <c r="D50" s="17">
        <v>43</v>
      </c>
    </row>
    <row r="51" spans="1:4" ht="18" customHeight="1" x14ac:dyDescent="0.2">
      <c r="A51" s="14">
        <v>38</v>
      </c>
      <c r="B51" s="15">
        <v>28</v>
      </c>
      <c r="C51" s="16">
        <v>28</v>
      </c>
      <c r="D51" s="17">
        <v>56</v>
      </c>
    </row>
    <row r="52" spans="1:4" ht="18" customHeight="1" x14ac:dyDescent="0.2">
      <c r="A52" s="14">
        <v>39</v>
      </c>
      <c r="B52" s="15">
        <v>31</v>
      </c>
      <c r="C52" s="16">
        <v>26</v>
      </c>
      <c r="D52" s="17">
        <v>57</v>
      </c>
    </row>
    <row r="53" spans="1:4" ht="18" customHeight="1" x14ac:dyDescent="0.2">
      <c r="A53" s="18" t="s">
        <v>74</v>
      </c>
      <c r="B53" s="15">
        <v>151</v>
      </c>
      <c r="C53" s="16">
        <v>129</v>
      </c>
      <c r="D53" s="17">
        <v>280</v>
      </c>
    </row>
    <row r="54" spans="1:4" ht="18" customHeight="1" x14ac:dyDescent="0.2">
      <c r="A54" s="14">
        <v>40</v>
      </c>
      <c r="B54" s="15">
        <v>21</v>
      </c>
      <c r="C54" s="16">
        <v>12</v>
      </c>
      <c r="D54" s="17">
        <v>33</v>
      </c>
    </row>
    <row r="55" spans="1:4" ht="18" customHeight="1" x14ac:dyDescent="0.2">
      <c r="A55" s="14">
        <v>41</v>
      </c>
      <c r="B55" s="15">
        <v>20</v>
      </c>
      <c r="C55" s="16">
        <v>22</v>
      </c>
      <c r="D55" s="17">
        <v>42</v>
      </c>
    </row>
    <row r="56" spans="1:4" ht="18" customHeight="1" x14ac:dyDescent="0.2">
      <c r="A56" s="14">
        <v>42</v>
      </c>
      <c r="B56" s="15">
        <v>26</v>
      </c>
      <c r="C56" s="16">
        <v>21</v>
      </c>
      <c r="D56" s="17">
        <v>47</v>
      </c>
    </row>
    <row r="57" spans="1:4" ht="18" customHeight="1" x14ac:dyDescent="0.2">
      <c r="A57" s="14">
        <v>43</v>
      </c>
      <c r="B57" s="15">
        <v>17</v>
      </c>
      <c r="C57" s="16">
        <v>19</v>
      </c>
      <c r="D57" s="17">
        <v>36</v>
      </c>
    </row>
    <row r="58" spans="1:4" ht="18" customHeight="1" x14ac:dyDescent="0.2">
      <c r="A58" s="14">
        <v>44</v>
      </c>
      <c r="B58" s="15">
        <v>25</v>
      </c>
      <c r="C58" s="16">
        <v>30</v>
      </c>
      <c r="D58" s="17">
        <v>55</v>
      </c>
    </row>
    <row r="59" spans="1:4" ht="18" customHeight="1" x14ac:dyDescent="0.2">
      <c r="A59" s="18" t="s">
        <v>75</v>
      </c>
      <c r="B59" s="15">
        <v>109</v>
      </c>
      <c r="C59" s="16">
        <v>104</v>
      </c>
      <c r="D59" s="17">
        <v>213</v>
      </c>
    </row>
    <row r="60" spans="1:4" ht="18" customHeight="1" x14ac:dyDescent="0.2">
      <c r="A60" s="14">
        <v>45</v>
      </c>
      <c r="B60" s="15">
        <v>23</v>
      </c>
      <c r="C60" s="16">
        <v>13</v>
      </c>
      <c r="D60" s="17">
        <v>36</v>
      </c>
    </row>
    <row r="61" spans="1:4" ht="18" customHeight="1" x14ac:dyDescent="0.2">
      <c r="A61" s="14">
        <v>46</v>
      </c>
      <c r="B61" s="15">
        <v>21</v>
      </c>
      <c r="C61" s="16">
        <v>27</v>
      </c>
      <c r="D61" s="17">
        <v>48</v>
      </c>
    </row>
    <row r="62" spans="1:4" ht="18" customHeight="1" x14ac:dyDescent="0.2">
      <c r="A62" s="14">
        <v>47</v>
      </c>
      <c r="B62" s="15">
        <v>29</v>
      </c>
      <c r="C62" s="16">
        <v>21</v>
      </c>
      <c r="D62" s="17">
        <v>50</v>
      </c>
    </row>
    <row r="63" spans="1:4" ht="18" customHeight="1" x14ac:dyDescent="0.2">
      <c r="A63" s="14">
        <v>48</v>
      </c>
      <c r="B63" s="15">
        <v>20</v>
      </c>
      <c r="C63" s="16">
        <v>29</v>
      </c>
      <c r="D63" s="17">
        <v>49</v>
      </c>
    </row>
    <row r="64" spans="1:4" ht="18" customHeight="1" x14ac:dyDescent="0.2">
      <c r="A64" s="14">
        <v>49</v>
      </c>
      <c r="B64" s="15">
        <v>26</v>
      </c>
      <c r="C64" s="16">
        <v>22</v>
      </c>
      <c r="D64" s="17">
        <v>48</v>
      </c>
    </row>
    <row r="65" spans="1:4" ht="18" customHeight="1" x14ac:dyDescent="0.2">
      <c r="A65" s="18" t="s">
        <v>76</v>
      </c>
      <c r="B65" s="15">
        <v>119</v>
      </c>
      <c r="C65" s="16">
        <v>112</v>
      </c>
      <c r="D65" s="17">
        <v>231</v>
      </c>
    </row>
    <row r="66" spans="1:4" ht="18" customHeight="1" x14ac:dyDescent="0.2">
      <c r="A66" s="14">
        <v>50</v>
      </c>
      <c r="B66" s="15">
        <v>28</v>
      </c>
      <c r="C66" s="16">
        <v>31</v>
      </c>
      <c r="D66" s="17">
        <v>59</v>
      </c>
    </row>
    <row r="67" spans="1:4" ht="18" customHeight="1" x14ac:dyDescent="0.2">
      <c r="A67" s="14">
        <v>51</v>
      </c>
      <c r="B67" s="15">
        <v>19</v>
      </c>
      <c r="C67" s="16">
        <v>32</v>
      </c>
      <c r="D67" s="17">
        <v>51</v>
      </c>
    </row>
    <row r="68" spans="1:4" ht="18" customHeight="1" x14ac:dyDescent="0.2">
      <c r="A68" s="14">
        <v>52</v>
      </c>
      <c r="B68" s="15">
        <v>27</v>
      </c>
      <c r="C68" s="16">
        <v>32</v>
      </c>
      <c r="D68" s="17">
        <v>59</v>
      </c>
    </row>
    <row r="69" spans="1:4" ht="18" customHeight="1" x14ac:dyDescent="0.2">
      <c r="A69" s="14">
        <v>53</v>
      </c>
      <c r="B69" s="15">
        <v>26</v>
      </c>
      <c r="C69" s="16">
        <v>34</v>
      </c>
      <c r="D69" s="17">
        <v>60</v>
      </c>
    </row>
    <row r="70" spans="1:4" ht="18" customHeight="1" x14ac:dyDescent="0.2">
      <c r="A70" s="14">
        <v>54</v>
      </c>
      <c r="B70" s="15">
        <v>37</v>
      </c>
      <c r="C70" s="16">
        <v>34</v>
      </c>
      <c r="D70" s="17">
        <v>71</v>
      </c>
    </row>
    <row r="71" spans="1:4" ht="18" customHeight="1" x14ac:dyDescent="0.2">
      <c r="A71" s="18" t="s">
        <v>77</v>
      </c>
      <c r="B71" s="15">
        <v>137</v>
      </c>
      <c r="C71" s="16">
        <v>163</v>
      </c>
      <c r="D71" s="17">
        <v>300</v>
      </c>
    </row>
    <row r="72" spans="1:4" ht="18" customHeight="1" x14ac:dyDescent="0.2">
      <c r="A72" s="14">
        <v>55</v>
      </c>
      <c r="B72" s="15">
        <v>32</v>
      </c>
      <c r="C72" s="16">
        <v>24</v>
      </c>
      <c r="D72" s="17">
        <v>56</v>
      </c>
    </row>
    <row r="73" spans="1:4" ht="18" customHeight="1" x14ac:dyDescent="0.2">
      <c r="A73" s="14">
        <v>56</v>
      </c>
      <c r="B73" s="15">
        <v>34</v>
      </c>
      <c r="C73" s="16">
        <v>38</v>
      </c>
      <c r="D73" s="17">
        <v>72</v>
      </c>
    </row>
    <row r="74" spans="1:4" ht="18" customHeight="1" x14ac:dyDescent="0.2">
      <c r="A74" s="14">
        <v>57</v>
      </c>
      <c r="B74" s="15">
        <v>40</v>
      </c>
      <c r="C74" s="16">
        <v>36</v>
      </c>
      <c r="D74" s="17">
        <v>76</v>
      </c>
    </row>
    <row r="75" spans="1:4" ht="18" customHeight="1" x14ac:dyDescent="0.2">
      <c r="A75" s="14">
        <v>58</v>
      </c>
      <c r="B75" s="15">
        <v>40</v>
      </c>
      <c r="C75" s="16">
        <v>31</v>
      </c>
      <c r="D75" s="17">
        <v>71</v>
      </c>
    </row>
    <row r="76" spans="1:4" ht="18" customHeight="1" x14ac:dyDescent="0.2">
      <c r="A76" s="14">
        <v>59</v>
      </c>
      <c r="B76" s="15">
        <v>54</v>
      </c>
      <c r="C76" s="16">
        <v>51</v>
      </c>
      <c r="D76" s="17">
        <v>105</v>
      </c>
    </row>
    <row r="77" spans="1:4" ht="18" customHeight="1" x14ac:dyDescent="0.2">
      <c r="A77" s="18" t="s">
        <v>78</v>
      </c>
      <c r="B77" s="15">
        <v>200</v>
      </c>
      <c r="C77" s="16">
        <v>180</v>
      </c>
      <c r="D77" s="17">
        <v>380</v>
      </c>
    </row>
    <row r="78" spans="1:4" ht="18" customHeight="1" x14ac:dyDescent="0.2">
      <c r="A78" s="14">
        <v>60</v>
      </c>
      <c r="B78" s="15">
        <v>59</v>
      </c>
      <c r="C78" s="16">
        <v>67</v>
      </c>
      <c r="D78" s="17">
        <v>126</v>
      </c>
    </row>
    <row r="79" spans="1:4" ht="18" customHeight="1" x14ac:dyDescent="0.2">
      <c r="A79" s="14">
        <v>61</v>
      </c>
      <c r="B79" s="15">
        <v>54</v>
      </c>
      <c r="C79" s="16">
        <v>45</v>
      </c>
      <c r="D79" s="17">
        <v>99</v>
      </c>
    </row>
    <row r="80" spans="1:4" ht="18" customHeight="1" x14ac:dyDescent="0.2">
      <c r="A80" s="14">
        <v>62</v>
      </c>
      <c r="B80" s="15">
        <v>58</v>
      </c>
      <c r="C80" s="16">
        <v>56</v>
      </c>
      <c r="D80" s="17">
        <v>114</v>
      </c>
    </row>
    <row r="81" spans="1:4" ht="18" customHeight="1" x14ac:dyDescent="0.2">
      <c r="A81" s="14">
        <v>63</v>
      </c>
      <c r="B81" s="15">
        <v>23</v>
      </c>
      <c r="C81" s="16">
        <v>22</v>
      </c>
      <c r="D81" s="17">
        <v>45</v>
      </c>
    </row>
    <row r="82" spans="1:4" ht="18" customHeight="1" x14ac:dyDescent="0.2">
      <c r="A82" s="14">
        <v>64</v>
      </c>
      <c r="B82" s="15">
        <v>26</v>
      </c>
      <c r="C82" s="16">
        <v>23</v>
      </c>
      <c r="D82" s="17">
        <v>49</v>
      </c>
    </row>
    <row r="83" spans="1:4" ht="18" customHeight="1" x14ac:dyDescent="0.2">
      <c r="A83" s="18" t="s">
        <v>79</v>
      </c>
      <c r="B83" s="15">
        <v>220</v>
      </c>
      <c r="C83" s="16">
        <v>213</v>
      </c>
      <c r="D83" s="17">
        <v>433</v>
      </c>
    </row>
    <row r="84" spans="1:4" ht="18" customHeight="1" x14ac:dyDescent="0.2">
      <c r="A84" s="18" t="s">
        <v>80</v>
      </c>
      <c r="B84" s="15">
        <v>1432</v>
      </c>
      <c r="C84" s="16">
        <v>1341</v>
      </c>
      <c r="D84" s="17">
        <v>2773</v>
      </c>
    </row>
    <row r="85" spans="1:4" ht="18" customHeight="1" x14ac:dyDescent="0.2">
      <c r="A85" s="14">
        <v>65</v>
      </c>
      <c r="B85" s="15">
        <v>36</v>
      </c>
      <c r="C85" s="16">
        <v>30</v>
      </c>
      <c r="D85" s="17">
        <v>66</v>
      </c>
    </row>
    <row r="86" spans="1:4" ht="18" customHeight="1" x14ac:dyDescent="0.2">
      <c r="A86" s="14">
        <v>66</v>
      </c>
      <c r="B86" s="15">
        <v>32</v>
      </c>
      <c r="C86" s="16">
        <v>35</v>
      </c>
      <c r="D86" s="17">
        <v>67</v>
      </c>
    </row>
    <row r="87" spans="1:4" ht="18" customHeight="1" x14ac:dyDescent="0.2">
      <c r="A87" s="14">
        <v>67</v>
      </c>
      <c r="B87" s="15">
        <v>33</v>
      </c>
      <c r="C87" s="16">
        <v>42</v>
      </c>
      <c r="D87" s="17">
        <v>75</v>
      </c>
    </row>
    <row r="88" spans="1:4" ht="18" customHeight="1" x14ac:dyDescent="0.2">
      <c r="A88" s="14">
        <v>68</v>
      </c>
      <c r="B88" s="15">
        <v>32</v>
      </c>
      <c r="C88" s="16">
        <v>45</v>
      </c>
      <c r="D88" s="17">
        <v>77</v>
      </c>
    </row>
    <row r="89" spans="1:4" ht="18" customHeight="1" x14ac:dyDescent="0.2">
      <c r="A89" s="14">
        <v>69</v>
      </c>
      <c r="B89" s="15">
        <v>26</v>
      </c>
      <c r="C89" s="16">
        <v>29</v>
      </c>
      <c r="D89" s="17">
        <v>55</v>
      </c>
    </row>
    <row r="90" spans="1:4" ht="18" customHeight="1" x14ac:dyDescent="0.2">
      <c r="A90" s="18" t="s">
        <v>81</v>
      </c>
      <c r="B90" s="15">
        <v>159</v>
      </c>
      <c r="C90" s="16">
        <v>181</v>
      </c>
      <c r="D90" s="17">
        <v>340</v>
      </c>
    </row>
    <row r="91" spans="1:4" ht="18" customHeight="1" x14ac:dyDescent="0.2">
      <c r="A91" s="14">
        <v>70</v>
      </c>
      <c r="B91" s="15">
        <v>22</v>
      </c>
      <c r="C91" s="16">
        <v>25</v>
      </c>
      <c r="D91" s="17">
        <v>47</v>
      </c>
    </row>
    <row r="92" spans="1:4" ht="18" customHeight="1" x14ac:dyDescent="0.2">
      <c r="A92" s="14">
        <v>71</v>
      </c>
      <c r="B92" s="15">
        <v>28</v>
      </c>
      <c r="C92" s="16">
        <v>35</v>
      </c>
      <c r="D92" s="17">
        <v>63</v>
      </c>
    </row>
    <row r="93" spans="1:4" ht="18" customHeight="1" x14ac:dyDescent="0.2">
      <c r="A93" s="14">
        <v>72</v>
      </c>
      <c r="B93" s="15">
        <v>20</v>
      </c>
      <c r="C93" s="16">
        <v>26</v>
      </c>
      <c r="D93" s="17">
        <v>46</v>
      </c>
    </row>
    <row r="94" spans="1:4" ht="18" customHeight="1" x14ac:dyDescent="0.2">
      <c r="A94" s="14">
        <v>73</v>
      </c>
      <c r="B94" s="15">
        <v>21</v>
      </c>
      <c r="C94" s="16">
        <v>27</v>
      </c>
      <c r="D94" s="17">
        <v>48</v>
      </c>
    </row>
    <row r="95" spans="1:4" ht="18" customHeight="1" x14ac:dyDescent="0.2">
      <c r="A95" s="14">
        <v>74</v>
      </c>
      <c r="B95" s="15">
        <v>27</v>
      </c>
      <c r="C95" s="16">
        <v>25</v>
      </c>
      <c r="D95" s="17">
        <v>52</v>
      </c>
    </row>
    <row r="96" spans="1:4" ht="18" customHeight="1" x14ac:dyDescent="0.2">
      <c r="A96" s="18" t="s">
        <v>82</v>
      </c>
      <c r="B96" s="15">
        <v>118</v>
      </c>
      <c r="C96" s="16">
        <v>138</v>
      </c>
      <c r="D96" s="17">
        <v>256</v>
      </c>
    </row>
    <row r="97" spans="1:4" ht="18" customHeight="1" x14ac:dyDescent="0.2">
      <c r="A97" s="14">
        <v>75</v>
      </c>
      <c r="B97" s="15">
        <v>21</v>
      </c>
      <c r="C97" s="16">
        <v>21</v>
      </c>
      <c r="D97" s="17">
        <v>42</v>
      </c>
    </row>
    <row r="98" spans="1:4" ht="18" customHeight="1" x14ac:dyDescent="0.2">
      <c r="A98" s="14">
        <v>76</v>
      </c>
      <c r="B98" s="15">
        <v>20</v>
      </c>
      <c r="C98" s="16">
        <v>27</v>
      </c>
      <c r="D98" s="17">
        <v>47</v>
      </c>
    </row>
    <row r="99" spans="1:4" ht="18" customHeight="1" x14ac:dyDescent="0.2">
      <c r="A99" s="14">
        <v>77</v>
      </c>
      <c r="B99" s="15">
        <v>19</v>
      </c>
      <c r="C99" s="16">
        <v>26</v>
      </c>
      <c r="D99" s="17">
        <v>45</v>
      </c>
    </row>
    <row r="100" spans="1:4" ht="18" customHeight="1" x14ac:dyDescent="0.2">
      <c r="A100" s="14">
        <v>78</v>
      </c>
      <c r="B100" s="15">
        <v>16</v>
      </c>
      <c r="C100" s="16">
        <v>29</v>
      </c>
      <c r="D100" s="17">
        <v>45</v>
      </c>
    </row>
    <row r="101" spans="1:4" ht="18" customHeight="1" x14ac:dyDescent="0.2">
      <c r="A101" s="14">
        <v>79</v>
      </c>
      <c r="B101" s="15">
        <v>10</v>
      </c>
      <c r="C101" s="16">
        <v>40</v>
      </c>
      <c r="D101" s="17">
        <v>50</v>
      </c>
    </row>
    <row r="102" spans="1:4" ht="18" customHeight="1" x14ac:dyDescent="0.2">
      <c r="A102" s="18" t="s">
        <v>83</v>
      </c>
      <c r="B102" s="15">
        <v>86</v>
      </c>
      <c r="C102" s="16">
        <v>143</v>
      </c>
      <c r="D102" s="17">
        <v>229</v>
      </c>
    </row>
    <row r="103" spans="1:4" ht="18" customHeight="1" x14ac:dyDescent="0.2">
      <c r="A103" s="14">
        <v>80</v>
      </c>
      <c r="B103" s="15">
        <v>29</v>
      </c>
      <c r="C103" s="16">
        <v>19</v>
      </c>
      <c r="D103" s="17">
        <v>48</v>
      </c>
    </row>
    <row r="104" spans="1:4" ht="18" customHeight="1" x14ac:dyDescent="0.2">
      <c r="A104" s="14">
        <v>81</v>
      </c>
      <c r="B104" s="15">
        <v>18</v>
      </c>
      <c r="C104" s="16">
        <v>17</v>
      </c>
      <c r="D104" s="17">
        <v>35</v>
      </c>
    </row>
    <row r="105" spans="1:4" ht="18" customHeight="1" x14ac:dyDescent="0.2">
      <c r="A105" s="14">
        <v>82</v>
      </c>
      <c r="B105" s="15">
        <v>11</v>
      </c>
      <c r="C105" s="16">
        <v>21</v>
      </c>
      <c r="D105" s="17">
        <v>32</v>
      </c>
    </row>
    <row r="106" spans="1:4" ht="18" customHeight="1" x14ac:dyDescent="0.2">
      <c r="A106" s="14">
        <v>83</v>
      </c>
      <c r="B106" s="15">
        <v>13</v>
      </c>
      <c r="C106" s="16">
        <v>23</v>
      </c>
      <c r="D106" s="17">
        <v>36</v>
      </c>
    </row>
    <row r="107" spans="1:4" ht="18" customHeight="1" x14ac:dyDescent="0.2">
      <c r="A107" s="14">
        <v>84</v>
      </c>
      <c r="B107" s="15">
        <v>6</v>
      </c>
      <c r="C107" s="16">
        <v>25</v>
      </c>
      <c r="D107" s="17">
        <v>31</v>
      </c>
    </row>
    <row r="108" spans="1:4" ht="18" customHeight="1" x14ac:dyDescent="0.2">
      <c r="A108" s="18" t="s">
        <v>84</v>
      </c>
      <c r="B108" s="15">
        <v>77</v>
      </c>
      <c r="C108" s="16">
        <v>105</v>
      </c>
      <c r="D108" s="17">
        <v>182</v>
      </c>
    </row>
    <row r="109" spans="1:4" ht="18" customHeight="1" x14ac:dyDescent="0.2">
      <c r="A109" s="14">
        <v>85</v>
      </c>
      <c r="B109" s="15">
        <v>6</v>
      </c>
      <c r="C109" s="16">
        <v>20</v>
      </c>
      <c r="D109" s="17">
        <v>26</v>
      </c>
    </row>
    <row r="110" spans="1:4" ht="18" customHeight="1" x14ac:dyDescent="0.2">
      <c r="A110" s="14">
        <v>86</v>
      </c>
      <c r="B110" s="15">
        <v>4</v>
      </c>
      <c r="C110" s="16">
        <v>19</v>
      </c>
      <c r="D110" s="17">
        <v>23</v>
      </c>
    </row>
    <row r="111" spans="1:4" ht="18" customHeight="1" x14ac:dyDescent="0.2">
      <c r="A111" s="14">
        <v>87</v>
      </c>
      <c r="B111" s="15">
        <v>5</v>
      </c>
      <c r="C111" s="16">
        <v>11</v>
      </c>
      <c r="D111" s="17">
        <v>16</v>
      </c>
    </row>
    <row r="112" spans="1:4" ht="18" customHeight="1" x14ac:dyDescent="0.2">
      <c r="A112" s="14">
        <v>88</v>
      </c>
      <c r="B112" s="15">
        <v>6</v>
      </c>
      <c r="C112" s="16">
        <v>10</v>
      </c>
      <c r="D112" s="17">
        <v>16</v>
      </c>
    </row>
    <row r="113" spans="1:4" ht="18" customHeight="1" x14ac:dyDescent="0.2">
      <c r="A113" s="14">
        <v>89</v>
      </c>
      <c r="B113" s="15">
        <v>2</v>
      </c>
      <c r="C113" s="16">
        <v>12</v>
      </c>
      <c r="D113" s="17">
        <v>14</v>
      </c>
    </row>
    <row r="114" spans="1:4" ht="18" customHeight="1" x14ac:dyDescent="0.2">
      <c r="A114" s="18" t="s">
        <v>85</v>
      </c>
      <c r="B114" s="15">
        <v>23</v>
      </c>
      <c r="C114" s="16">
        <v>72</v>
      </c>
      <c r="D114" s="17">
        <v>95</v>
      </c>
    </row>
    <row r="115" spans="1:4" ht="18" customHeight="1" x14ac:dyDescent="0.2">
      <c r="A115" s="14">
        <v>90</v>
      </c>
      <c r="B115" s="15">
        <v>1</v>
      </c>
      <c r="C115" s="16">
        <v>7</v>
      </c>
      <c r="D115" s="17">
        <v>8</v>
      </c>
    </row>
    <row r="116" spans="1:4" ht="18" customHeight="1" x14ac:dyDescent="0.2">
      <c r="A116" s="14">
        <v>91</v>
      </c>
      <c r="B116" s="15">
        <v>4</v>
      </c>
      <c r="C116" s="16">
        <v>12</v>
      </c>
      <c r="D116" s="17">
        <v>16</v>
      </c>
    </row>
    <row r="117" spans="1:4" ht="18" customHeight="1" x14ac:dyDescent="0.2">
      <c r="A117" s="14">
        <v>92</v>
      </c>
      <c r="B117" s="15">
        <v>1</v>
      </c>
      <c r="C117" s="16">
        <v>12</v>
      </c>
      <c r="D117" s="17">
        <v>13</v>
      </c>
    </row>
    <row r="118" spans="1:4" ht="18" customHeight="1" x14ac:dyDescent="0.2">
      <c r="A118" s="14">
        <v>93</v>
      </c>
      <c r="B118" s="15">
        <v>1</v>
      </c>
      <c r="C118" s="16">
        <v>9</v>
      </c>
      <c r="D118" s="17">
        <v>10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86</v>
      </c>
      <c r="B120" s="15">
        <v>9</v>
      </c>
      <c r="C120" s="16">
        <v>43</v>
      </c>
      <c r="D120" s="17">
        <v>52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1</v>
      </c>
      <c r="C126" s="16">
        <v>13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473</v>
      </c>
      <c r="C130" s="5">
        <v>696</v>
      </c>
      <c r="D130" s="6">
        <v>1169</v>
      </c>
    </row>
    <row r="131" spans="1:4" ht="18" customHeight="1" x14ac:dyDescent="0.2">
      <c r="A131" s="20" t="s">
        <v>65</v>
      </c>
      <c r="B131" s="7">
        <v>2160</v>
      </c>
      <c r="C131" s="8">
        <v>2271</v>
      </c>
      <c r="D131" s="9">
        <v>443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2</v>
      </c>
      <c r="C5" s="12">
        <v>8</v>
      </c>
      <c r="D5" s="13">
        <v>20</v>
      </c>
    </row>
    <row r="6" spans="1:4" ht="18" customHeight="1" x14ac:dyDescent="0.2">
      <c r="A6" s="14">
        <v>1</v>
      </c>
      <c r="B6" s="15">
        <v>9</v>
      </c>
      <c r="C6" s="16">
        <v>7</v>
      </c>
      <c r="D6" s="17">
        <v>16</v>
      </c>
    </row>
    <row r="7" spans="1:4" ht="18" customHeight="1" x14ac:dyDescent="0.2">
      <c r="A7" s="14">
        <v>2</v>
      </c>
      <c r="B7" s="15">
        <v>11</v>
      </c>
      <c r="C7" s="16">
        <v>6</v>
      </c>
      <c r="D7" s="17">
        <v>17</v>
      </c>
    </row>
    <row r="8" spans="1:4" ht="18" customHeight="1" x14ac:dyDescent="0.2">
      <c r="A8" s="14">
        <v>3</v>
      </c>
      <c r="B8" s="15">
        <v>15</v>
      </c>
      <c r="C8" s="16">
        <v>13</v>
      </c>
      <c r="D8" s="17">
        <v>28</v>
      </c>
    </row>
    <row r="9" spans="1:4" ht="18" customHeight="1" x14ac:dyDescent="0.2">
      <c r="A9" s="14">
        <v>4</v>
      </c>
      <c r="B9" s="15">
        <v>18</v>
      </c>
      <c r="C9" s="16">
        <v>16</v>
      </c>
      <c r="D9" s="17">
        <v>34</v>
      </c>
    </row>
    <row r="10" spans="1:4" ht="18" customHeight="1" x14ac:dyDescent="0.2">
      <c r="A10" s="18" t="s">
        <v>66</v>
      </c>
      <c r="B10" s="15">
        <v>65</v>
      </c>
      <c r="C10" s="16">
        <v>50</v>
      </c>
      <c r="D10" s="17">
        <v>115</v>
      </c>
    </row>
    <row r="11" spans="1:4" ht="18" customHeight="1" x14ac:dyDescent="0.2">
      <c r="A11" s="14">
        <v>5</v>
      </c>
      <c r="B11" s="15">
        <v>12</v>
      </c>
      <c r="C11" s="16">
        <v>23</v>
      </c>
      <c r="D11" s="17">
        <v>35</v>
      </c>
    </row>
    <row r="12" spans="1:4" ht="18" customHeight="1" x14ac:dyDescent="0.2">
      <c r="A12" s="14">
        <v>6</v>
      </c>
      <c r="B12" s="15">
        <v>15</v>
      </c>
      <c r="C12" s="16">
        <v>10</v>
      </c>
      <c r="D12" s="17">
        <v>25</v>
      </c>
    </row>
    <row r="13" spans="1:4" ht="18" customHeight="1" x14ac:dyDescent="0.2">
      <c r="A13" s="14">
        <v>7</v>
      </c>
      <c r="B13" s="15">
        <v>17</v>
      </c>
      <c r="C13" s="16">
        <v>24</v>
      </c>
      <c r="D13" s="17">
        <v>41</v>
      </c>
    </row>
    <row r="14" spans="1:4" ht="18" customHeight="1" x14ac:dyDescent="0.2">
      <c r="A14" s="14">
        <v>8</v>
      </c>
      <c r="B14" s="15">
        <v>23</v>
      </c>
      <c r="C14" s="16">
        <v>9</v>
      </c>
      <c r="D14" s="17">
        <v>32</v>
      </c>
    </row>
    <row r="15" spans="1:4" ht="18" customHeight="1" x14ac:dyDescent="0.2">
      <c r="A15" s="14">
        <v>9</v>
      </c>
      <c r="B15" s="15">
        <v>18</v>
      </c>
      <c r="C15" s="16">
        <v>12</v>
      </c>
      <c r="D15" s="17">
        <v>30</v>
      </c>
    </row>
    <row r="16" spans="1:4" ht="18" customHeight="1" x14ac:dyDescent="0.2">
      <c r="A16" s="18" t="s">
        <v>67</v>
      </c>
      <c r="B16" s="15">
        <v>85</v>
      </c>
      <c r="C16" s="16">
        <v>78</v>
      </c>
      <c r="D16" s="17">
        <v>163</v>
      </c>
    </row>
    <row r="17" spans="1:4" ht="18" customHeight="1" x14ac:dyDescent="0.2">
      <c r="A17" s="14">
        <v>10</v>
      </c>
      <c r="B17" s="15">
        <v>14</v>
      </c>
      <c r="C17" s="16">
        <v>11</v>
      </c>
      <c r="D17" s="17">
        <v>25</v>
      </c>
    </row>
    <row r="18" spans="1:4" ht="18" customHeight="1" x14ac:dyDescent="0.2">
      <c r="A18" s="14">
        <v>11</v>
      </c>
      <c r="B18" s="15">
        <v>14</v>
      </c>
      <c r="C18" s="16">
        <v>13</v>
      </c>
      <c r="D18" s="17">
        <v>27</v>
      </c>
    </row>
    <row r="19" spans="1:4" ht="18" customHeight="1" x14ac:dyDescent="0.2">
      <c r="A19" s="14">
        <v>12</v>
      </c>
      <c r="B19" s="15">
        <v>8</v>
      </c>
      <c r="C19" s="16">
        <v>19</v>
      </c>
      <c r="D19" s="17">
        <v>27</v>
      </c>
    </row>
    <row r="20" spans="1:4" ht="18" customHeight="1" x14ac:dyDescent="0.2">
      <c r="A20" s="14">
        <v>13</v>
      </c>
      <c r="B20" s="15">
        <v>6</v>
      </c>
      <c r="C20" s="16">
        <v>6</v>
      </c>
      <c r="D20" s="17">
        <v>12</v>
      </c>
    </row>
    <row r="21" spans="1:4" ht="18" customHeight="1" x14ac:dyDescent="0.2">
      <c r="A21" s="14">
        <v>14</v>
      </c>
      <c r="B21" s="15">
        <v>8</v>
      </c>
      <c r="C21" s="16">
        <v>8</v>
      </c>
      <c r="D21" s="17">
        <v>16</v>
      </c>
    </row>
    <row r="22" spans="1:4" ht="18" customHeight="1" x14ac:dyDescent="0.2">
      <c r="A22" s="18" t="s">
        <v>68</v>
      </c>
      <c r="B22" s="15">
        <v>50</v>
      </c>
      <c r="C22" s="16">
        <v>57</v>
      </c>
      <c r="D22" s="17">
        <v>107</v>
      </c>
    </row>
    <row r="23" spans="1:4" ht="18" customHeight="1" x14ac:dyDescent="0.2">
      <c r="A23" s="18" t="s">
        <v>69</v>
      </c>
      <c r="B23" s="15">
        <v>200</v>
      </c>
      <c r="C23" s="16">
        <v>185</v>
      </c>
      <c r="D23" s="17">
        <v>385</v>
      </c>
    </row>
    <row r="24" spans="1:4" ht="18" customHeight="1" x14ac:dyDescent="0.2">
      <c r="A24" s="14">
        <v>15</v>
      </c>
      <c r="B24" s="15">
        <v>6</v>
      </c>
      <c r="C24" s="16">
        <v>9</v>
      </c>
      <c r="D24" s="17">
        <v>15</v>
      </c>
    </row>
    <row r="25" spans="1:4" ht="18" customHeight="1" x14ac:dyDescent="0.2">
      <c r="A25" s="14">
        <v>16</v>
      </c>
      <c r="B25" s="15">
        <v>8</v>
      </c>
      <c r="C25" s="16">
        <v>11</v>
      </c>
      <c r="D25" s="17">
        <v>19</v>
      </c>
    </row>
    <row r="26" spans="1:4" ht="18" customHeight="1" x14ac:dyDescent="0.2">
      <c r="A26" s="14">
        <v>17</v>
      </c>
      <c r="B26" s="15">
        <v>8</v>
      </c>
      <c r="C26" s="16">
        <v>5</v>
      </c>
      <c r="D26" s="17">
        <v>13</v>
      </c>
    </row>
    <row r="27" spans="1:4" ht="18" customHeight="1" x14ac:dyDescent="0.2">
      <c r="A27" s="14">
        <v>18</v>
      </c>
      <c r="B27" s="15">
        <v>4</v>
      </c>
      <c r="C27" s="16">
        <v>6</v>
      </c>
      <c r="D27" s="17">
        <v>10</v>
      </c>
    </row>
    <row r="28" spans="1:4" ht="18" customHeight="1" x14ac:dyDescent="0.2">
      <c r="A28" s="14">
        <v>19</v>
      </c>
      <c r="B28" s="15">
        <v>8</v>
      </c>
      <c r="C28" s="16">
        <v>10</v>
      </c>
      <c r="D28" s="17">
        <v>18</v>
      </c>
    </row>
    <row r="29" spans="1:4" ht="18" customHeight="1" x14ac:dyDescent="0.2">
      <c r="A29" s="18" t="s">
        <v>70</v>
      </c>
      <c r="B29" s="15">
        <v>34</v>
      </c>
      <c r="C29" s="16">
        <v>41</v>
      </c>
      <c r="D29" s="17">
        <v>75</v>
      </c>
    </row>
    <row r="30" spans="1:4" ht="18" customHeight="1" x14ac:dyDescent="0.2">
      <c r="A30" s="14">
        <v>20</v>
      </c>
      <c r="B30" s="15">
        <v>5</v>
      </c>
      <c r="C30" s="16">
        <v>4</v>
      </c>
      <c r="D30" s="17">
        <v>9</v>
      </c>
    </row>
    <row r="31" spans="1:4" ht="18" customHeight="1" x14ac:dyDescent="0.2">
      <c r="A31" s="14">
        <v>21</v>
      </c>
      <c r="B31" s="15">
        <v>3</v>
      </c>
      <c r="C31" s="16">
        <v>8</v>
      </c>
      <c r="D31" s="17">
        <v>11</v>
      </c>
    </row>
    <row r="32" spans="1:4" ht="18" customHeight="1" x14ac:dyDescent="0.2">
      <c r="A32" s="14">
        <v>22</v>
      </c>
      <c r="B32" s="15">
        <v>6</v>
      </c>
      <c r="C32" s="16">
        <v>9</v>
      </c>
      <c r="D32" s="17">
        <v>15</v>
      </c>
    </row>
    <row r="33" spans="1:4" ht="18" customHeight="1" x14ac:dyDescent="0.2">
      <c r="A33" s="14">
        <v>23</v>
      </c>
      <c r="B33" s="15">
        <v>7</v>
      </c>
      <c r="C33" s="16">
        <v>7</v>
      </c>
      <c r="D33" s="17">
        <v>14</v>
      </c>
    </row>
    <row r="34" spans="1:4" ht="18" customHeight="1" x14ac:dyDescent="0.2">
      <c r="A34" s="14">
        <v>24</v>
      </c>
      <c r="B34" s="15">
        <v>6</v>
      </c>
      <c r="C34" s="16">
        <v>9</v>
      </c>
      <c r="D34" s="17">
        <v>15</v>
      </c>
    </row>
    <row r="35" spans="1:4" ht="18" customHeight="1" x14ac:dyDescent="0.2">
      <c r="A35" s="18" t="s">
        <v>71</v>
      </c>
      <c r="B35" s="15">
        <v>27</v>
      </c>
      <c r="C35" s="16">
        <v>37</v>
      </c>
      <c r="D35" s="17">
        <v>64</v>
      </c>
    </row>
    <row r="36" spans="1:4" ht="18" customHeight="1" x14ac:dyDescent="0.2">
      <c r="A36" s="14">
        <v>25</v>
      </c>
      <c r="B36" s="15">
        <v>9</v>
      </c>
      <c r="C36" s="16">
        <v>2</v>
      </c>
      <c r="D36" s="17">
        <v>11</v>
      </c>
    </row>
    <row r="37" spans="1:4" ht="18" customHeight="1" x14ac:dyDescent="0.2">
      <c r="A37" s="14">
        <v>26</v>
      </c>
      <c r="B37" s="15">
        <v>6</v>
      </c>
      <c r="C37" s="16">
        <v>3</v>
      </c>
      <c r="D37" s="17">
        <v>9</v>
      </c>
    </row>
    <row r="38" spans="1:4" ht="18" customHeight="1" x14ac:dyDescent="0.2">
      <c r="A38" s="14">
        <v>27</v>
      </c>
      <c r="B38" s="15">
        <v>4</v>
      </c>
      <c r="C38" s="16">
        <v>8</v>
      </c>
      <c r="D38" s="17">
        <v>12</v>
      </c>
    </row>
    <row r="39" spans="1:4" ht="18" customHeight="1" x14ac:dyDescent="0.2">
      <c r="A39" s="14">
        <v>28</v>
      </c>
      <c r="B39" s="15">
        <v>6</v>
      </c>
      <c r="C39" s="16">
        <v>7</v>
      </c>
      <c r="D39" s="17">
        <v>13</v>
      </c>
    </row>
    <row r="40" spans="1:4" ht="18" customHeight="1" x14ac:dyDescent="0.2">
      <c r="A40" s="14">
        <v>29</v>
      </c>
      <c r="B40" s="15">
        <v>10</v>
      </c>
      <c r="C40" s="16">
        <v>8</v>
      </c>
      <c r="D40" s="17">
        <v>18</v>
      </c>
    </row>
    <row r="41" spans="1:4" ht="18" customHeight="1" x14ac:dyDescent="0.2">
      <c r="A41" s="18" t="s">
        <v>72</v>
      </c>
      <c r="B41" s="15">
        <v>35</v>
      </c>
      <c r="C41" s="16">
        <v>28</v>
      </c>
      <c r="D41" s="17">
        <v>63</v>
      </c>
    </row>
    <row r="42" spans="1:4" ht="18" customHeight="1" x14ac:dyDescent="0.2">
      <c r="A42" s="14">
        <v>30</v>
      </c>
      <c r="B42" s="15">
        <v>8</v>
      </c>
      <c r="C42" s="16">
        <v>11</v>
      </c>
      <c r="D42" s="17">
        <v>19</v>
      </c>
    </row>
    <row r="43" spans="1:4" ht="18" customHeight="1" x14ac:dyDescent="0.2">
      <c r="A43" s="14">
        <v>31</v>
      </c>
      <c r="B43" s="15">
        <v>14</v>
      </c>
      <c r="C43" s="16">
        <v>17</v>
      </c>
      <c r="D43" s="17">
        <v>31</v>
      </c>
    </row>
    <row r="44" spans="1:4" ht="18" customHeight="1" x14ac:dyDescent="0.2">
      <c r="A44" s="14">
        <v>32</v>
      </c>
      <c r="B44" s="15">
        <v>17</v>
      </c>
      <c r="C44" s="16">
        <v>18</v>
      </c>
      <c r="D44" s="17">
        <v>35</v>
      </c>
    </row>
    <row r="45" spans="1:4" ht="18" customHeight="1" x14ac:dyDescent="0.2">
      <c r="A45" s="14">
        <v>33</v>
      </c>
      <c r="B45" s="15">
        <v>22</v>
      </c>
      <c r="C45" s="16">
        <v>12</v>
      </c>
      <c r="D45" s="17">
        <v>34</v>
      </c>
    </row>
    <row r="46" spans="1:4" ht="18" customHeight="1" x14ac:dyDescent="0.2">
      <c r="A46" s="14">
        <v>34</v>
      </c>
      <c r="B46" s="15">
        <v>28</v>
      </c>
      <c r="C46" s="16">
        <v>21</v>
      </c>
      <c r="D46" s="17">
        <v>49</v>
      </c>
    </row>
    <row r="47" spans="1:4" ht="18" customHeight="1" x14ac:dyDescent="0.2">
      <c r="A47" s="18" t="s">
        <v>73</v>
      </c>
      <c r="B47" s="15">
        <v>89</v>
      </c>
      <c r="C47" s="16">
        <v>79</v>
      </c>
      <c r="D47" s="17">
        <v>168</v>
      </c>
    </row>
    <row r="48" spans="1:4" ht="18" customHeight="1" x14ac:dyDescent="0.2">
      <c r="A48" s="14">
        <v>35</v>
      </c>
      <c r="B48" s="15">
        <v>21</v>
      </c>
      <c r="C48" s="16">
        <v>17</v>
      </c>
      <c r="D48" s="17">
        <v>38</v>
      </c>
    </row>
    <row r="49" spans="1:4" ht="18" customHeight="1" x14ac:dyDescent="0.2">
      <c r="A49" s="14">
        <v>36</v>
      </c>
      <c r="B49" s="15">
        <v>22</v>
      </c>
      <c r="C49" s="16">
        <v>27</v>
      </c>
      <c r="D49" s="17">
        <v>49</v>
      </c>
    </row>
    <row r="50" spans="1:4" ht="18" customHeight="1" x14ac:dyDescent="0.2">
      <c r="A50" s="14">
        <v>37</v>
      </c>
      <c r="B50" s="15">
        <v>25</v>
      </c>
      <c r="C50" s="16">
        <v>16</v>
      </c>
      <c r="D50" s="17">
        <v>41</v>
      </c>
    </row>
    <row r="51" spans="1:4" ht="18" customHeight="1" x14ac:dyDescent="0.2">
      <c r="A51" s="14">
        <v>38</v>
      </c>
      <c r="B51" s="15">
        <v>17</v>
      </c>
      <c r="C51" s="16">
        <v>17</v>
      </c>
      <c r="D51" s="17">
        <v>34</v>
      </c>
    </row>
    <row r="52" spans="1:4" ht="18" customHeight="1" x14ac:dyDescent="0.2">
      <c r="A52" s="14">
        <v>39</v>
      </c>
      <c r="B52" s="15">
        <v>16</v>
      </c>
      <c r="C52" s="16">
        <v>20</v>
      </c>
      <c r="D52" s="17">
        <v>36</v>
      </c>
    </row>
    <row r="53" spans="1:4" ht="18" customHeight="1" x14ac:dyDescent="0.2">
      <c r="A53" s="18" t="s">
        <v>74</v>
      </c>
      <c r="B53" s="15">
        <v>101</v>
      </c>
      <c r="C53" s="16">
        <v>97</v>
      </c>
      <c r="D53" s="17">
        <v>198</v>
      </c>
    </row>
    <row r="54" spans="1:4" ht="18" customHeight="1" x14ac:dyDescent="0.2">
      <c r="A54" s="14">
        <v>40</v>
      </c>
      <c r="B54" s="15">
        <v>13</v>
      </c>
      <c r="C54" s="16">
        <v>19</v>
      </c>
      <c r="D54" s="17">
        <v>32</v>
      </c>
    </row>
    <row r="55" spans="1:4" ht="18" customHeight="1" x14ac:dyDescent="0.2">
      <c r="A55" s="14">
        <v>41</v>
      </c>
      <c r="B55" s="15">
        <v>18</v>
      </c>
      <c r="C55" s="16">
        <v>17</v>
      </c>
      <c r="D55" s="17">
        <v>35</v>
      </c>
    </row>
    <row r="56" spans="1:4" ht="18" customHeight="1" x14ac:dyDescent="0.2">
      <c r="A56" s="14">
        <v>42</v>
      </c>
      <c r="B56" s="15">
        <v>9</v>
      </c>
      <c r="C56" s="16">
        <v>11</v>
      </c>
      <c r="D56" s="17">
        <v>20</v>
      </c>
    </row>
    <row r="57" spans="1:4" ht="18" customHeight="1" x14ac:dyDescent="0.2">
      <c r="A57" s="14">
        <v>43</v>
      </c>
      <c r="B57" s="15">
        <v>11</v>
      </c>
      <c r="C57" s="16">
        <v>7</v>
      </c>
      <c r="D57" s="17">
        <v>18</v>
      </c>
    </row>
    <row r="58" spans="1:4" ht="18" customHeight="1" x14ac:dyDescent="0.2">
      <c r="A58" s="14">
        <v>44</v>
      </c>
      <c r="B58" s="15">
        <v>9</v>
      </c>
      <c r="C58" s="16">
        <v>4</v>
      </c>
      <c r="D58" s="17">
        <v>13</v>
      </c>
    </row>
    <row r="59" spans="1:4" ht="18" customHeight="1" x14ac:dyDescent="0.2">
      <c r="A59" s="18" t="s">
        <v>75</v>
      </c>
      <c r="B59" s="15">
        <v>60</v>
      </c>
      <c r="C59" s="16">
        <v>58</v>
      </c>
      <c r="D59" s="17">
        <v>118</v>
      </c>
    </row>
    <row r="60" spans="1:4" ht="18" customHeight="1" x14ac:dyDescent="0.2">
      <c r="A60" s="14">
        <v>45</v>
      </c>
      <c r="B60" s="15">
        <v>12</v>
      </c>
      <c r="C60" s="16">
        <v>10</v>
      </c>
      <c r="D60" s="17">
        <v>22</v>
      </c>
    </row>
    <row r="61" spans="1:4" ht="18" customHeight="1" x14ac:dyDescent="0.2">
      <c r="A61" s="14">
        <v>46</v>
      </c>
      <c r="B61" s="15">
        <v>7</v>
      </c>
      <c r="C61" s="16">
        <v>7</v>
      </c>
      <c r="D61" s="17">
        <v>14</v>
      </c>
    </row>
    <row r="62" spans="1:4" ht="18" customHeight="1" x14ac:dyDescent="0.2">
      <c r="A62" s="14">
        <v>47</v>
      </c>
      <c r="B62" s="15">
        <v>7</v>
      </c>
      <c r="C62" s="16">
        <v>18</v>
      </c>
      <c r="D62" s="17">
        <v>25</v>
      </c>
    </row>
    <row r="63" spans="1:4" ht="18" customHeight="1" x14ac:dyDescent="0.2">
      <c r="A63" s="14">
        <v>48</v>
      </c>
      <c r="B63" s="15">
        <v>10</v>
      </c>
      <c r="C63" s="16">
        <v>12</v>
      </c>
      <c r="D63" s="17">
        <v>22</v>
      </c>
    </row>
    <row r="64" spans="1:4" ht="18" customHeight="1" x14ac:dyDescent="0.2">
      <c r="A64" s="14">
        <v>49</v>
      </c>
      <c r="B64" s="15">
        <v>11</v>
      </c>
      <c r="C64" s="16">
        <v>7</v>
      </c>
      <c r="D64" s="17">
        <v>18</v>
      </c>
    </row>
    <row r="65" spans="1:4" ht="18" customHeight="1" x14ac:dyDescent="0.2">
      <c r="A65" s="18" t="s">
        <v>76</v>
      </c>
      <c r="B65" s="15">
        <v>47</v>
      </c>
      <c r="C65" s="16">
        <v>54</v>
      </c>
      <c r="D65" s="17">
        <v>101</v>
      </c>
    </row>
    <row r="66" spans="1:4" ht="18" customHeight="1" x14ac:dyDescent="0.2">
      <c r="A66" s="14">
        <v>50</v>
      </c>
      <c r="B66" s="15">
        <v>14</v>
      </c>
      <c r="C66" s="16">
        <v>11</v>
      </c>
      <c r="D66" s="17">
        <v>25</v>
      </c>
    </row>
    <row r="67" spans="1:4" ht="18" customHeight="1" x14ac:dyDescent="0.2">
      <c r="A67" s="14">
        <v>51</v>
      </c>
      <c r="B67" s="15">
        <v>8</v>
      </c>
      <c r="C67" s="16">
        <v>9</v>
      </c>
      <c r="D67" s="17">
        <v>17</v>
      </c>
    </row>
    <row r="68" spans="1:4" ht="18" customHeight="1" x14ac:dyDescent="0.2">
      <c r="A68" s="14">
        <v>52</v>
      </c>
      <c r="B68" s="15">
        <v>7</v>
      </c>
      <c r="C68" s="16">
        <v>6</v>
      </c>
      <c r="D68" s="17">
        <v>13</v>
      </c>
    </row>
    <row r="69" spans="1:4" ht="18" customHeight="1" x14ac:dyDescent="0.2">
      <c r="A69" s="14">
        <v>53</v>
      </c>
      <c r="B69" s="15">
        <v>6</v>
      </c>
      <c r="C69" s="16">
        <v>6</v>
      </c>
      <c r="D69" s="17">
        <v>12</v>
      </c>
    </row>
    <row r="70" spans="1:4" ht="18" customHeight="1" x14ac:dyDescent="0.2">
      <c r="A70" s="14">
        <v>54</v>
      </c>
      <c r="B70" s="15">
        <v>9</v>
      </c>
      <c r="C70" s="16">
        <v>11</v>
      </c>
      <c r="D70" s="17">
        <v>20</v>
      </c>
    </row>
    <row r="71" spans="1:4" ht="18" customHeight="1" x14ac:dyDescent="0.2">
      <c r="A71" s="18" t="s">
        <v>77</v>
      </c>
      <c r="B71" s="15">
        <v>44</v>
      </c>
      <c r="C71" s="16">
        <v>43</v>
      </c>
      <c r="D71" s="17">
        <v>87</v>
      </c>
    </row>
    <row r="72" spans="1:4" ht="18" customHeight="1" x14ac:dyDescent="0.2">
      <c r="A72" s="14">
        <v>55</v>
      </c>
      <c r="B72" s="15">
        <v>13</v>
      </c>
      <c r="C72" s="16">
        <v>12</v>
      </c>
      <c r="D72" s="17">
        <v>25</v>
      </c>
    </row>
    <row r="73" spans="1:4" ht="18" customHeight="1" x14ac:dyDescent="0.2">
      <c r="A73" s="14">
        <v>56</v>
      </c>
      <c r="B73" s="15">
        <v>12</v>
      </c>
      <c r="C73" s="16">
        <v>15</v>
      </c>
      <c r="D73" s="17">
        <v>27</v>
      </c>
    </row>
    <row r="74" spans="1:4" ht="18" customHeight="1" x14ac:dyDescent="0.2">
      <c r="A74" s="14">
        <v>57</v>
      </c>
      <c r="B74" s="15">
        <v>6</v>
      </c>
      <c r="C74" s="16">
        <v>11</v>
      </c>
      <c r="D74" s="17">
        <v>17</v>
      </c>
    </row>
    <row r="75" spans="1:4" ht="18" customHeight="1" x14ac:dyDescent="0.2">
      <c r="A75" s="14">
        <v>58</v>
      </c>
      <c r="B75" s="15">
        <v>16</v>
      </c>
      <c r="C75" s="16">
        <v>6</v>
      </c>
      <c r="D75" s="17">
        <v>22</v>
      </c>
    </row>
    <row r="76" spans="1:4" ht="18" customHeight="1" x14ac:dyDescent="0.2">
      <c r="A76" s="14">
        <v>59</v>
      </c>
      <c r="B76" s="15">
        <v>16</v>
      </c>
      <c r="C76" s="16">
        <v>16</v>
      </c>
      <c r="D76" s="17">
        <v>32</v>
      </c>
    </row>
    <row r="77" spans="1:4" ht="18" customHeight="1" x14ac:dyDescent="0.2">
      <c r="A77" s="18" t="s">
        <v>78</v>
      </c>
      <c r="B77" s="15">
        <v>63</v>
      </c>
      <c r="C77" s="16">
        <v>60</v>
      </c>
      <c r="D77" s="17">
        <v>123</v>
      </c>
    </row>
    <row r="78" spans="1:4" ht="18" customHeight="1" x14ac:dyDescent="0.2">
      <c r="A78" s="14">
        <v>60</v>
      </c>
      <c r="B78" s="15">
        <v>14</v>
      </c>
      <c r="C78" s="16">
        <v>14</v>
      </c>
      <c r="D78" s="17">
        <v>28</v>
      </c>
    </row>
    <row r="79" spans="1:4" ht="18" customHeight="1" x14ac:dyDescent="0.2">
      <c r="A79" s="14">
        <v>61</v>
      </c>
      <c r="B79" s="15">
        <v>10</v>
      </c>
      <c r="C79" s="16">
        <v>10</v>
      </c>
      <c r="D79" s="17">
        <v>20</v>
      </c>
    </row>
    <row r="80" spans="1:4" ht="18" customHeight="1" x14ac:dyDescent="0.2">
      <c r="A80" s="14">
        <v>62</v>
      </c>
      <c r="B80" s="15">
        <v>17</v>
      </c>
      <c r="C80" s="16">
        <v>14</v>
      </c>
      <c r="D80" s="17">
        <v>31</v>
      </c>
    </row>
    <row r="81" spans="1:4" ht="18" customHeight="1" x14ac:dyDescent="0.2">
      <c r="A81" s="14">
        <v>63</v>
      </c>
      <c r="B81" s="15">
        <v>8</v>
      </c>
      <c r="C81" s="16">
        <v>10</v>
      </c>
      <c r="D81" s="17">
        <v>18</v>
      </c>
    </row>
    <row r="82" spans="1:4" ht="18" customHeight="1" x14ac:dyDescent="0.2">
      <c r="A82" s="14">
        <v>64</v>
      </c>
      <c r="B82" s="15">
        <v>13</v>
      </c>
      <c r="C82" s="16">
        <v>8</v>
      </c>
      <c r="D82" s="17">
        <v>21</v>
      </c>
    </row>
    <row r="83" spans="1:4" ht="18" customHeight="1" x14ac:dyDescent="0.2">
      <c r="A83" s="18" t="s">
        <v>79</v>
      </c>
      <c r="B83" s="15">
        <v>62</v>
      </c>
      <c r="C83" s="16">
        <v>56</v>
      </c>
      <c r="D83" s="17">
        <v>118</v>
      </c>
    </row>
    <row r="84" spans="1:4" ht="18" customHeight="1" x14ac:dyDescent="0.2">
      <c r="A84" s="18" t="s">
        <v>80</v>
      </c>
      <c r="B84" s="15">
        <v>562</v>
      </c>
      <c r="C84" s="16">
        <v>553</v>
      </c>
      <c r="D84" s="17">
        <v>1115</v>
      </c>
    </row>
    <row r="85" spans="1:4" ht="18" customHeight="1" x14ac:dyDescent="0.2">
      <c r="A85" s="14">
        <v>65</v>
      </c>
      <c r="B85" s="15">
        <v>10</v>
      </c>
      <c r="C85" s="16">
        <v>11</v>
      </c>
      <c r="D85" s="17">
        <v>21</v>
      </c>
    </row>
    <row r="86" spans="1:4" ht="18" customHeight="1" x14ac:dyDescent="0.2">
      <c r="A86" s="14">
        <v>66</v>
      </c>
      <c r="B86" s="15">
        <v>9</v>
      </c>
      <c r="C86" s="16">
        <v>11</v>
      </c>
      <c r="D86" s="17">
        <v>20</v>
      </c>
    </row>
    <row r="87" spans="1:4" ht="18" customHeight="1" x14ac:dyDescent="0.2">
      <c r="A87" s="14">
        <v>67</v>
      </c>
      <c r="B87" s="15">
        <v>7</v>
      </c>
      <c r="C87" s="16">
        <v>12</v>
      </c>
      <c r="D87" s="17">
        <v>19</v>
      </c>
    </row>
    <row r="88" spans="1:4" ht="18" customHeight="1" x14ac:dyDescent="0.2">
      <c r="A88" s="14">
        <v>68</v>
      </c>
      <c r="B88" s="15">
        <v>11</v>
      </c>
      <c r="C88" s="16">
        <v>11</v>
      </c>
      <c r="D88" s="17">
        <v>22</v>
      </c>
    </row>
    <row r="89" spans="1:4" ht="18" customHeight="1" x14ac:dyDescent="0.2">
      <c r="A89" s="14">
        <v>69</v>
      </c>
      <c r="B89" s="15">
        <v>9</v>
      </c>
      <c r="C89" s="16">
        <v>8</v>
      </c>
      <c r="D89" s="17">
        <v>17</v>
      </c>
    </row>
    <row r="90" spans="1:4" ht="18" customHeight="1" x14ac:dyDescent="0.2">
      <c r="A90" s="18" t="s">
        <v>81</v>
      </c>
      <c r="B90" s="15">
        <v>46</v>
      </c>
      <c r="C90" s="16">
        <v>53</v>
      </c>
      <c r="D90" s="17">
        <v>99</v>
      </c>
    </row>
    <row r="91" spans="1:4" ht="18" customHeight="1" x14ac:dyDescent="0.2">
      <c r="A91" s="14">
        <v>70</v>
      </c>
      <c r="B91" s="15">
        <v>10</v>
      </c>
      <c r="C91" s="16">
        <v>5</v>
      </c>
      <c r="D91" s="17">
        <v>15</v>
      </c>
    </row>
    <row r="92" spans="1:4" ht="18" customHeight="1" x14ac:dyDescent="0.2">
      <c r="A92" s="14">
        <v>71</v>
      </c>
      <c r="B92" s="15">
        <v>5</v>
      </c>
      <c r="C92" s="16">
        <v>8</v>
      </c>
      <c r="D92" s="17">
        <v>13</v>
      </c>
    </row>
    <row r="93" spans="1:4" ht="18" customHeight="1" x14ac:dyDescent="0.2">
      <c r="A93" s="14">
        <v>72</v>
      </c>
      <c r="B93" s="15">
        <v>5</v>
      </c>
      <c r="C93" s="16">
        <v>8</v>
      </c>
      <c r="D93" s="17">
        <v>13</v>
      </c>
    </row>
    <row r="94" spans="1:4" ht="18" customHeight="1" x14ac:dyDescent="0.2">
      <c r="A94" s="14">
        <v>73</v>
      </c>
      <c r="B94" s="15">
        <v>7</v>
      </c>
      <c r="C94" s="16">
        <v>11</v>
      </c>
      <c r="D94" s="17">
        <v>18</v>
      </c>
    </row>
    <row r="95" spans="1:4" ht="18" customHeight="1" x14ac:dyDescent="0.2">
      <c r="A95" s="14">
        <v>74</v>
      </c>
      <c r="B95" s="15">
        <v>5</v>
      </c>
      <c r="C95" s="16">
        <v>8</v>
      </c>
      <c r="D95" s="17">
        <v>13</v>
      </c>
    </row>
    <row r="96" spans="1:4" ht="18" customHeight="1" x14ac:dyDescent="0.2">
      <c r="A96" s="18" t="s">
        <v>82</v>
      </c>
      <c r="B96" s="15">
        <v>32</v>
      </c>
      <c r="C96" s="16">
        <v>40</v>
      </c>
      <c r="D96" s="17">
        <v>72</v>
      </c>
    </row>
    <row r="97" spans="1:4" ht="18" customHeight="1" x14ac:dyDescent="0.2">
      <c r="A97" s="14">
        <v>75</v>
      </c>
      <c r="B97" s="15">
        <v>8</v>
      </c>
      <c r="C97" s="16">
        <v>14</v>
      </c>
      <c r="D97" s="17">
        <v>22</v>
      </c>
    </row>
    <row r="98" spans="1:4" ht="18" customHeight="1" x14ac:dyDescent="0.2">
      <c r="A98" s="14">
        <v>76</v>
      </c>
      <c r="B98" s="15">
        <v>6</v>
      </c>
      <c r="C98" s="16">
        <v>14</v>
      </c>
      <c r="D98" s="17">
        <v>20</v>
      </c>
    </row>
    <row r="99" spans="1:4" ht="18" customHeight="1" x14ac:dyDescent="0.2">
      <c r="A99" s="14">
        <v>77</v>
      </c>
      <c r="B99" s="15">
        <v>8</v>
      </c>
      <c r="C99" s="16">
        <v>11</v>
      </c>
      <c r="D99" s="17">
        <v>19</v>
      </c>
    </row>
    <row r="100" spans="1:4" ht="18" customHeight="1" x14ac:dyDescent="0.2">
      <c r="A100" s="14">
        <v>78</v>
      </c>
      <c r="B100" s="15">
        <v>11</v>
      </c>
      <c r="C100" s="16">
        <v>9</v>
      </c>
      <c r="D100" s="17">
        <v>20</v>
      </c>
    </row>
    <row r="101" spans="1:4" ht="18" customHeight="1" x14ac:dyDescent="0.2">
      <c r="A101" s="14">
        <v>79</v>
      </c>
      <c r="B101" s="15">
        <v>4</v>
      </c>
      <c r="C101" s="16">
        <v>5</v>
      </c>
      <c r="D101" s="17">
        <v>9</v>
      </c>
    </row>
    <row r="102" spans="1:4" ht="18" customHeight="1" x14ac:dyDescent="0.2">
      <c r="A102" s="18" t="s">
        <v>83</v>
      </c>
      <c r="B102" s="15">
        <v>37</v>
      </c>
      <c r="C102" s="16">
        <v>53</v>
      </c>
      <c r="D102" s="17">
        <v>90</v>
      </c>
    </row>
    <row r="103" spans="1:4" ht="18" customHeight="1" x14ac:dyDescent="0.2">
      <c r="A103" s="14">
        <v>80</v>
      </c>
      <c r="B103" s="15">
        <v>8</v>
      </c>
      <c r="C103" s="16">
        <v>8</v>
      </c>
      <c r="D103" s="17">
        <v>16</v>
      </c>
    </row>
    <row r="104" spans="1:4" ht="18" customHeight="1" x14ac:dyDescent="0.2">
      <c r="A104" s="14">
        <v>81</v>
      </c>
      <c r="B104" s="15">
        <v>8</v>
      </c>
      <c r="C104" s="16">
        <v>9</v>
      </c>
      <c r="D104" s="17">
        <v>17</v>
      </c>
    </row>
    <row r="105" spans="1:4" ht="18" customHeight="1" x14ac:dyDescent="0.2">
      <c r="A105" s="14">
        <v>82</v>
      </c>
      <c r="B105" s="15">
        <v>4</v>
      </c>
      <c r="C105" s="16">
        <v>10</v>
      </c>
      <c r="D105" s="17">
        <v>14</v>
      </c>
    </row>
    <row r="106" spans="1:4" ht="18" customHeight="1" x14ac:dyDescent="0.2">
      <c r="A106" s="14">
        <v>83</v>
      </c>
      <c r="B106" s="15">
        <v>5</v>
      </c>
      <c r="C106" s="16">
        <v>8</v>
      </c>
      <c r="D106" s="17">
        <v>13</v>
      </c>
    </row>
    <row r="107" spans="1:4" ht="18" customHeight="1" x14ac:dyDescent="0.2">
      <c r="A107" s="14">
        <v>84</v>
      </c>
      <c r="B107" s="15">
        <v>4</v>
      </c>
      <c r="C107" s="16">
        <v>16</v>
      </c>
      <c r="D107" s="17">
        <v>20</v>
      </c>
    </row>
    <row r="108" spans="1:4" ht="18" customHeight="1" x14ac:dyDescent="0.2">
      <c r="A108" s="18" t="s">
        <v>84</v>
      </c>
      <c r="B108" s="15">
        <v>29</v>
      </c>
      <c r="C108" s="16">
        <v>51</v>
      </c>
      <c r="D108" s="17">
        <v>80</v>
      </c>
    </row>
    <row r="109" spans="1:4" ht="18" customHeight="1" x14ac:dyDescent="0.2">
      <c r="A109" s="14">
        <v>85</v>
      </c>
      <c r="B109" s="15">
        <v>2</v>
      </c>
      <c r="C109" s="16">
        <v>9</v>
      </c>
      <c r="D109" s="17">
        <v>11</v>
      </c>
    </row>
    <row r="110" spans="1:4" ht="18" customHeight="1" x14ac:dyDescent="0.2">
      <c r="A110" s="14">
        <v>86</v>
      </c>
      <c r="B110" s="15">
        <v>4</v>
      </c>
      <c r="C110" s="16">
        <v>6</v>
      </c>
      <c r="D110" s="17">
        <v>10</v>
      </c>
    </row>
    <row r="111" spans="1:4" ht="18" customHeight="1" x14ac:dyDescent="0.2">
      <c r="A111" s="14">
        <v>87</v>
      </c>
      <c r="B111" s="15">
        <v>1</v>
      </c>
      <c r="C111" s="16">
        <v>3</v>
      </c>
      <c r="D111" s="17">
        <v>4</v>
      </c>
    </row>
    <row r="112" spans="1:4" ht="18" customHeight="1" x14ac:dyDescent="0.2">
      <c r="A112" s="14">
        <v>88</v>
      </c>
      <c r="B112" s="15">
        <v>4</v>
      </c>
      <c r="C112" s="16">
        <v>5</v>
      </c>
      <c r="D112" s="17">
        <v>9</v>
      </c>
    </row>
    <row r="113" spans="1:4" ht="18" customHeight="1" x14ac:dyDescent="0.2">
      <c r="A113" s="14">
        <v>89</v>
      </c>
      <c r="B113" s="15">
        <v>1</v>
      </c>
      <c r="C113" s="16">
        <v>1</v>
      </c>
      <c r="D113" s="17">
        <v>2</v>
      </c>
    </row>
    <row r="114" spans="1:4" ht="18" customHeight="1" x14ac:dyDescent="0.2">
      <c r="A114" s="18" t="s">
        <v>85</v>
      </c>
      <c r="B114" s="15">
        <v>12</v>
      </c>
      <c r="C114" s="16">
        <v>24</v>
      </c>
      <c r="D114" s="17">
        <v>36</v>
      </c>
    </row>
    <row r="115" spans="1:4" ht="18" customHeight="1" x14ac:dyDescent="0.2">
      <c r="A115" s="14">
        <v>90</v>
      </c>
      <c r="B115" s="15">
        <v>0</v>
      </c>
      <c r="C115" s="16">
        <v>4</v>
      </c>
      <c r="D115" s="17">
        <v>4</v>
      </c>
    </row>
    <row r="116" spans="1:4" ht="18" customHeight="1" x14ac:dyDescent="0.2">
      <c r="A116" s="14">
        <v>91</v>
      </c>
      <c r="B116" s="15">
        <v>2</v>
      </c>
      <c r="C116" s="16">
        <v>0</v>
      </c>
      <c r="D116" s="17">
        <v>2</v>
      </c>
    </row>
    <row r="117" spans="1:4" ht="18" customHeight="1" x14ac:dyDescent="0.2">
      <c r="A117" s="14">
        <v>92</v>
      </c>
      <c r="B117" s="15">
        <v>1</v>
      </c>
      <c r="C117" s="16">
        <v>3</v>
      </c>
      <c r="D117" s="17">
        <v>4</v>
      </c>
    </row>
    <row r="118" spans="1:4" ht="18" customHeight="1" x14ac:dyDescent="0.2">
      <c r="A118" s="14">
        <v>93</v>
      </c>
      <c r="B118" s="15">
        <v>1</v>
      </c>
      <c r="C118" s="16">
        <v>1</v>
      </c>
      <c r="D118" s="17">
        <v>2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86</v>
      </c>
      <c r="B120" s="15">
        <v>5</v>
      </c>
      <c r="C120" s="16">
        <v>11</v>
      </c>
      <c r="D120" s="17">
        <v>16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2</v>
      </c>
      <c r="C126" s="16">
        <v>6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89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90</v>
      </c>
      <c r="B130" s="4">
        <v>163</v>
      </c>
      <c r="C130" s="5">
        <v>239</v>
      </c>
      <c r="D130" s="6">
        <v>402</v>
      </c>
    </row>
    <row r="131" spans="1:4" ht="18" customHeight="1" x14ac:dyDescent="0.2">
      <c r="A131" s="20" t="s">
        <v>65</v>
      </c>
      <c r="B131" s="7">
        <v>925</v>
      </c>
      <c r="C131" s="8">
        <v>977</v>
      </c>
      <c r="D131" s="9">
        <v>190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1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6</v>
      </c>
      <c r="C5" s="12">
        <v>5</v>
      </c>
      <c r="D5" s="13">
        <v>11</v>
      </c>
    </row>
    <row r="6" spans="1:4" ht="18" customHeight="1" x14ac:dyDescent="0.2">
      <c r="A6" s="14">
        <v>1</v>
      </c>
      <c r="B6" s="15">
        <v>4</v>
      </c>
      <c r="C6" s="16">
        <v>5</v>
      </c>
      <c r="D6" s="17">
        <v>9</v>
      </c>
    </row>
    <row r="7" spans="1:4" ht="18" customHeight="1" x14ac:dyDescent="0.2">
      <c r="A7" s="14">
        <v>2</v>
      </c>
      <c r="B7" s="15">
        <v>6</v>
      </c>
      <c r="C7" s="16">
        <v>5</v>
      </c>
      <c r="D7" s="17">
        <v>11</v>
      </c>
    </row>
    <row r="8" spans="1:4" ht="18" customHeight="1" x14ac:dyDescent="0.2">
      <c r="A8" s="14">
        <v>3</v>
      </c>
      <c r="B8" s="15">
        <v>5</v>
      </c>
      <c r="C8" s="16">
        <v>5</v>
      </c>
      <c r="D8" s="17">
        <v>10</v>
      </c>
    </row>
    <row r="9" spans="1:4" ht="18" customHeight="1" x14ac:dyDescent="0.2">
      <c r="A9" s="14">
        <v>4</v>
      </c>
      <c r="B9" s="15">
        <v>3</v>
      </c>
      <c r="C9" s="16">
        <v>7</v>
      </c>
      <c r="D9" s="17">
        <v>10</v>
      </c>
    </row>
    <row r="10" spans="1:4" ht="18" customHeight="1" x14ac:dyDescent="0.2">
      <c r="A10" s="18" t="s">
        <v>66</v>
      </c>
      <c r="B10" s="15">
        <v>24</v>
      </c>
      <c r="C10" s="16">
        <v>27</v>
      </c>
      <c r="D10" s="17">
        <v>51</v>
      </c>
    </row>
    <row r="11" spans="1:4" ht="18" customHeight="1" x14ac:dyDescent="0.2">
      <c r="A11" s="14">
        <v>5</v>
      </c>
      <c r="B11" s="15">
        <v>6</v>
      </c>
      <c r="C11" s="16">
        <v>2</v>
      </c>
      <c r="D11" s="17">
        <v>8</v>
      </c>
    </row>
    <row r="12" spans="1:4" ht="18" customHeight="1" x14ac:dyDescent="0.2">
      <c r="A12" s="14">
        <v>6</v>
      </c>
      <c r="B12" s="15">
        <v>4</v>
      </c>
      <c r="C12" s="16">
        <v>5</v>
      </c>
      <c r="D12" s="17">
        <v>9</v>
      </c>
    </row>
    <row r="13" spans="1:4" ht="18" customHeight="1" x14ac:dyDescent="0.2">
      <c r="A13" s="14">
        <v>7</v>
      </c>
      <c r="B13" s="15">
        <v>7</v>
      </c>
      <c r="C13" s="16">
        <v>7</v>
      </c>
      <c r="D13" s="17">
        <v>14</v>
      </c>
    </row>
    <row r="14" spans="1:4" ht="18" customHeight="1" x14ac:dyDescent="0.2">
      <c r="A14" s="14">
        <v>8</v>
      </c>
      <c r="B14" s="15">
        <v>4</v>
      </c>
      <c r="C14" s="16">
        <v>7</v>
      </c>
      <c r="D14" s="17">
        <v>11</v>
      </c>
    </row>
    <row r="15" spans="1:4" ht="18" customHeight="1" x14ac:dyDescent="0.2">
      <c r="A15" s="14">
        <v>9</v>
      </c>
      <c r="B15" s="15">
        <v>7</v>
      </c>
      <c r="C15" s="16">
        <v>6</v>
      </c>
      <c r="D15" s="17">
        <v>13</v>
      </c>
    </row>
    <row r="16" spans="1:4" ht="18" customHeight="1" x14ac:dyDescent="0.2">
      <c r="A16" s="18" t="s">
        <v>67</v>
      </c>
      <c r="B16" s="15">
        <v>28</v>
      </c>
      <c r="C16" s="16">
        <v>27</v>
      </c>
      <c r="D16" s="17">
        <v>55</v>
      </c>
    </row>
    <row r="17" spans="1:4" ht="18" customHeight="1" x14ac:dyDescent="0.2">
      <c r="A17" s="14">
        <v>10</v>
      </c>
      <c r="B17" s="15">
        <v>3</v>
      </c>
      <c r="C17" s="16">
        <v>1</v>
      </c>
      <c r="D17" s="17">
        <v>4</v>
      </c>
    </row>
    <row r="18" spans="1:4" ht="18" customHeight="1" x14ac:dyDescent="0.2">
      <c r="A18" s="14">
        <v>11</v>
      </c>
      <c r="B18" s="15">
        <v>5</v>
      </c>
      <c r="C18" s="16">
        <v>2</v>
      </c>
      <c r="D18" s="17">
        <v>7</v>
      </c>
    </row>
    <row r="19" spans="1:4" ht="18" customHeight="1" x14ac:dyDescent="0.2">
      <c r="A19" s="14">
        <v>12</v>
      </c>
      <c r="B19" s="15">
        <v>5</v>
      </c>
      <c r="C19" s="16">
        <v>7</v>
      </c>
      <c r="D19" s="17">
        <v>12</v>
      </c>
    </row>
    <row r="20" spans="1:4" ht="18" customHeight="1" x14ac:dyDescent="0.2">
      <c r="A20" s="14">
        <v>13</v>
      </c>
      <c r="B20" s="15">
        <v>6</v>
      </c>
      <c r="C20" s="16">
        <v>3</v>
      </c>
      <c r="D20" s="17">
        <v>9</v>
      </c>
    </row>
    <row r="21" spans="1:4" ht="18" customHeight="1" x14ac:dyDescent="0.2">
      <c r="A21" s="14">
        <v>14</v>
      </c>
      <c r="B21" s="15">
        <v>6</v>
      </c>
      <c r="C21" s="16">
        <v>7</v>
      </c>
      <c r="D21" s="17">
        <v>13</v>
      </c>
    </row>
    <row r="22" spans="1:4" ht="18" customHeight="1" x14ac:dyDescent="0.2">
      <c r="A22" s="18" t="s">
        <v>68</v>
      </c>
      <c r="B22" s="15">
        <v>25</v>
      </c>
      <c r="C22" s="16">
        <v>20</v>
      </c>
      <c r="D22" s="17">
        <v>45</v>
      </c>
    </row>
    <row r="23" spans="1:4" ht="18" customHeight="1" x14ac:dyDescent="0.2">
      <c r="A23" s="18" t="s">
        <v>69</v>
      </c>
      <c r="B23" s="15">
        <v>77</v>
      </c>
      <c r="C23" s="16">
        <v>74</v>
      </c>
      <c r="D23" s="17">
        <v>151</v>
      </c>
    </row>
    <row r="24" spans="1:4" ht="18" customHeight="1" x14ac:dyDescent="0.2">
      <c r="A24" s="14">
        <v>15</v>
      </c>
      <c r="B24" s="15">
        <v>2</v>
      </c>
      <c r="C24" s="16">
        <v>2</v>
      </c>
      <c r="D24" s="17">
        <v>4</v>
      </c>
    </row>
    <row r="25" spans="1:4" ht="18" customHeight="1" x14ac:dyDescent="0.2">
      <c r="A25" s="14">
        <v>16</v>
      </c>
      <c r="B25" s="15">
        <v>9</v>
      </c>
      <c r="C25" s="16">
        <v>5</v>
      </c>
      <c r="D25" s="17">
        <v>14</v>
      </c>
    </row>
    <row r="26" spans="1:4" ht="18" customHeight="1" x14ac:dyDescent="0.2">
      <c r="A26" s="14">
        <v>17</v>
      </c>
      <c r="B26" s="15">
        <v>2</v>
      </c>
      <c r="C26" s="16">
        <v>4</v>
      </c>
      <c r="D26" s="17">
        <v>6</v>
      </c>
    </row>
    <row r="27" spans="1:4" ht="18" customHeight="1" x14ac:dyDescent="0.2">
      <c r="A27" s="14">
        <v>18</v>
      </c>
      <c r="B27" s="15">
        <v>1</v>
      </c>
      <c r="C27" s="16">
        <v>4</v>
      </c>
      <c r="D27" s="17">
        <v>5</v>
      </c>
    </row>
    <row r="28" spans="1:4" ht="18" customHeight="1" x14ac:dyDescent="0.2">
      <c r="A28" s="14">
        <v>19</v>
      </c>
      <c r="B28" s="15">
        <v>4</v>
      </c>
      <c r="C28" s="16">
        <v>11</v>
      </c>
      <c r="D28" s="17">
        <v>15</v>
      </c>
    </row>
    <row r="29" spans="1:4" ht="18" customHeight="1" x14ac:dyDescent="0.2">
      <c r="A29" s="18" t="s">
        <v>70</v>
      </c>
      <c r="B29" s="15">
        <v>18</v>
      </c>
      <c r="C29" s="16">
        <v>26</v>
      </c>
      <c r="D29" s="17">
        <v>44</v>
      </c>
    </row>
    <row r="30" spans="1:4" ht="18" customHeight="1" x14ac:dyDescent="0.2">
      <c r="A30" s="14">
        <v>20</v>
      </c>
      <c r="B30" s="15">
        <v>3</v>
      </c>
      <c r="C30" s="16">
        <v>2</v>
      </c>
      <c r="D30" s="17">
        <v>5</v>
      </c>
    </row>
    <row r="31" spans="1:4" ht="18" customHeight="1" x14ac:dyDescent="0.2">
      <c r="A31" s="14">
        <v>21</v>
      </c>
      <c r="B31" s="15">
        <v>4</v>
      </c>
      <c r="C31" s="16">
        <v>4</v>
      </c>
      <c r="D31" s="17">
        <v>8</v>
      </c>
    </row>
    <row r="32" spans="1:4" ht="18" customHeight="1" x14ac:dyDescent="0.2">
      <c r="A32" s="14">
        <v>22</v>
      </c>
      <c r="B32" s="15">
        <v>3</v>
      </c>
      <c r="C32" s="16">
        <v>2</v>
      </c>
      <c r="D32" s="17">
        <v>5</v>
      </c>
    </row>
    <row r="33" spans="1:4" ht="18" customHeight="1" x14ac:dyDescent="0.2">
      <c r="A33" s="14">
        <v>23</v>
      </c>
      <c r="B33" s="15">
        <v>12</v>
      </c>
      <c r="C33" s="16">
        <v>3</v>
      </c>
      <c r="D33" s="17">
        <v>15</v>
      </c>
    </row>
    <row r="34" spans="1:4" ht="18" customHeight="1" x14ac:dyDescent="0.2">
      <c r="A34" s="14">
        <v>24</v>
      </c>
      <c r="B34" s="15">
        <v>7</v>
      </c>
      <c r="C34" s="16">
        <v>9</v>
      </c>
      <c r="D34" s="17">
        <v>16</v>
      </c>
    </row>
    <row r="35" spans="1:4" ht="18" customHeight="1" x14ac:dyDescent="0.2">
      <c r="A35" s="18" t="s">
        <v>71</v>
      </c>
      <c r="B35" s="15">
        <v>29</v>
      </c>
      <c r="C35" s="16">
        <v>20</v>
      </c>
      <c r="D35" s="17">
        <v>49</v>
      </c>
    </row>
    <row r="36" spans="1:4" ht="18" customHeight="1" x14ac:dyDescent="0.2">
      <c r="A36" s="14">
        <v>25</v>
      </c>
      <c r="B36" s="15">
        <v>6</v>
      </c>
      <c r="C36" s="16">
        <v>8</v>
      </c>
      <c r="D36" s="17">
        <v>14</v>
      </c>
    </row>
    <row r="37" spans="1:4" ht="18" customHeight="1" x14ac:dyDescent="0.2">
      <c r="A37" s="14">
        <v>26</v>
      </c>
      <c r="B37" s="15">
        <v>8</v>
      </c>
      <c r="C37" s="16">
        <v>4</v>
      </c>
      <c r="D37" s="17">
        <v>12</v>
      </c>
    </row>
    <row r="38" spans="1:4" ht="18" customHeight="1" x14ac:dyDescent="0.2">
      <c r="A38" s="14">
        <v>27</v>
      </c>
      <c r="B38" s="15">
        <v>13</v>
      </c>
      <c r="C38" s="16">
        <v>7</v>
      </c>
      <c r="D38" s="17">
        <v>20</v>
      </c>
    </row>
    <row r="39" spans="1:4" ht="18" customHeight="1" x14ac:dyDescent="0.2">
      <c r="A39" s="14">
        <v>28</v>
      </c>
      <c r="B39" s="15">
        <v>5</v>
      </c>
      <c r="C39" s="16">
        <v>9</v>
      </c>
      <c r="D39" s="17">
        <v>14</v>
      </c>
    </row>
    <row r="40" spans="1:4" ht="18" customHeight="1" x14ac:dyDescent="0.2">
      <c r="A40" s="14">
        <v>29</v>
      </c>
      <c r="B40" s="15">
        <v>11</v>
      </c>
      <c r="C40" s="16">
        <v>9</v>
      </c>
      <c r="D40" s="17">
        <v>20</v>
      </c>
    </row>
    <row r="41" spans="1:4" ht="18" customHeight="1" x14ac:dyDescent="0.2">
      <c r="A41" s="18" t="s">
        <v>72</v>
      </c>
      <c r="B41" s="15">
        <v>43</v>
      </c>
      <c r="C41" s="16">
        <v>37</v>
      </c>
      <c r="D41" s="17">
        <v>80</v>
      </c>
    </row>
    <row r="42" spans="1:4" ht="18" customHeight="1" x14ac:dyDescent="0.2">
      <c r="A42" s="14">
        <v>30</v>
      </c>
      <c r="B42" s="15">
        <v>7</v>
      </c>
      <c r="C42" s="16">
        <v>11</v>
      </c>
      <c r="D42" s="17">
        <v>18</v>
      </c>
    </row>
    <row r="43" spans="1:4" ht="18" customHeight="1" x14ac:dyDescent="0.2">
      <c r="A43" s="14">
        <v>31</v>
      </c>
      <c r="B43" s="15">
        <v>7</v>
      </c>
      <c r="C43" s="16">
        <v>7</v>
      </c>
      <c r="D43" s="17">
        <v>14</v>
      </c>
    </row>
    <row r="44" spans="1:4" ht="18" customHeight="1" x14ac:dyDescent="0.2">
      <c r="A44" s="14">
        <v>32</v>
      </c>
      <c r="B44" s="15">
        <v>9</v>
      </c>
      <c r="C44" s="16">
        <v>9</v>
      </c>
      <c r="D44" s="17">
        <v>18</v>
      </c>
    </row>
    <row r="45" spans="1:4" ht="18" customHeight="1" x14ac:dyDescent="0.2">
      <c r="A45" s="14">
        <v>33</v>
      </c>
      <c r="B45" s="15">
        <v>11</v>
      </c>
      <c r="C45" s="16">
        <v>4</v>
      </c>
      <c r="D45" s="17">
        <v>15</v>
      </c>
    </row>
    <row r="46" spans="1:4" ht="18" customHeight="1" x14ac:dyDescent="0.2">
      <c r="A46" s="14">
        <v>34</v>
      </c>
      <c r="B46" s="15">
        <v>10</v>
      </c>
      <c r="C46" s="16">
        <v>12</v>
      </c>
      <c r="D46" s="17">
        <v>22</v>
      </c>
    </row>
    <row r="47" spans="1:4" ht="18" customHeight="1" x14ac:dyDescent="0.2">
      <c r="A47" s="18" t="s">
        <v>73</v>
      </c>
      <c r="B47" s="15">
        <v>44</v>
      </c>
      <c r="C47" s="16">
        <v>43</v>
      </c>
      <c r="D47" s="17">
        <v>87</v>
      </c>
    </row>
    <row r="48" spans="1:4" ht="18" customHeight="1" x14ac:dyDescent="0.2">
      <c r="A48" s="14">
        <v>35</v>
      </c>
      <c r="B48" s="15">
        <v>11</v>
      </c>
      <c r="C48" s="16">
        <v>12</v>
      </c>
      <c r="D48" s="17">
        <v>23</v>
      </c>
    </row>
    <row r="49" spans="1:4" ht="18" customHeight="1" x14ac:dyDescent="0.2">
      <c r="A49" s="14">
        <v>36</v>
      </c>
      <c r="B49" s="15">
        <v>9</v>
      </c>
      <c r="C49" s="16">
        <v>6</v>
      </c>
      <c r="D49" s="17">
        <v>15</v>
      </c>
    </row>
    <row r="50" spans="1:4" ht="18" customHeight="1" x14ac:dyDescent="0.2">
      <c r="A50" s="14">
        <v>37</v>
      </c>
      <c r="B50" s="15">
        <v>13</v>
      </c>
      <c r="C50" s="16">
        <v>12</v>
      </c>
      <c r="D50" s="17">
        <v>25</v>
      </c>
    </row>
    <row r="51" spans="1:4" ht="18" customHeight="1" x14ac:dyDescent="0.2">
      <c r="A51" s="14">
        <v>38</v>
      </c>
      <c r="B51" s="15">
        <v>7</v>
      </c>
      <c r="C51" s="16">
        <v>11</v>
      </c>
      <c r="D51" s="17">
        <v>18</v>
      </c>
    </row>
    <row r="52" spans="1:4" ht="18" customHeight="1" x14ac:dyDescent="0.2">
      <c r="A52" s="14">
        <v>39</v>
      </c>
      <c r="B52" s="15">
        <v>11</v>
      </c>
      <c r="C52" s="16">
        <v>8</v>
      </c>
      <c r="D52" s="17">
        <v>19</v>
      </c>
    </row>
    <row r="53" spans="1:4" ht="18" customHeight="1" x14ac:dyDescent="0.2">
      <c r="A53" s="18" t="s">
        <v>74</v>
      </c>
      <c r="B53" s="15">
        <v>51</v>
      </c>
      <c r="C53" s="16">
        <v>49</v>
      </c>
      <c r="D53" s="17">
        <v>100</v>
      </c>
    </row>
    <row r="54" spans="1:4" ht="18" customHeight="1" x14ac:dyDescent="0.2">
      <c r="A54" s="14">
        <v>40</v>
      </c>
      <c r="B54" s="15">
        <v>8</v>
      </c>
      <c r="C54" s="16">
        <v>11</v>
      </c>
      <c r="D54" s="17">
        <v>19</v>
      </c>
    </row>
    <row r="55" spans="1:4" ht="18" customHeight="1" x14ac:dyDescent="0.2">
      <c r="A55" s="14">
        <v>41</v>
      </c>
      <c r="B55" s="15">
        <v>20</v>
      </c>
      <c r="C55" s="16">
        <v>14</v>
      </c>
      <c r="D55" s="17">
        <v>34</v>
      </c>
    </row>
    <row r="56" spans="1:4" ht="18" customHeight="1" x14ac:dyDescent="0.2">
      <c r="A56" s="14">
        <v>42</v>
      </c>
      <c r="B56" s="15">
        <v>9</v>
      </c>
      <c r="C56" s="16">
        <v>11</v>
      </c>
      <c r="D56" s="17">
        <v>20</v>
      </c>
    </row>
    <row r="57" spans="1:4" ht="18" customHeight="1" x14ac:dyDescent="0.2">
      <c r="A57" s="14">
        <v>43</v>
      </c>
      <c r="B57" s="15">
        <v>9</v>
      </c>
      <c r="C57" s="16">
        <v>10</v>
      </c>
      <c r="D57" s="17">
        <v>19</v>
      </c>
    </row>
    <row r="58" spans="1:4" ht="18" customHeight="1" x14ac:dyDescent="0.2">
      <c r="A58" s="14">
        <v>44</v>
      </c>
      <c r="B58" s="15">
        <v>7</v>
      </c>
      <c r="C58" s="16">
        <v>12</v>
      </c>
      <c r="D58" s="17">
        <v>19</v>
      </c>
    </row>
    <row r="59" spans="1:4" ht="18" customHeight="1" x14ac:dyDescent="0.2">
      <c r="A59" s="18" t="s">
        <v>75</v>
      </c>
      <c r="B59" s="15">
        <v>53</v>
      </c>
      <c r="C59" s="16">
        <v>58</v>
      </c>
      <c r="D59" s="17">
        <v>111</v>
      </c>
    </row>
    <row r="60" spans="1:4" ht="18" customHeight="1" x14ac:dyDescent="0.2">
      <c r="A60" s="14">
        <v>45</v>
      </c>
      <c r="B60" s="15">
        <v>9</v>
      </c>
      <c r="C60" s="16">
        <v>11</v>
      </c>
      <c r="D60" s="17">
        <v>20</v>
      </c>
    </row>
    <row r="61" spans="1:4" ht="18" customHeight="1" x14ac:dyDescent="0.2">
      <c r="A61" s="14">
        <v>46</v>
      </c>
      <c r="B61" s="15">
        <v>7</v>
      </c>
      <c r="C61" s="16">
        <v>9</v>
      </c>
      <c r="D61" s="17">
        <v>16</v>
      </c>
    </row>
    <row r="62" spans="1:4" ht="18" customHeight="1" x14ac:dyDescent="0.2">
      <c r="A62" s="14">
        <v>47</v>
      </c>
      <c r="B62" s="15">
        <v>11</v>
      </c>
      <c r="C62" s="16">
        <v>10</v>
      </c>
      <c r="D62" s="17">
        <v>21</v>
      </c>
    </row>
    <row r="63" spans="1:4" ht="18" customHeight="1" x14ac:dyDescent="0.2">
      <c r="A63" s="14">
        <v>48</v>
      </c>
      <c r="B63" s="15">
        <v>8</v>
      </c>
      <c r="C63" s="16">
        <v>6</v>
      </c>
      <c r="D63" s="17">
        <v>14</v>
      </c>
    </row>
    <row r="64" spans="1:4" ht="18" customHeight="1" x14ac:dyDescent="0.2">
      <c r="A64" s="14">
        <v>49</v>
      </c>
      <c r="B64" s="15">
        <v>11</v>
      </c>
      <c r="C64" s="16">
        <v>9</v>
      </c>
      <c r="D64" s="17">
        <v>20</v>
      </c>
    </row>
    <row r="65" spans="1:4" ht="18" customHeight="1" x14ac:dyDescent="0.2">
      <c r="A65" s="18" t="s">
        <v>76</v>
      </c>
      <c r="B65" s="15">
        <v>46</v>
      </c>
      <c r="C65" s="16">
        <v>45</v>
      </c>
      <c r="D65" s="17">
        <v>91</v>
      </c>
    </row>
    <row r="66" spans="1:4" ht="18" customHeight="1" x14ac:dyDescent="0.2">
      <c r="A66" s="14">
        <v>50</v>
      </c>
      <c r="B66" s="15">
        <v>7</v>
      </c>
      <c r="C66" s="16">
        <v>7</v>
      </c>
      <c r="D66" s="17">
        <v>14</v>
      </c>
    </row>
    <row r="67" spans="1:4" ht="18" customHeight="1" x14ac:dyDescent="0.2">
      <c r="A67" s="14">
        <v>51</v>
      </c>
      <c r="B67" s="15">
        <v>7</v>
      </c>
      <c r="C67" s="16">
        <v>12</v>
      </c>
      <c r="D67" s="17">
        <v>19</v>
      </c>
    </row>
    <row r="68" spans="1:4" ht="18" customHeight="1" x14ac:dyDescent="0.2">
      <c r="A68" s="14">
        <v>52</v>
      </c>
      <c r="B68" s="15">
        <v>13</v>
      </c>
      <c r="C68" s="16">
        <v>12</v>
      </c>
      <c r="D68" s="17">
        <v>25</v>
      </c>
    </row>
    <row r="69" spans="1:4" ht="18" customHeight="1" x14ac:dyDescent="0.2">
      <c r="A69" s="14">
        <v>53</v>
      </c>
      <c r="B69" s="15">
        <v>6</v>
      </c>
      <c r="C69" s="16">
        <v>10</v>
      </c>
      <c r="D69" s="17">
        <v>16</v>
      </c>
    </row>
    <row r="70" spans="1:4" ht="18" customHeight="1" x14ac:dyDescent="0.2">
      <c r="A70" s="14">
        <v>54</v>
      </c>
      <c r="B70" s="15">
        <v>7</v>
      </c>
      <c r="C70" s="16">
        <v>10</v>
      </c>
      <c r="D70" s="17">
        <v>17</v>
      </c>
    </row>
    <row r="71" spans="1:4" ht="18" customHeight="1" x14ac:dyDescent="0.2">
      <c r="A71" s="18" t="s">
        <v>77</v>
      </c>
      <c r="B71" s="15">
        <v>40</v>
      </c>
      <c r="C71" s="16">
        <v>51</v>
      </c>
      <c r="D71" s="17">
        <v>91</v>
      </c>
    </row>
    <row r="72" spans="1:4" ht="18" customHeight="1" x14ac:dyDescent="0.2">
      <c r="A72" s="14">
        <v>55</v>
      </c>
      <c r="B72" s="15">
        <v>6</v>
      </c>
      <c r="C72" s="16">
        <v>13</v>
      </c>
      <c r="D72" s="17">
        <v>19</v>
      </c>
    </row>
    <row r="73" spans="1:4" ht="18" customHeight="1" x14ac:dyDescent="0.2">
      <c r="A73" s="14">
        <v>56</v>
      </c>
      <c r="B73" s="15">
        <v>12</v>
      </c>
      <c r="C73" s="16">
        <v>15</v>
      </c>
      <c r="D73" s="17">
        <v>27</v>
      </c>
    </row>
    <row r="74" spans="1:4" ht="18" customHeight="1" x14ac:dyDescent="0.2">
      <c r="A74" s="14">
        <v>57</v>
      </c>
      <c r="B74" s="15">
        <v>14</v>
      </c>
      <c r="C74" s="16">
        <v>15</v>
      </c>
      <c r="D74" s="17">
        <v>29</v>
      </c>
    </row>
    <row r="75" spans="1:4" ht="18" customHeight="1" x14ac:dyDescent="0.2">
      <c r="A75" s="14">
        <v>58</v>
      </c>
      <c r="B75" s="15">
        <v>12</v>
      </c>
      <c r="C75" s="16">
        <v>12</v>
      </c>
      <c r="D75" s="17">
        <v>24</v>
      </c>
    </row>
    <row r="76" spans="1:4" ht="18" customHeight="1" x14ac:dyDescent="0.2">
      <c r="A76" s="14">
        <v>59</v>
      </c>
      <c r="B76" s="15">
        <v>19</v>
      </c>
      <c r="C76" s="16">
        <v>14</v>
      </c>
      <c r="D76" s="17">
        <v>33</v>
      </c>
    </row>
    <row r="77" spans="1:4" ht="18" customHeight="1" x14ac:dyDescent="0.2">
      <c r="A77" s="18" t="s">
        <v>78</v>
      </c>
      <c r="B77" s="15">
        <v>63</v>
      </c>
      <c r="C77" s="16">
        <v>69</v>
      </c>
      <c r="D77" s="17">
        <v>132</v>
      </c>
    </row>
    <row r="78" spans="1:4" ht="18" customHeight="1" x14ac:dyDescent="0.2">
      <c r="A78" s="14">
        <v>60</v>
      </c>
      <c r="B78" s="15">
        <v>12</v>
      </c>
      <c r="C78" s="16">
        <v>16</v>
      </c>
      <c r="D78" s="17">
        <v>28</v>
      </c>
    </row>
    <row r="79" spans="1:4" ht="18" customHeight="1" x14ac:dyDescent="0.2">
      <c r="A79" s="14">
        <v>61</v>
      </c>
      <c r="B79" s="15">
        <v>16</v>
      </c>
      <c r="C79" s="16">
        <v>12</v>
      </c>
      <c r="D79" s="17">
        <v>28</v>
      </c>
    </row>
    <row r="80" spans="1:4" ht="18" customHeight="1" x14ac:dyDescent="0.2">
      <c r="A80" s="14">
        <v>62</v>
      </c>
      <c r="B80" s="15">
        <v>13</v>
      </c>
      <c r="C80" s="16">
        <v>20</v>
      </c>
      <c r="D80" s="17">
        <v>33</v>
      </c>
    </row>
    <row r="81" spans="1:4" ht="18" customHeight="1" x14ac:dyDescent="0.2">
      <c r="A81" s="14">
        <v>63</v>
      </c>
      <c r="B81" s="15">
        <v>8</v>
      </c>
      <c r="C81" s="16">
        <v>11</v>
      </c>
      <c r="D81" s="17">
        <v>19</v>
      </c>
    </row>
    <row r="82" spans="1:4" ht="18" customHeight="1" x14ac:dyDescent="0.2">
      <c r="A82" s="14">
        <v>64</v>
      </c>
      <c r="B82" s="15">
        <v>10</v>
      </c>
      <c r="C82" s="16">
        <v>20</v>
      </c>
      <c r="D82" s="17">
        <v>30</v>
      </c>
    </row>
    <row r="83" spans="1:4" ht="18" customHeight="1" x14ac:dyDescent="0.2">
      <c r="A83" s="18" t="s">
        <v>79</v>
      </c>
      <c r="B83" s="15">
        <v>59</v>
      </c>
      <c r="C83" s="16">
        <v>79</v>
      </c>
      <c r="D83" s="17">
        <v>138</v>
      </c>
    </row>
    <row r="84" spans="1:4" ht="18" customHeight="1" x14ac:dyDescent="0.2">
      <c r="A84" s="18" t="s">
        <v>80</v>
      </c>
      <c r="B84" s="15">
        <v>446</v>
      </c>
      <c r="C84" s="16">
        <v>477</v>
      </c>
      <c r="D84" s="17">
        <v>923</v>
      </c>
    </row>
    <row r="85" spans="1:4" ht="18" customHeight="1" x14ac:dyDescent="0.2">
      <c r="A85" s="14">
        <v>65</v>
      </c>
      <c r="B85" s="15">
        <v>11</v>
      </c>
      <c r="C85" s="16">
        <v>13</v>
      </c>
      <c r="D85" s="17">
        <v>24</v>
      </c>
    </row>
    <row r="86" spans="1:4" ht="18" customHeight="1" x14ac:dyDescent="0.2">
      <c r="A86" s="14">
        <v>66</v>
      </c>
      <c r="B86" s="15">
        <v>16</v>
      </c>
      <c r="C86" s="16">
        <v>19</v>
      </c>
      <c r="D86" s="17">
        <v>35</v>
      </c>
    </row>
    <row r="87" spans="1:4" ht="18" customHeight="1" x14ac:dyDescent="0.2">
      <c r="A87" s="14">
        <v>67</v>
      </c>
      <c r="B87" s="15">
        <v>11</v>
      </c>
      <c r="C87" s="16">
        <v>22</v>
      </c>
      <c r="D87" s="17">
        <v>33</v>
      </c>
    </row>
    <row r="88" spans="1:4" ht="18" customHeight="1" x14ac:dyDescent="0.2">
      <c r="A88" s="14">
        <v>68</v>
      </c>
      <c r="B88" s="15">
        <v>9</v>
      </c>
      <c r="C88" s="16">
        <v>21</v>
      </c>
      <c r="D88" s="17">
        <v>30</v>
      </c>
    </row>
    <row r="89" spans="1:4" ht="18" customHeight="1" x14ac:dyDescent="0.2">
      <c r="A89" s="14">
        <v>69</v>
      </c>
      <c r="B89" s="15">
        <v>16</v>
      </c>
      <c r="C89" s="16">
        <v>18</v>
      </c>
      <c r="D89" s="17">
        <v>34</v>
      </c>
    </row>
    <row r="90" spans="1:4" ht="18" customHeight="1" x14ac:dyDescent="0.2">
      <c r="A90" s="18" t="s">
        <v>81</v>
      </c>
      <c r="B90" s="15">
        <v>63</v>
      </c>
      <c r="C90" s="16">
        <v>93</v>
      </c>
      <c r="D90" s="17">
        <v>156</v>
      </c>
    </row>
    <row r="91" spans="1:4" ht="18" customHeight="1" x14ac:dyDescent="0.2">
      <c r="A91" s="14">
        <v>70</v>
      </c>
      <c r="B91" s="15">
        <v>13</v>
      </c>
      <c r="C91" s="16">
        <v>10</v>
      </c>
      <c r="D91" s="17">
        <v>23</v>
      </c>
    </row>
    <row r="92" spans="1:4" ht="18" customHeight="1" x14ac:dyDescent="0.2">
      <c r="A92" s="14">
        <v>71</v>
      </c>
      <c r="B92" s="15">
        <v>14</v>
      </c>
      <c r="C92" s="16">
        <v>13</v>
      </c>
      <c r="D92" s="17">
        <v>27</v>
      </c>
    </row>
    <row r="93" spans="1:4" ht="18" customHeight="1" x14ac:dyDescent="0.2">
      <c r="A93" s="14">
        <v>72</v>
      </c>
      <c r="B93" s="15">
        <v>17</v>
      </c>
      <c r="C93" s="16">
        <v>11</v>
      </c>
      <c r="D93" s="17">
        <v>28</v>
      </c>
    </row>
    <row r="94" spans="1:4" ht="18" customHeight="1" x14ac:dyDescent="0.2">
      <c r="A94" s="14">
        <v>73</v>
      </c>
      <c r="B94" s="15">
        <v>9</v>
      </c>
      <c r="C94" s="16">
        <v>13</v>
      </c>
      <c r="D94" s="17">
        <v>22</v>
      </c>
    </row>
    <row r="95" spans="1:4" ht="18" customHeight="1" x14ac:dyDescent="0.2">
      <c r="A95" s="14">
        <v>74</v>
      </c>
      <c r="B95" s="15">
        <v>5</v>
      </c>
      <c r="C95" s="16">
        <v>11</v>
      </c>
      <c r="D95" s="17">
        <v>16</v>
      </c>
    </row>
    <row r="96" spans="1:4" ht="18" customHeight="1" x14ac:dyDescent="0.2">
      <c r="A96" s="18" t="s">
        <v>82</v>
      </c>
      <c r="B96" s="15">
        <v>58</v>
      </c>
      <c r="C96" s="16">
        <v>58</v>
      </c>
      <c r="D96" s="17">
        <v>116</v>
      </c>
    </row>
    <row r="97" spans="1:4" ht="18" customHeight="1" x14ac:dyDescent="0.2">
      <c r="A97" s="14">
        <v>75</v>
      </c>
      <c r="B97" s="15">
        <v>13</v>
      </c>
      <c r="C97" s="16">
        <v>13</v>
      </c>
      <c r="D97" s="17">
        <v>26</v>
      </c>
    </row>
    <row r="98" spans="1:4" ht="18" customHeight="1" x14ac:dyDescent="0.2">
      <c r="A98" s="14">
        <v>76</v>
      </c>
      <c r="B98" s="15">
        <v>6</v>
      </c>
      <c r="C98" s="16">
        <v>13</v>
      </c>
      <c r="D98" s="17">
        <v>19</v>
      </c>
    </row>
    <row r="99" spans="1:4" ht="18" customHeight="1" x14ac:dyDescent="0.2">
      <c r="A99" s="14">
        <v>77</v>
      </c>
      <c r="B99" s="15">
        <v>10</v>
      </c>
      <c r="C99" s="16">
        <v>12</v>
      </c>
      <c r="D99" s="17">
        <v>22</v>
      </c>
    </row>
    <row r="100" spans="1:4" ht="18" customHeight="1" x14ac:dyDescent="0.2">
      <c r="A100" s="14">
        <v>78</v>
      </c>
      <c r="B100" s="15">
        <v>11</v>
      </c>
      <c r="C100" s="16">
        <v>6</v>
      </c>
      <c r="D100" s="17">
        <v>17</v>
      </c>
    </row>
    <row r="101" spans="1:4" ht="18" customHeight="1" x14ac:dyDescent="0.2">
      <c r="A101" s="14">
        <v>79</v>
      </c>
      <c r="B101" s="15">
        <v>11</v>
      </c>
      <c r="C101" s="16">
        <v>16</v>
      </c>
      <c r="D101" s="17">
        <v>27</v>
      </c>
    </row>
    <row r="102" spans="1:4" ht="18" customHeight="1" x14ac:dyDescent="0.2">
      <c r="A102" s="18" t="s">
        <v>83</v>
      </c>
      <c r="B102" s="15">
        <v>51</v>
      </c>
      <c r="C102" s="16">
        <v>60</v>
      </c>
      <c r="D102" s="17">
        <v>111</v>
      </c>
    </row>
    <row r="103" spans="1:4" ht="18" customHeight="1" x14ac:dyDescent="0.2">
      <c r="A103" s="14">
        <v>80</v>
      </c>
      <c r="B103" s="15">
        <v>7</v>
      </c>
      <c r="C103" s="16">
        <v>12</v>
      </c>
      <c r="D103" s="17">
        <v>19</v>
      </c>
    </row>
    <row r="104" spans="1:4" ht="18" customHeight="1" x14ac:dyDescent="0.2">
      <c r="A104" s="14">
        <v>81</v>
      </c>
      <c r="B104" s="15">
        <v>3</v>
      </c>
      <c r="C104" s="16">
        <v>12</v>
      </c>
      <c r="D104" s="17">
        <v>15</v>
      </c>
    </row>
    <row r="105" spans="1:4" ht="18" customHeight="1" x14ac:dyDescent="0.2">
      <c r="A105" s="14">
        <v>82</v>
      </c>
      <c r="B105" s="15">
        <v>4</v>
      </c>
      <c r="C105" s="16">
        <v>8</v>
      </c>
      <c r="D105" s="17">
        <v>12</v>
      </c>
    </row>
    <row r="106" spans="1:4" ht="18" customHeight="1" x14ac:dyDescent="0.2">
      <c r="A106" s="14">
        <v>83</v>
      </c>
      <c r="B106" s="15">
        <v>5</v>
      </c>
      <c r="C106" s="16">
        <v>8</v>
      </c>
      <c r="D106" s="17">
        <v>13</v>
      </c>
    </row>
    <row r="107" spans="1:4" ht="18" customHeight="1" x14ac:dyDescent="0.2">
      <c r="A107" s="14">
        <v>84</v>
      </c>
      <c r="B107" s="15">
        <v>4</v>
      </c>
      <c r="C107" s="16">
        <v>9</v>
      </c>
      <c r="D107" s="17">
        <v>13</v>
      </c>
    </row>
    <row r="108" spans="1:4" ht="18" customHeight="1" x14ac:dyDescent="0.2">
      <c r="A108" s="18" t="s">
        <v>84</v>
      </c>
      <c r="B108" s="15">
        <v>23</v>
      </c>
      <c r="C108" s="16">
        <v>49</v>
      </c>
      <c r="D108" s="17">
        <v>72</v>
      </c>
    </row>
    <row r="109" spans="1:4" ht="18" customHeight="1" x14ac:dyDescent="0.2">
      <c r="A109" s="14">
        <v>85</v>
      </c>
      <c r="B109" s="15">
        <v>5</v>
      </c>
      <c r="C109" s="16">
        <v>12</v>
      </c>
      <c r="D109" s="17">
        <v>17</v>
      </c>
    </row>
    <row r="110" spans="1:4" ht="18" customHeight="1" x14ac:dyDescent="0.2">
      <c r="A110" s="14">
        <v>86</v>
      </c>
      <c r="B110" s="15">
        <v>1</v>
      </c>
      <c r="C110" s="16">
        <v>7</v>
      </c>
      <c r="D110" s="17">
        <v>8</v>
      </c>
    </row>
    <row r="111" spans="1:4" ht="18" customHeight="1" x14ac:dyDescent="0.2">
      <c r="A111" s="14">
        <v>87</v>
      </c>
      <c r="B111" s="15">
        <v>1</v>
      </c>
      <c r="C111" s="16">
        <v>9</v>
      </c>
      <c r="D111" s="17">
        <v>10</v>
      </c>
    </row>
    <row r="112" spans="1:4" ht="18" customHeight="1" x14ac:dyDescent="0.2">
      <c r="A112" s="14">
        <v>88</v>
      </c>
      <c r="B112" s="15">
        <v>1</v>
      </c>
      <c r="C112" s="16">
        <v>5</v>
      </c>
      <c r="D112" s="17">
        <v>6</v>
      </c>
    </row>
    <row r="113" spans="1:4" ht="18" customHeight="1" x14ac:dyDescent="0.2">
      <c r="A113" s="14">
        <v>89</v>
      </c>
      <c r="B113" s="15">
        <v>2</v>
      </c>
      <c r="C113" s="16">
        <v>6</v>
      </c>
      <c r="D113" s="17">
        <v>8</v>
      </c>
    </row>
    <row r="114" spans="1:4" ht="18" customHeight="1" x14ac:dyDescent="0.2">
      <c r="A114" s="18" t="s">
        <v>85</v>
      </c>
      <c r="B114" s="15">
        <v>10</v>
      </c>
      <c r="C114" s="16">
        <v>39</v>
      </c>
      <c r="D114" s="17">
        <v>49</v>
      </c>
    </row>
    <row r="115" spans="1:4" ht="18" customHeight="1" x14ac:dyDescent="0.2">
      <c r="A115" s="14">
        <v>90</v>
      </c>
      <c r="B115" s="15">
        <v>0</v>
      </c>
      <c r="C115" s="16">
        <v>5</v>
      </c>
      <c r="D115" s="17">
        <v>5</v>
      </c>
    </row>
    <row r="116" spans="1:4" ht="18" customHeight="1" x14ac:dyDescent="0.2">
      <c r="A116" s="14">
        <v>91</v>
      </c>
      <c r="B116" s="15">
        <v>1</v>
      </c>
      <c r="C116" s="16">
        <v>3</v>
      </c>
      <c r="D116" s="17">
        <v>4</v>
      </c>
    </row>
    <row r="117" spans="1:4" ht="18" customHeight="1" x14ac:dyDescent="0.2">
      <c r="A117" s="14">
        <v>92</v>
      </c>
      <c r="B117" s="15">
        <v>0</v>
      </c>
      <c r="C117" s="16">
        <v>6</v>
      </c>
      <c r="D117" s="17">
        <v>6</v>
      </c>
    </row>
    <row r="118" spans="1:4" ht="18" customHeight="1" x14ac:dyDescent="0.2">
      <c r="A118" s="14">
        <v>93</v>
      </c>
      <c r="B118" s="15">
        <v>0</v>
      </c>
      <c r="C118" s="16">
        <v>3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86</v>
      </c>
      <c r="B120" s="15">
        <v>1</v>
      </c>
      <c r="C120" s="16">
        <v>20</v>
      </c>
      <c r="D120" s="17">
        <v>21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0</v>
      </c>
      <c r="C126" s="16">
        <v>7</v>
      </c>
      <c r="D126" s="17">
        <v>7</v>
      </c>
    </row>
    <row r="127" spans="1:4" ht="18" customHeight="1" x14ac:dyDescent="0.2">
      <c r="A127" s="14">
        <v>100</v>
      </c>
      <c r="B127" s="15">
        <v>1</v>
      </c>
      <c r="C127" s="16">
        <v>3</v>
      </c>
      <c r="D127" s="17">
        <v>4</v>
      </c>
    </row>
    <row r="128" spans="1:4" ht="18" customHeight="1" x14ac:dyDescent="0.2">
      <c r="A128" s="19" t="s">
        <v>88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89</v>
      </c>
      <c r="B129" s="15">
        <v>2</v>
      </c>
      <c r="C129" s="16">
        <v>4</v>
      </c>
      <c r="D129" s="17">
        <v>6</v>
      </c>
    </row>
    <row r="130" spans="1:4" ht="18" customHeight="1" x14ac:dyDescent="0.2">
      <c r="A130" s="18" t="s">
        <v>90</v>
      </c>
      <c r="B130" s="4">
        <v>208</v>
      </c>
      <c r="C130" s="5">
        <v>330</v>
      </c>
      <c r="D130" s="6">
        <v>538</v>
      </c>
    </row>
    <row r="131" spans="1:4" ht="18" customHeight="1" x14ac:dyDescent="0.2">
      <c r="A131" s="20" t="s">
        <v>65</v>
      </c>
      <c r="B131" s="7">
        <v>731</v>
      </c>
      <c r="C131" s="8">
        <v>881</v>
      </c>
      <c r="D131" s="9">
        <v>161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56</v>
      </c>
      <c r="C5" s="12">
        <v>59</v>
      </c>
      <c r="D5" s="13">
        <v>115</v>
      </c>
    </row>
    <row r="6" spans="1:4" ht="18" customHeight="1" x14ac:dyDescent="0.2">
      <c r="A6" s="14">
        <v>1</v>
      </c>
      <c r="B6" s="15">
        <v>57</v>
      </c>
      <c r="C6" s="16">
        <v>58</v>
      </c>
      <c r="D6" s="17">
        <v>115</v>
      </c>
    </row>
    <row r="7" spans="1:4" ht="18" customHeight="1" x14ac:dyDescent="0.2">
      <c r="A7" s="14">
        <v>2</v>
      </c>
      <c r="B7" s="15">
        <v>60</v>
      </c>
      <c r="C7" s="16">
        <v>64</v>
      </c>
      <c r="D7" s="17">
        <v>124</v>
      </c>
    </row>
    <row r="8" spans="1:4" ht="18" customHeight="1" x14ac:dyDescent="0.2">
      <c r="A8" s="14">
        <v>3</v>
      </c>
      <c r="B8" s="15">
        <v>50</v>
      </c>
      <c r="C8" s="16">
        <v>54</v>
      </c>
      <c r="D8" s="17">
        <v>104</v>
      </c>
    </row>
    <row r="9" spans="1:4" ht="18" customHeight="1" x14ac:dyDescent="0.2">
      <c r="A9" s="14">
        <v>4</v>
      </c>
      <c r="B9" s="15">
        <v>67</v>
      </c>
      <c r="C9" s="16">
        <v>54</v>
      </c>
      <c r="D9" s="17">
        <v>121</v>
      </c>
    </row>
    <row r="10" spans="1:4" ht="18" customHeight="1" x14ac:dyDescent="0.2">
      <c r="A10" s="18" t="s">
        <v>66</v>
      </c>
      <c r="B10" s="15">
        <v>290</v>
      </c>
      <c r="C10" s="16">
        <v>289</v>
      </c>
      <c r="D10" s="17">
        <v>579</v>
      </c>
    </row>
    <row r="11" spans="1:4" ht="18" customHeight="1" x14ac:dyDescent="0.2">
      <c r="A11" s="14">
        <v>5</v>
      </c>
      <c r="B11" s="15">
        <v>53</v>
      </c>
      <c r="C11" s="16">
        <v>65</v>
      </c>
      <c r="D11" s="17">
        <v>118</v>
      </c>
    </row>
    <row r="12" spans="1:4" ht="18" customHeight="1" x14ac:dyDescent="0.2">
      <c r="A12" s="14">
        <v>6</v>
      </c>
      <c r="B12" s="15">
        <v>52</v>
      </c>
      <c r="C12" s="16">
        <v>57</v>
      </c>
      <c r="D12" s="17">
        <v>109</v>
      </c>
    </row>
    <row r="13" spans="1:4" ht="18" customHeight="1" x14ac:dyDescent="0.2">
      <c r="A13" s="14">
        <v>7</v>
      </c>
      <c r="B13" s="15">
        <v>57</v>
      </c>
      <c r="C13" s="16">
        <v>50</v>
      </c>
      <c r="D13" s="17">
        <v>107</v>
      </c>
    </row>
    <row r="14" spans="1:4" ht="18" customHeight="1" x14ac:dyDescent="0.2">
      <c r="A14" s="14">
        <v>8</v>
      </c>
      <c r="B14" s="15">
        <v>60</v>
      </c>
      <c r="C14" s="16">
        <v>56</v>
      </c>
      <c r="D14" s="17">
        <v>116</v>
      </c>
    </row>
    <row r="15" spans="1:4" ht="18" customHeight="1" x14ac:dyDescent="0.2">
      <c r="A15" s="14">
        <v>9</v>
      </c>
      <c r="B15" s="15">
        <v>71</v>
      </c>
      <c r="C15" s="16">
        <v>57</v>
      </c>
      <c r="D15" s="17">
        <v>128</v>
      </c>
    </row>
    <row r="16" spans="1:4" ht="18" customHeight="1" x14ac:dyDescent="0.2">
      <c r="A16" s="18" t="s">
        <v>67</v>
      </c>
      <c r="B16" s="15">
        <v>293</v>
      </c>
      <c r="C16" s="16">
        <v>285</v>
      </c>
      <c r="D16" s="17">
        <v>578</v>
      </c>
    </row>
    <row r="17" spans="1:4" ht="18" customHeight="1" x14ac:dyDescent="0.2">
      <c r="A17" s="14">
        <v>10</v>
      </c>
      <c r="B17" s="15">
        <v>56</v>
      </c>
      <c r="C17" s="16">
        <v>41</v>
      </c>
      <c r="D17" s="17">
        <v>97</v>
      </c>
    </row>
    <row r="18" spans="1:4" ht="18" customHeight="1" x14ac:dyDescent="0.2">
      <c r="A18" s="14">
        <v>11</v>
      </c>
      <c r="B18" s="15">
        <v>71</v>
      </c>
      <c r="C18" s="16">
        <v>62</v>
      </c>
      <c r="D18" s="17">
        <v>133</v>
      </c>
    </row>
    <row r="19" spans="1:4" ht="18" customHeight="1" x14ac:dyDescent="0.2">
      <c r="A19" s="14">
        <v>12</v>
      </c>
      <c r="B19" s="15">
        <v>60</v>
      </c>
      <c r="C19" s="16">
        <v>53</v>
      </c>
      <c r="D19" s="17">
        <v>113</v>
      </c>
    </row>
    <row r="20" spans="1:4" ht="18" customHeight="1" x14ac:dyDescent="0.2">
      <c r="A20" s="14">
        <v>13</v>
      </c>
      <c r="B20" s="15">
        <v>41</v>
      </c>
      <c r="C20" s="16">
        <v>43</v>
      </c>
      <c r="D20" s="17">
        <v>84</v>
      </c>
    </row>
    <row r="21" spans="1:4" ht="18" customHeight="1" x14ac:dyDescent="0.2">
      <c r="A21" s="14">
        <v>14</v>
      </c>
      <c r="B21" s="15">
        <v>47</v>
      </c>
      <c r="C21" s="16">
        <v>44</v>
      </c>
      <c r="D21" s="17">
        <v>91</v>
      </c>
    </row>
    <row r="22" spans="1:4" ht="18" customHeight="1" x14ac:dyDescent="0.2">
      <c r="A22" s="18" t="s">
        <v>68</v>
      </c>
      <c r="B22" s="15">
        <v>275</v>
      </c>
      <c r="C22" s="16">
        <v>243</v>
      </c>
      <c r="D22" s="17">
        <v>518</v>
      </c>
    </row>
    <row r="23" spans="1:4" ht="18" customHeight="1" x14ac:dyDescent="0.2">
      <c r="A23" s="18" t="s">
        <v>69</v>
      </c>
      <c r="B23" s="15">
        <v>858</v>
      </c>
      <c r="C23" s="16">
        <v>817</v>
      </c>
      <c r="D23" s="17">
        <v>1675</v>
      </c>
    </row>
    <row r="24" spans="1:4" ht="18" customHeight="1" x14ac:dyDescent="0.2">
      <c r="A24" s="14">
        <v>15</v>
      </c>
      <c r="B24" s="15">
        <v>39</v>
      </c>
      <c r="C24" s="16">
        <v>38</v>
      </c>
      <c r="D24" s="17">
        <v>77</v>
      </c>
    </row>
    <row r="25" spans="1:4" ht="18" customHeight="1" x14ac:dyDescent="0.2">
      <c r="A25" s="14">
        <v>16</v>
      </c>
      <c r="B25" s="15">
        <v>45</v>
      </c>
      <c r="C25" s="16">
        <v>47</v>
      </c>
      <c r="D25" s="17">
        <v>92</v>
      </c>
    </row>
    <row r="26" spans="1:4" ht="18" customHeight="1" x14ac:dyDescent="0.2">
      <c r="A26" s="14">
        <v>17</v>
      </c>
      <c r="B26" s="15">
        <v>31</v>
      </c>
      <c r="C26" s="16">
        <v>32</v>
      </c>
      <c r="D26" s="17">
        <v>63</v>
      </c>
    </row>
    <row r="27" spans="1:4" ht="18" customHeight="1" x14ac:dyDescent="0.2">
      <c r="A27" s="14">
        <v>18</v>
      </c>
      <c r="B27" s="15">
        <v>32</v>
      </c>
      <c r="C27" s="16">
        <v>23</v>
      </c>
      <c r="D27" s="17">
        <v>55</v>
      </c>
    </row>
    <row r="28" spans="1:4" ht="18" customHeight="1" x14ac:dyDescent="0.2">
      <c r="A28" s="14">
        <v>19</v>
      </c>
      <c r="B28" s="15">
        <v>36</v>
      </c>
      <c r="C28" s="16">
        <v>31</v>
      </c>
      <c r="D28" s="17">
        <v>67</v>
      </c>
    </row>
    <row r="29" spans="1:4" ht="18" customHeight="1" x14ac:dyDescent="0.2">
      <c r="A29" s="18" t="s">
        <v>70</v>
      </c>
      <c r="B29" s="15">
        <v>183</v>
      </c>
      <c r="C29" s="16">
        <v>171</v>
      </c>
      <c r="D29" s="17">
        <v>354</v>
      </c>
    </row>
    <row r="30" spans="1:4" ht="18" customHeight="1" x14ac:dyDescent="0.2">
      <c r="A30" s="14">
        <v>20</v>
      </c>
      <c r="B30" s="15">
        <v>28</v>
      </c>
      <c r="C30" s="16">
        <v>33</v>
      </c>
      <c r="D30" s="17">
        <v>61</v>
      </c>
    </row>
    <row r="31" spans="1:4" ht="18" customHeight="1" x14ac:dyDescent="0.2">
      <c r="A31" s="14">
        <v>21</v>
      </c>
      <c r="B31" s="15">
        <v>33</v>
      </c>
      <c r="C31" s="16">
        <v>28</v>
      </c>
      <c r="D31" s="17">
        <v>61</v>
      </c>
    </row>
    <row r="32" spans="1:4" ht="18" customHeight="1" x14ac:dyDescent="0.2">
      <c r="A32" s="14">
        <v>22</v>
      </c>
      <c r="B32" s="15">
        <v>29</v>
      </c>
      <c r="C32" s="16">
        <v>25</v>
      </c>
      <c r="D32" s="17">
        <v>54</v>
      </c>
    </row>
    <row r="33" spans="1:4" ht="18" customHeight="1" x14ac:dyDescent="0.2">
      <c r="A33" s="14">
        <v>23</v>
      </c>
      <c r="B33" s="15">
        <v>48</v>
      </c>
      <c r="C33" s="16">
        <v>34</v>
      </c>
      <c r="D33" s="17">
        <v>82</v>
      </c>
    </row>
    <row r="34" spans="1:4" ht="18" customHeight="1" x14ac:dyDescent="0.2">
      <c r="A34" s="14">
        <v>24</v>
      </c>
      <c r="B34" s="15">
        <v>48</v>
      </c>
      <c r="C34" s="16">
        <v>35</v>
      </c>
      <c r="D34" s="17">
        <v>83</v>
      </c>
    </row>
    <row r="35" spans="1:4" ht="18" customHeight="1" x14ac:dyDescent="0.2">
      <c r="A35" s="18" t="s">
        <v>71</v>
      </c>
      <c r="B35" s="15">
        <v>186</v>
      </c>
      <c r="C35" s="16">
        <v>155</v>
      </c>
      <c r="D35" s="17">
        <v>341</v>
      </c>
    </row>
    <row r="36" spans="1:4" ht="18" customHeight="1" x14ac:dyDescent="0.2">
      <c r="A36" s="14">
        <v>25</v>
      </c>
      <c r="B36" s="15">
        <v>48</v>
      </c>
      <c r="C36" s="16">
        <v>43</v>
      </c>
      <c r="D36" s="17">
        <v>91</v>
      </c>
    </row>
    <row r="37" spans="1:4" ht="18" customHeight="1" x14ac:dyDescent="0.2">
      <c r="A37" s="14">
        <v>26</v>
      </c>
      <c r="B37" s="15">
        <v>50</v>
      </c>
      <c r="C37" s="16">
        <v>60</v>
      </c>
      <c r="D37" s="17">
        <v>110</v>
      </c>
    </row>
    <row r="38" spans="1:4" ht="18" customHeight="1" x14ac:dyDescent="0.2">
      <c r="A38" s="14">
        <v>27</v>
      </c>
      <c r="B38" s="15">
        <v>56</v>
      </c>
      <c r="C38" s="16">
        <v>69</v>
      </c>
      <c r="D38" s="17">
        <v>125</v>
      </c>
    </row>
    <row r="39" spans="1:4" ht="18" customHeight="1" x14ac:dyDescent="0.2">
      <c r="A39" s="14">
        <v>28</v>
      </c>
      <c r="B39" s="15">
        <v>51</v>
      </c>
      <c r="C39" s="16">
        <v>59</v>
      </c>
      <c r="D39" s="17">
        <v>110</v>
      </c>
    </row>
    <row r="40" spans="1:4" ht="18" customHeight="1" x14ac:dyDescent="0.2">
      <c r="A40" s="14">
        <v>29</v>
      </c>
      <c r="B40" s="15">
        <v>66</v>
      </c>
      <c r="C40" s="16">
        <v>63</v>
      </c>
      <c r="D40" s="17">
        <v>129</v>
      </c>
    </row>
    <row r="41" spans="1:4" ht="18" customHeight="1" x14ac:dyDescent="0.2">
      <c r="A41" s="18" t="s">
        <v>72</v>
      </c>
      <c r="B41" s="15">
        <v>271</v>
      </c>
      <c r="C41" s="16">
        <v>294</v>
      </c>
      <c r="D41" s="17">
        <v>565</v>
      </c>
    </row>
    <row r="42" spans="1:4" ht="18" customHeight="1" x14ac:dyDescent="0.2">
      <c r="A42" s="14">
        <v>30</v>
      </c>
      <c r="B42" s="15">
        <v>75</v>
      </c>
      <c r="C42" s="16">
        <v>63</v>
      </c>
      <c r="D42" s="17">
        <v>138</v>
      </c>
    </row>
    <row r="43" spans="1:4" ht="18" customHeight="1" x14ac:dyDescent="0.2">
      <c r="A43" s="14">
        <v>31</v>
      </c>
      <c r="B43" s="15">
        <v>81</v>
      </c>
      <c r="C43" s="16">
        <v>76</v>
      </c>
      <c r="D43" s="17">
        <v>157</v>
      </c>
    </row>
    <row r="44" spans="1:4" ht="18" customHeight="1" x14ac:dyDescent="0.2">
      <c r="A44" s="14">
        <v>32</v>
      </c>
      <c r="B44" s="15">
        <v>81</v>
      </c>
      <c r="C44" s="16">
        <v>83</v>
      </c>
      <c r="D44" s="17">
        <v>164</v>
      </c>
    </row>
    <row r="45" spans="1:4" ht="18" customHeight="1" x14ac:dyDescent="0.2">
      <c r="A45" s="14">
        <v>33</v>
      </c>
      <c r="B45" s="15">
        <v>71</v>
      </c>
      <c r="C45" s="16">
        <v>81</v>
      </c>
      <c r="D45" s="17">
        <v>152</v>
      </c>
    </row>
    <row r="46" spans="1:4" ht="18" customHeight="1" x14ac:dyDescent="0.2">
      <c r="A46" s="14">
        <v>34</v>
      </c>
      <c r="B46" s="15">
        <v>95</v>
      </c>
      <c r="C46" s="16">
        <v>84</v>
      </c>
      <c r="D46" s="17">
        <v>179</v>
      </c>
    </row>
    <row r="47" spans="1:4" ht="18" customHeight="1" x14ac:dyDescent="0.2">
      <c r="A47" s="18" t="s">
        <v>73</v>
      </c>
      <c r="B47" s="15">
        <v>403</v>
      </c>
      <c r="C47" s="16">
        <v>387</v>
      </c>
      <c r="D47" s="17">
        <v>790</v>
      </c>
    </row>
    <row r="48" spans="1:4" ht="18" customHeight="1" x14ac:dyDescent="0.2">
      <c r="A48" s="14">
        <v>35</v>
      </c>
      <c r="B48" s="15">
        <v>79</v>
      </c>
      <c r="C48" s="16">
        <v>104</v>
      </c>
      <c r="D48" s="17">
        <v>183</v>
      </c>
    </row>
    <row r="49" spans="1:4" ht="18" customHeight="1" x14ac:dyDescent="0.2">
      <c r="A49" s="14">
        <v>36</v>
      </c>
      <c r="B49" s="15">
        <v>90</v>
      </c>
      <c r="C49" s="16">
        <v>105</v>
      </c>
      <c r="D49" s="17">
        <v>195</v>
      </c>
    </row>
    <row r="50" spans="1:4" ht="18" customHeight="1" x14ac:dyDescent="0.2">
      <c r="A50" s="14">
        <v>37</v>
      </c>
      <c r="B50" s="15">
        <v>94</v>
      </c>
      <c r="C50" s="16">
        <v>90</v>
      </c>
      <c r="D50" s="17">
        <v>184</v>
      </c>
    </row>
    <row r="51" spans="1:4" ht="18" customHeight="1" x14ac:dyDescent="0.2">
      <c r="A51" s="14">
        <v>38</v>
      </c>
      <c r="B51" s="15">
        <v>85</v>
      </c>
      <c r="C51" s="16">
        <v>66</v>
      </c>
      <c r="D51" s="17">
        <v>151</v>
      </c>
    </row>
    <row r="52" spans="1:4" ht="18" customHeight="1" x14ac:dyDescent="0.2">
      <c r="A52" s="14">
        <v>39</v>
      </c>
      <c r="B52" s="15">
        <v>102</v>
      </c>
      <c r="C52" s="16">
        <v>107</v>
      </c>
      <c r="D52" s="17">
        <v>209</v>
      </c>
    </row>
    <row r="53" spans="1:4" ht="18" customHeight="1" x14ac:dyDescent="0.2">
      <c r="A53" s="18" t="s">
        <v>74</v>
      </c>
      <c r="B53" s="15">
        <v>450</v>
      </c>
      <c r="C53" s="16">
        <v>472</v>
      </c>
      <c r="D53" s="17">
        <v>922</v>
      </c>
    </row>
    <row r="54" spans="1:4" ht="18" customHeight="1" x14ac:dyDescent="0.2">
      <c r="A54" s="14">
        <v>40</v>
      </c>
      <c r="B54" s="15">
        <v>108</v>
      </c>
      <c r="C54" s="16">
        <v>94</v>
      </c>
      <c r="D54" s="17">
        <v>202</v>
      </c>
    </row>
    <row r="55" spans="1:4" ht="18" customHeight="1" x14ac:dyDescent="0.2">
      <c r="A55" s="14">
        <v>41</v>
      </c>
      <c r="B55" s="15">
        <v>89</v>
      </c>
      <c r="C55" s="16">
        <v>85</v>
      </c>
      <c r="D55" s="17">
        <v>174</v>
      </c>
    </row>
    <row r="56" spans="1:4" ht="18" customHeight="1" x14ac:dyDescent="0.2">
      <c r="A56" s="14">
        <v>42</v>
      </c>
      <c r="B56" s="15">
        <v>86</v>
      </c>
      <c r="C56" s="16">
        <v>66</v>
      </c>
      <c r="D56" s="17">
        <v>152</v>
      </c>
    </row>
    <row r="57" spans="1:4" ht="18" customHeight="1" x14ac:dyDescent="0.2">
      <c r="A57" s="14">
        <v>43</v>
      </c>
      <c r="B57" s="15">
        <v>66</v>
      </c>
      <c r="C57" s="16">
        <v>67</v>
      </c>
      <c r="D57" s="17">
        <v>133</v>
      </c>
    </row>
    <row r="58" spans="1:4" ht="18" customHeight="1" x14ac:dyDescent="0.2">
      <c r="A58" s="14">
        <v>44</v>
      </c>
      <c r="B58" s="15">
        <v>59</v>
      </c>
      <c r="C58" s="16">
        <v>72</v>
      </c>
      <c r="D58" s="17">
        <v>131</v>
      </c>
    </row>
    <row r="59" spans="1:4" ht="18" customHeight="1" x14ac:dyDescent="0.2">
      <c r="A59" s="18" t="s">
        <v>75</v>
      </c>
      <c r="B59" s="15">
        <v>408</v>
      </c>
      <c r="C59" s="16">
        <v>384</v>
      </c>
      <c r="D59" s="17">
        <v>792</v>
      </c>
    </row>
    <row r="60" spans="1:4" ht="18" customHeight="1" x14ac:dyDescent="0.2">
      <c r="A60" s="14">
        <v>45</v>
      </c>
      <c r="B60" s="15">
        <v>80</v>
      </c>
      <c r="C60" s="16">
        <v>67</v>
      </c>
      <c r="D60" s="17">
        <v>147</v>
      </c>
    </row>
    <row r="61" spans="1:4" ht="18" customHeight="1" x14ac:dyDescent="0.2">
      <c r="A61" s="14">
        <v>46</v>
      </c>
      <c r="B61" s="15">
        <v>68</v>
      </c>
      <c r="C61" s="16">
        <v>55</v>
      </c>
      <c r="D61" s="17">
        <v>123</v>
      </c>
    </row>
    <row r="62" spans="1:4" ht="18" customHeight="1" x14ac:dyDescent="0.2">
      <c r="A62" s="14">
        <v>47</v>
      </c>
      <c r="B62" s="15">
        <v>59</v>
      </c>
      <c r="C62" s="16">
        <v>62</v>
      </c>
      <c r="D62" s="17">
        <v>121</v>
      </c>
    </row>
    <row r="63" spans="1:4" ht="18" customHeight="1" x14ac:dyDescent="0.2">
      <c r="A63" s="14">
        <v>48</v>
      </c>
      <c r="B63" s="15">
        <v>57</v>
      </c>
      <c r="C63" s="16">
        <v>47</v>
      </c>
      <c r="D63" s="17">
        <v>104</v>
      </c>
    </row>
    <row r="64" spans="1:4" ht="18" customHeight="1" x14ac:dyDescent="0.2">
      <c r="A64" s="14">
        <v>49</v>
      </c>
      <c r="B64" s="15">
        <v>52</v>
      </c>
      <c r="C64" s="16">
        <v>46</v>
      </c>
      <c r="D64" s="17">
        <v>98</v>
      </c>
    </row>
    <row r="65" spans="1:4" ht="18" customHeight="1" x14ac:dyDescent="0.2">
      <c r="A65" s="18" t="s">
        <v>76</v>
      </c>
      <c r="B65" s="15">
        <v>316</v>
      </c>
      <c r="C65" s="16">
        <v>277</v>
      </c>
      <c r="D65" s="17">
        <v>593</v>
      </c>
    </row>
    <row r="66" spans="1:4" ht="18" customHeight="1" x14ac:dyDescent="0.2">
      <c r="A66" s="14">
        <v>50</v>
      </c>
      <c r="B66" s="15">
        <v>65</v>
      </c>
      <c r="C66" s="16">
        <v>41</v>
      </c>
      <c r="D66" s="17">
        <v>106</v>
      </c>
    </row>
    <row r="67" spans="1:4" ht="18" customHeight="1" x14ac:dyDescent="0.2">
      <c r="A67" s="14">
        <v>51</v>
      </c>
      <c r="B67" s="15">
        <v>39</v>
      </c>
      <c r="C67" s="16">
        <v>39</v>
      </c>
      <c r="D67" s="17">
        <v>78</v>
      </c>
    </row>
    <row r="68" spans="1:4" ht="18" customHeight="1" x14ac:dyDescent="0.2">
      <c r="A68" s="14">
        <v>52</v>
      </c>
      <c r="B68" s="15">
        <v>42</v>
      </c>
      <c r="C68" s="16">
        <v>34</v>
      </c>
      <c r="D68" s="17">
        <v>76</v>
      </c>
    </row>
    <row r="69" spans="1:4" ht="18" customHeight="1" x14ac:dyDescent="0.2">
      <c r="A69" s="14">
        <v>53</v>
      </c>
      <c r="B69" s="15">
        <v>35</v>
      </c>
      <c r="C69" s="16">
        <v>42</v>
      </c>
      <c r="D69" s="17">
        <v>77</v>
      </c>
    </row>
    <row r="70" spans="1:4" ht="18" customHeight="1" x14ac:dyDescent="0.2">
      <c r="A70" s="14">
        <v>54</v>
      </c>
      <c r="B70" s="15">
        <v>48</v>
      </c>
      <c r="C70" s="16">
        <v>31</v>
      </c>
      <c r="D70" s="17">
        <v>79</v>
      </c>
    </row>
    <row r="71" spans="1:4" ht="18" customHeight="1" x14ac:dyDescent="0.2">
      <c r="A71" s="18" t="s">
        <v>77</v>
      </c>
      <c r="B71" s="15">
        <v>229</v>
      </c>
      <c r="C71" s="16">
        <v>187</v>
      </c>
      <c r="D71" s="17">
        <v>416</v>
      </c>
    </row>
    <row r="72" spans="1:4" ht="18" customHeight="1" x14ac:dyDescent="0.2">
      <c r="A72" s="14">
        <v>55</v>
      </c>
      <c r="B72" s="15">
        <v>39</v>
      </c>
      <c r="C72" s="16">
        <v>41</v>
      </c>
      <c r="D72" s="17">
        <v>80</v>
      </c>
    </row>
    <row r="73" spans="1:4" ht="18" customHeight="1" x14ac:dyDescent="0.2">
      <c r="A73" s="14">
        <v>56</v>
      </c>
      <c r="B73" s="15">
        <v>36</v>
      </c>
      <c r="C73" s="16">
        <v>43</v>
      </c>
      <c r="D73" s="17">
        <v>79</v>
      </c>
    </row>
    <row r="74" spans="1:4" ht="18" customHeight="1" x14ac:dyDescent="0.2">
      <c r="A74" s="14">
        <v>57</v>
      </c>
      <c r="B74" s="15">
        <v>39</v>
      </c>
      <c r="C74" s="16">
        <v>36</v>
      </c>
      <c r="D74" s="17">
        <v>75</v>
      </c>
    </row>
    <row r="75" spans="1:4" ht="18" customHeight="1" x14ac:dyDescent="0.2">
      <c r="A75" s="14">
        <v>58</v>
      </c>
      <c r="B75" s="15">
        <v>44</v>
      </c>
      <c r="C75" s="16">
        <v>47</v>
      </c>
      <c r="D75" s="17">
        <v>91</v>
      </c>
    </row>
    <row r="76" spans="1:4" ht="18" customHeight="1" x14ac:dyDescent="0.2">
      <c r="A76" s="14">
        <v>59</v>
      </c>
      <c r="B76" s="15">
        <v>48</v>
      </c>
      <c r="C76" s="16">
        <v>47</v>
      </c>
      <c r="D76" s="17">
        <v>95</v>
      </c>
    </row>
    <row r="77" spans="1:4" ht="18" customHeight="1" x14ac:dyDescent="0.2">
      <c r="A77" s="18" t="s">
        <v>78</v>
      </c>
      <c r="B77" s="15">
        <v>206</v>
      </c>
      <c r="C77" s="16">
        <v>214</v>
      </c>
      <c r="D77" s="17">
        <v>420</v>
      </c>
    </row>
    <row r="78" spans="1:4" ht="18" customHeight="1" x14ac:dyDescent="0.2">
      <c r="A78" s="14">
        <v>60</v>
      </c>
      <c r="B78" s="15">
        <v>46</v>
      </c>
      <c r="C78" s="16">
        <v>58</v>
      </c>
      <c r="D78" s="17">
        <v>104</v>
      </c>
    </row>
    <row r="79" spans="1:4" ht="18" customHeight="1" x14ac:dyDescent="0.2">
      <c r="A79" s="14">
        <v>61</v>
      </c>
      <c r="B79" s="15">
        <v>45</v>
      </c>
      <c r="C79" s="16">
        <v>63</v>
      </c>
      <c r="D79" s="17">
        <v>108</v>
      </c>
    </row>
    <row r="80" spans="1:4" ht="18" customHeight="1" x14ac:dyDescent="0.2">
      <c r="A80" s="14">
        <v>62</v>
      </c>
      <c r="B80" s="15">
        <v>35</v>
      </c>
      <c r="C80" s="16">
        <v>35</v>
      </c>
      <c r="D80" s="17">
        <v>70</v>
      </c>
    </row>
    <row r="81" spans="1:4" ht="18" customHeight="1" x14ac:dyDescent="0.2">
      <c r="A81" s="14">
        <v>63</v>
      </c>
      <c r="B81" s="15">
        <v>21</v>
      </c>
      <c r="C81" s="16">
        <v>28</v>
      </c>
      <c r="D81" s="17">
        <v>49</v>
      </c>
    </row>
    <row r="82" spans="1:4" ht="18" customHeight="1" x14ac:dyDescent="0.2">
      <c r="A82" s="14">
        <v>64</v>
      </c>
      <c r="B82" s="15">
        <v>29</v>
      </c>
      <c r="C82" s="16">
        <v>37</v>
      </c>
      <c r="D82" s="17">
        <v>66</v>
      </c>
    </row>
    <row r="83" spans="1:4" ht="18" customHeight="1" x14ac:dyDescent="0.2">
      <c r="A83" s="18" t="s">
        <v>79</v>
      </c>
      <c r="B83" s="15">
        <v>176</v>
      </c>
      <c r="C83" s="16">
        <v>221</v>
      </c>
      <c r="D83" s="17">
        <v>397</v>
      </c>
    </row>
    <row r="84" spans="1:4" ht="18" customHeight="1" x14ac:dyDescent="0.2">
      <c r="A84" s="18" t="s">
        <v>80</v>
      </c>
      <c r="B84" s="15">
        <v>2828</v>
      </c>
      <c r="C84" s="16">
        <v>2762</v>
      </c>
      <c r="D84" s="17">
        <v>5590</v>
      </c>
    </row>
    <row r="85" spans="1:4" ht="18" customHeight="1" x14ac:dyDescent="0.2">
      <c r="A85" s="14">
        <v>65</v>
      </c>
      <c r="B85" s="15">
        <v>36</v>
      </c>
      <c r="C85" s="16">
        <v>45</v>
      </c>
      <c r="D85" s="17">
        <v>81</v>
      </c>
    </row>
    <row r="86" spans="1:4" ht="18" customHeight="1" x14ac:dyDescent="0.2">
      <c r="A86" s="14">
        <v>66</v>
      </c>
      <c r="B86" s="15">
        <v>35</v>
      </c>
      <c r="C86" s="16">
        <v>43</v>
      </c>
      <c r="D86" s="17">
        <v>78</v>
      </c>
    </row>
    <row r="87" spans="1:4" ht="18" customHeight="1" x14ac:dyDescent="0.2">
      <c r="A87" s="14">
        <v>67</v>
      </c>
      <c r="B87" s="15">
        <v>43</v>
      </c>
      <c r="C87" s="16">
        <v>49</v>
      </c>
      <c r="D87" s="17">
        <v>92</v>
      </c>
    </row>
    <row r="88" spans="1:4" ht="18" customHeight="1" x14ac:dyDescent="0.2">
      <c r="A88" s="14">
        <v>68</v>
      </c>
      <c r="B88" s="15">
        <v>35</v>
      </c>
      <c r="C88" s="16">
        <v>36</v>
      </c>
      <c r="D88" s="17">
        <v>71</v>
      </c>
    </row>
    <row r="89" spans="1:4" ht="18" customHeight="1" x14ac:dyDescent="0.2">
      <c r="A89" s="14">
        <v>69</v>
      </c>
      <c r="B89" s="15">
        <v>25</v>
      </c>
      <c r="C89" s="16">
        <v>29</v>
      </c>
      <c r="D89" s="17">
        <v>54</v>
      </c>
    </row>
    <row r="90" spans="1:4" ht="18" customHeight="1" x14ac:dyDescent="0.2">
      <c r="A90" s="18" t="s">
        <v>81</v>
      </c>
      <c r="B90" s="15">
        <v>174</v>
      </c>
      <c r="C90" s="16">
        <v>202</v>
      </c>
      <c r="D90" s="17">
        <v>376</v>
      </c>
    </row>
    <row r="91" spans="1:4" ht="18" customHeight="1" x14ac:dyDescent="0.2">
      <c r="A91" s="14">
        <v>70</v>
      </c>
      <c r="B91" s="15">
        <v>33</v>
      </c>
      <c r="C91" s="16">
        <v>23</v>
      </c>
      <c r="D91" s="17">
        <v>56</v>
      </c>
    </row>
    <row r="92" spans="1:4" ht="18" customHeight="1" x14ac:dyDescent="0.2">
      <c r="A92" s="14">
        <v>71</v>
      </c>
      <c r="B92" s="15">
        <v>37</v>
      </c>
      <c r="C92" s="16">
        <v>29</v>
      </c>
      <c r="D92" s="17">
        <v>66</v>
      </c>
    </row>
    <row r="93" spans="1:4" ht="18" customHeight="1" x14ac:dyDescent="0.2">
      <c r="A93" s="14">
        <v>72</v>
      </c>
      <c r="B93" s="15">
        <v>20</v>
      </c>
      <c r="C93" s="16">
        <v>32</v>
      </c>
      <c r="D93" s="17">
        <v>52</v>
      </c>
    </row>
    <row r="94" spans="1:4" ht="18" customHeight="1" x14ac:dyDescent="0.2">
      <c r="A94" s="14">
        <v>73</v>
      </c>
      <c r="B94" s="15">
        <v>30</v>
      </c>
      <c r="C94" s="16">
        <v>42</v>
      </c>
      <c r="D94" s="17">
        <v>72</v>
      </c>
    </row>
    <row r="95" spans="1:4" ht="18" customHeight="1" x14ac:dyDescent="0.2">
      <c r="A95" s="14">
        <v>74</v>
      </c>
      <c r="B95" s="15">
        <v>19</v>
      </c>
      <c r="C95" s="16">
        <v>23</v>
      </c>
      <c r="D95" s="17">
        <v>42</v>
      </c>
    </row>
    <row r="96" spans="1:4" ht="18" customHeight="1" x14ac:dyDescent="0.2">
      <c r="A96" s="18" t="s">
        <v>82</v>
      </c>
      <c r="B96" s="15">
        <v>139</v>
      </c>
      <c r="C96" s="16">
        <v>149</v>
      </c>
      <c r="D96" s="17">
        <v>288</v>
      </c>
    </row>
    <row r="97" spans="1:4" ht="18" customHeight="1" x14ac:dyDescent="0.2">
      <c r="A97" s="14">
        <v>75</v>
      </c>
      <c r="B97" s="15">
        <v>28</v>
      </c>
      <c r="C97" s="16">
        <v>27</v>
      </c>
      <c r="D97" s="17">
        <v>55</v>
      </c>
    </row>
    <row r="98" spans="1:4" ht="18" customHeight="1" x14ac:dyDescent="0.2">
      <c r="A98" s="14">
        <v>76</v>
      </c>
      <c r="B98" s="15">
        <v>29</v>
      </c>
      <c r="C98" s="16">
        <v>39</v>
      </c>
      <c r="D98" s="17">
        <v>68</v>
      </c>
    </row>
    <row r="99" spans="1:4" ht="18" customHeight="1" x14ac:dyDescent="0.2">
      <c r="A99" s="14">
        <v>77</v>
      </c>
      <c r="B99" s="15">
        <v>19</v>
      </c>
      <c r="C99" s="16">
        <v>24</v>
      </c>
      <c r="D99" s="17">
        <v>43</v>
      </c>
    </row>
    <row r="100" spans="1:4" ht="18" customHeight="1" x14ac:dyDescent="0.2">
      <c r="A100" s="14">
        <v>78</v>
      </c>
      <c r="B100" s="15">
        <v>15</v>
      </c>
      <c r="C100" s="16">
        <v>28</v>
      </c>
      <c r="D100" s="17">
        <v>43</v>
      </c>
    </row>
    <row r="101" spans="1:4" ht="18" customHeight="1" x14ac:dyDescent="0.2">
      <c r="A101" s="14">
        <v>79</v>
      </c>
      <c r="B101" s="15">
        <v>17</v>
      </c>
      <c r="C101" s="16">
        <v>28</v>
      </c>
      <c r="D101" s="17">
        <v>45</v>
      </c>
    </row>
    <row r="102" spans="1:4" ht="18" customHeight="1" x14ac:dyDescent="0.2">
      <c r="A102" s="18" t="s">
        <v>83</v>
      </c>
      <c r="B102" s="15">
        <v>108</v>
      </c>
      <c r="C102" s="16">
        <v>146</v>
      </c>
      <c r="D102" s="17">
        <v>254</v>
      </c>
    </row>
    <row r="103" spans="1:4" ht="18" customHeight="1" x14ac:dyDescent="0.2">
      <c r="A103" s="14">
        <v>80</v>
      </c>
      <c r="B103" s="15">
        <v>14</v>
      </c>
      <c r="C103" s="16">
        <v>27</v>
      </c>
      <c r="D103" s="17">
        <v>41</v>
      </c>
    </row>
    <row r="104" spans="1:4" ht="18" customHeight="1" x14ac:dyDescent="0.2">
      <c r="A104" s="14">
        <v>81</v>
      </c>
      <c r="B104" s="15">
        <v>13</v>
      </c>
      <c r="C104" s="16">
        <v>27</v>
      </c>
      <c r="D104" s="17">
        <v>40</v>
      </c>
    </row>
    <row r="105" spans="1:4" ht="18" customHeight="1" x14ac:dyDescent="0.2">
      <c r="A105" s="14">
        <v>82</v>
      </c>
      <c r="B105" s="15">
        <v>15</v>
      </c>
      <c r="C105" s="16">
        <v>25</v>
      </c>
      <c r="D105" s="17">
        <v>40</v>
      </c>
    </row>
    <row r="106" spans="1:4" ht="18" customHeight="1" x14ac:dyDescent="0.2">
      <c r="A106" s="14">
        <v>83</v>
      </c>
      <c r="B106" s="15">
        <v>14</v>
      </c>
      <c r="C106" s="16">
        <v>25</v>
      </c>
      <c r="D106" s="17">
        <v>39</v>
      </c>
    </row>
    <row r="107" spans="1:4" ht="18" customHeight="1" x14ac:dyDescent="0.2">
      <c r="A107" s="14">
        <v>84</v>
      </c>
      <c r="B107" s="15">
        <v>11</v>
      </c>
      <c r="C107" s="16">
        <v>29</v>
      </c>
      <c r="D107" s="17">
        <v>40</v>
      </c>
    </row>
    <row r="108" spans="1:4" ht="18" customHeight="1" x14ac:dyDescent="0.2">
      <c r="A108" s="18" t="s">
        <v>84</v>
      </c>
      <c r="B108" s="15">
        <v>67</v>
      </c>
      <c r="C108" s="16">
        <v>133</v>
      </c>
      <c r="D108" s="17">
        <v>200</v>
      </c>
    </row>
    <row r="109" spans="1:4" ht="18" customHeight="1" x14ac:dyDescent="0.2">
      <c r="A109" s="14">
        <v>85</v>
      </c>
      <c r="B109" s="15">
        <v>12</v>
      </c>
      <c r="C109" s="16">
        <v>20</v>
      </c>
      <c r="D109" s="17">
        <v>32</v>
      </c>
    </row>
    <row r="110" spans="1:4" ht="18" customHeight="1" x14ac:dyDescent="0.2">
      <c r="A110" s="14">
        <v>86</v>
      </c>
      <c r="B110" s="15">
        <v>3</v>
      </c>
      <c r="C110" s="16">
        <v>19</v>
      </c>
      <c r="D110" s="17">
        <v>22</v>
      </c>
    </row>
    <row r="111" spans="1:4" ht="18" customHeight="1" x14ac:dyDescent="0.2">
      <c r="A111" s="14">
        <v>87</v>
      </c>
      <c r="B111" s="15">
        <v>6</v>
      </c>
      <c r="C111" s="16">
        <v>12</v>
      </c>
      <c r="D111" s="17">
        <v>18</v>
      </c>
    </row>
    <row r="112" spans="1:4" ht="18" customHeight="1" x14ac:dyDescent="0.2">
      <c r="A112" s="14">
        <v>88</v>
      </c>
      <c r="B112" s="15">
        <v>7</v>
      </c>
      <c r="C112" s="16">
        <v>16</v>
      </c>
      <c r="D112" s="17">
        <v>23</v>
      </c>
    </row>
    <row r="113" spans="1:4" ht="18" customHeight="1" x14ac:dyDescent="0.2">
      <c r="A113" s="14">
        <v>89</v>
      </c>
      <c r="B113" s="15">
        <v>2</v>
      </c>
      <c r="C113" s="16">
        <v>8</v>
      </c>
      <c r="D113" s="17">
        <v>10</v>
      </c>
    </row>
    <row r="114" spans="1:4" ht="18" customHeight="1" x14ac:dyDescent="0.2">
      <c r="A114" s="18" t="s">
        <v>85</v>
      </c>
      <c r="B114" s="15">
        <v>30</v>
      </c>
      <c r="C114" s="16">
        <v>75</v>
      </c>
      <c r="D114" s="17">
        <v>105</v>
      </c>
    </row>
    <row r="115" spans="1:4" ht="18" customHeight="1" x14ac:dyDescent="0.2">
      <c r="A115" s="14">
        <v>90</v>
      </c>
      <c r="B115" s="15">
        <v>4</v>
      </c>
      <c r="C115" s="16">
        <v>7</v>
      </c>
      <c r="D115" s="17">
        <v>11</v>
      </c>
    </row>
    <row r="116" spans="1:4" ht="18" customHeight="1" x14ac:dyDescent="0.2">
      <c r="A116" s="14">
        <v>91</v>
      </c>
      <c r="B116" s="15">
        <v>2</v>
      </c>
      <c r="C116" s="16">
        <v>12</v>
      </c>
      <c r="D116" s="17">
        <v>14</v>
      </c>
    </row>
    <row r="117" spans="1:4" ht="18" customHeight="1" x14ac:dyDescent="0.2">
      <c r="A117" s="14">
        <v>92</v>
      </c>
      <c r="B117" s="15">
        <v>2</v>
      </c>
      <c r="C117" s="16">
        <v>10</v>
      </c>
      <c r="D117" s="17">
        <v>12</v>
      </c>
    </row>
    <row r="118" spans="1:4" ht="18" customHeight="1" x14ac:dyDescent="0.2">
      <c r="A118" s="14">
        <v>93</v>
      </c>
      <c r="B118" s="15">
        <v>1</v>
      </c>
      <c r="C118" s="16">
        <v>5</v>
      </c>
      <c r="D118" s="17">
        <v>6</v>
      </c>
    </row>
    <row r="119" spans="1:4" ht="18" customHeight="1" x14ac:dyDescent="0.2">
      <c r="A119" s="14">
        <v>94</v>
      </c>
      <c r="B119" s="15">
        <v>4</v>
      </c>
      <c r="C119" s="16">
        <v>4</v>
      </c>
      <c r="D119" s="17">
        <v>8</v>
      </c>
    </row>
    <row r="120" spans="1:4" ht="18" customHeight="1" x14ac:dyDescent="0.2">
      <c r="A120" s="18" t="s">
        <v>86</v>
      </c>
      <c r="B120" s="15">
        <v>13</v>
      </c>
      <c r="C120" s="16">
        <v>38</v>
      </c>
      <c r="D120" s="17">
        <v>51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87</v>
      </c>
      <c r="B126" s="15">
        <v>5</v>
      </c>
      <c r="C126" s="16">
        <v>18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0</v>
      </c>
      <c r="B130" s="4">
        <v>536</v>
      </c>
      <c r="C130" s="5">
        <v>763</v>
      </c>
      <c r="D130" s="6">
        <v>1299</v>
      </c>
    </row>
    <row r="131" spans="1:4" ht="18" customHeight="1" x14ac:dyDescent="0.2">
      <c r="A131" s="20" t="s">
        <v>65</v>
      </c>
      <c r="B131" s="7">
        <v>4222</v>
      </c>
      <c r="C131" s="8">
        <v>4342</v>
      </c>
      <c r="D131" s="9">
        <v>856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8" t="s">
        <v>146</v>
      </c>
      <c r="C3" s="48"/>
      <c r="D3" s="48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24">
        <v>1376</v>
      </c>
      <c r="C5" s="25">
        <v>1245</v>
      </c>
      <c r="D5" s="26">
        <v>2621</v>
      </c>
    </row>
    <row r="6" spans="1:4" ht="18" customHeight="1" x14ac:dyDescent="0.2">
      <c r="A6" s="31">
        <v>1</v>
      </c>
      <c r="B6" s="27">
        <v>1299</v>
      </c>
      <c r="C6" s="28">
        <v>1321</v>
      </c>
      <c r="D6" s="29">
        <v>2620</v>
      </c>
    </row>
    <row r="7" spans="1:4" ht="18" customHeight="1" x14ac:dyDescent="0.2">
      <c r="A7" s="31">
        <v>2</v>
      </c>
      <c r="B7" s="27">
        <v>1403</v>
      </c>
      <c r="C7" s="28">
        <v>1370</v>
      </c>
      <c r="D7" s="29">
        <v>2773</v>
      </c>
    </row>
    <row r="8" spans="1:4" ht="18" customHeight="1" x14ac:dyDescent="0.2">
      <c r="A8" s="31">
        <v>3</v>
      </c>
      <c r="B8" s="27">
        <v>1400</v>
      </c>
      <c r="C8" s="28">
        <v>1278</v>
      </c>
      <c r="D8" s="29">
        <v>2678</v>
      </c>
    </row>
    <row r="9" spans="1:4" ht="18" customHeight="1" x14ac:dyDescent="0.2">
      <c r="A9" s="31">
        <v>4</v>
      </c>
      <c r="B9" s="27">
        <v>1380</v>
      </c>
      <c r="C9" s="28">
        <v>1328</v>
      </c>
      <c r="D9" s="29">
        <v>2708</v>
      </c>
    </row>
    <row r="10" spans="1:4" ht="18" customHeight="1" x14ac:dyDescent="0.2">
      <c r="A10" s="31" t="s">
        <v>66</v>
      </c>
      <c r="B10" s="27">
        <v>6858</v>
      </c>
      <c r="C10" s="28">
        <v>6542</v>
      </c>
      <c r="D10" s="29">
        <v>13400</v>
      </c>
    </row>
    <row r="11" spans="1:4" ht="18" customHeight="1" x14ac:dyDescent="0.2">
      <c r="A11" s="31">
        <v>5</v>
      </c>
      <c r="B11" s="27">
        <v>1392</v>
      </c>
      <c r="C11" s="28">
        <v>1436</v>
      </c>
      <c r="D11" s="29">
        <v>2828</v>
      </c>
    </row>
    <row r="12" spans="1:4" ht="18" customHeight="1" x14ac:dyDescent="0.2">
      <c r="A12" s="31">
        <v>6</v>
      </c>
      <c r="B12" s="27">
        <v>1431</v>
      </c>
      <c r="C12" s="28">
        <v>1349</v>
      </c>
      <c r="D12" s="29">
        <v>2780</v>
      </c>
    </row>
    <row r="13" spans="1:4" ht="18" customHeight="1" x14ac:dyDescent="0.2">
      <c r="A13" s="31">
        <v>7</v>
      </c>
      <c r="B13" s="27">
        <v>1531</v>
      </c>
      <c r="C13" s="28">
        <v>1422</v>
      </c>
      <c r="D13" s="29">
        <v>2953</v>
      </c>
    </row>
    <row r="14" spans="1:4" ht="18" customHeight="1" x14ac:dyDescent="0.2">
      <c r="A14" s="31">
        <v>8</v>
      </c>
      <c r="B14" s="27">
        <v>1514</v>
      </c>
      <c r="C14" s="28">
        <v>1414</v>
      </c>
      <c r="D14" s="29">
        <v>2928</v>
      </c>
    </row>
    <row r="15" spans="1:4" ht="18" customHeight="1" x14ac:dyDescent="0.2">
      <c r="A15" s="31">
        <v>9</v>
      </c>
      <c r="B15" s="27">
        <v>1579</v>
      </c>
      <c r="C15" s="28">
        <v>1390</v>
      </c>
      <c r="D15" s="29">
        <v>2969</v>
      </c>
    </row>
    <row r="16" spans="1:4" ht="18" customHeight="1" x14ac:dyDescent="0.2">
      <c r="A16" s="31" t="s">
        <v>67</v>
      </c>
      <c r="B16" s="27">
        <v>7447</v>
      </c>
      <c r="C16" s="28">
        <v>7011</v>
      </c>
      <c r="D16" s="29">
        <v>14458</v>
      </c>
    </row>
    <row r="17" spans="1:4" ht="18" customHeight="1" x14ac:dyDescent="0.2">
      <c r="A17" s="31">
        <v>10</v>
      </c>
      <c r="B17" s="27">
        <v>1501</v>
      </c>
      <c r="C17" s="28">
        <v>1407</v>
      </c>
      <c r="D17" s="29">
        <v>2908</v>
      </c>
    </row>
    <row r="18" spans="1:4" ht="18" customHeight="1" x14ac:dyDescent="0.2">
      <c r="A18" s="31">
        <v>11</v>
      </c>
      <c r="B18" s="27">
        <v>1523</v>
      </c>
      <c r="C18" s="28">
        <v>1412</v>
      </c>
      <c r="D18" s="29">
        <v>2935</v>
      </c>
    </row>
    <row r="19" spans="1:4" ht="18" customHeight="1" x14ac:dyDescent="0.2">
      <c r="A19" s="31">
        <v>12</v>
      </c>
      <c r="B19" s="27">
        <v>1472</v>
      </c>
      <c r="C19" s="28">
        <v>1520</v>
      </c>
      <c r="D19" s="29">
        <v>2992</v>
      </c>
    </row>
    <row r="20" spans="1:4" ht="18" customHeight="1" x14ac:dyDescent="0.2">
      <c r="A20" s="31">
        <v>13</v>
      </c>
      <c r="B20" s="27">
        <v>1559</v>
      </c>
      <c r="C20" s="28">
        <v>1384</v>
      </c>
      <c r="D20" s="29">
        <v>2943</v>
      </c>
    </row>
    <row r="21" spans="1:4" ht="18" customHeight="1" x14ac:dyDescent="0.2">
      <c r="A21" s="31">
        <v>14</v>
      </c>
      <c r="B21" s="27">
        <v>1473</v>
      </c>
      <c r="C21" s="28">
        <v>1456</v>
      </c>
      <c r="D21" s="29">
        <v>2929</v>
      </c>
    </row>
    <row r="22" spans="1:4" ht="18" customHeight="1" x14ac:dyDescent="0.2">
      <c r="A22" s="31" t="s">
        <v>68</v>
      </c>
      <c r="B22" s="27">
        <v>7528</v>
      </c>
      <c r="C22" s="28">
        <v>7179</v>
      </c>
      <c r="D22" s="29">
        <v>14707</v>
      </c>
    </row>
    <row r="23" spans="1:4" ht="18" customHeight="1" x14ac:dyDescent="0.2">
      <c r="A23" s="31" t="s">
        <v>69</v>
      </c>
      <c r="B23" s="27">
        <v>21833</v>
      </c>
      <c r="C23" s="28">
        <v>20732</v>
      </c>
      <c r="D23" s="29">
        <v>42565</v>
      </c>
    </row>
    <row r="24" spans="1:4" ht="18" customHeight="1" x14ac:dyDescent="0.2">
      <c r="A24" s="31">
        <v>15</v>
      </c>
      <c r="B24" s="27">
        <v>1420</v>
      </c>
      <c r="C24" s="28">
        <v>1410</v>
      </c>
      <c r="D24" s="29">
        <v>2830</v>
      </c>
    </row>
    <row r="25" spans="1:4" ht="18" customHeight="1" x14ac:dyDescent="0.2">
      <c r="A25" s="31">
        <v>16</v>
      </c>
      <c r="B25" s="27">
        <v>1456</v>
      </c>
      <c r="C25" s="28">
        <v>1425</v>
      </c>
      <c r="D25" s="29">
        <v>2881</v>
      </c>
    </row>
    <row r="26" spans="1:4" ht="18" customHeight="1" x14ac:dyDescent="0.2">
      <c r="A26" s="31">
        <v>17</v>
      </c>
      <c r="B26" s="27">
        <v>1466</v>
      </c>
      <c r="C26" s="28">
        <v>1459</v>
      </c>
      <c r="D26" s="29">
        <v>2925</v>
      </c>
    </row>
    <row r="27" spans="1:4" ht="18" customHeight="1" x14ac:dyDescent="0.2">
      <c r="A27" s="31">
        <v>18</v>
      </c>
      <c r="B27" s="27">
        <v>1492</v>
      </c>
      <c r="C27" s="28">
        <v>1373</v>
      </c>
      <c r="D27" s="29">
        <v>2865</v>
      </c>
    </row>
    <row r="28" spans="1:4" ht="18" customHeight="1" x14ac:dyDescent="0.2">
      <c r="A28" s="31">
        <v>19</v>
      </c>
      <c r="B28" s="27">
        <v>1529</v>
      </c>
      <c r="C28" s="28">
        <v>1368</v>
      </c>
      <c r="D28" s="29">
        <v>2897</v>
      </c>
    </row>
    <row r="29" spans="1:4" ht="18" customHeight="1" x14ac:dyDescent="0.2">
      <c r="A29" s="31" t="s">
        <v>70</v>
      </c>
      <c r="B29" s="27">
        <v>7363</v>
      </c>
      <c r="C29" s="28">
        <v>7035</v>
      </c>
      <c r="D29" s="29">
        <v>14398</v>
      </c>
    </row>
    <row r="30" spans="1:4" ht="18" customHeight="1" x14ac:dyDescent="0.2">
      <c r="A30" s="31">
        <v>20</v>
      </c>
      <c r="B30" s="27">
        <v>1538</v>
      </c>
      <c r="C30" s="28">
        <v>1428</v>
      </c>
      <c r="D30" s="29">
        <v>2966</v>
      </c>
    </row>
    <row r="31" spans="1:4" ht="18" customHeight="1" x14ac:dyDescent="0.2">
      <c r="A31" s="31">
        <v>21</v>
      </c>
      <c r="B31" s="27">
        <v>1497</v>
      </c>
      <c r="C31" s="28">
        <v>1456</v>
      </c>
      <c r="D31" s="29">
        <v>2953</v>
      </c>
    </row>
    <row r="32" spans="1:4" ht="18" customHeight="1" x14ac:dyDescent="0.2">
      <c r="A32" s="31">
        <v>22</v>
      </c>
      <c r="B32" s="27">
        <v>1589</v>
      </c>
      <c r="C32" s="28">
        <v>1476</v>
      </c>
      <c r="D32" s="29">
        <v>3065</v>
      </c>
    </row>
    <row r="33" spans="1:4" ht="18" customHeight="1" x14ac:dyDescent="0.2">
      <c r="A33" s="31">
        <v>23</v>
      </c>
      <c r="B33" s="27">
        <v>1646</v>
      </c>
      <c r="C33" s="28">
        <v>1445</v>
      </c>
      <c r="D33" s="29">
        <v>3091</v>
      </c>
    </row>
    <row r="34" spans="1:4" ht="18" customHeight="1" x14ac:dyDescent="0.2">
      <c r="A34" s="31">
        <v>24</v>
      </c>
      <c r="B34" s="27">
        <v>1706</v>
      </c>
      <c r="C34" s="28">
        <v>1576</v>
      </c>
      <c r="D34" s="29">
        <v>3282</v>
      </c>
    </row>
    <row r="35" spans="1:4" ht="18" customHeight="1" x14ac:dyDescent="0.2">
      <c r="A35" s="31" t="s">
        <v>71</v>
      </c>
      <c r="B35" s="27">
        <v>7976</v>
      </c>
      <c r="C35" s="28">
        <v>7381</v>
      </c>
      <c r="D35" s="29">
        <v>15357</v>
      </c>
    </row>
    <row r="36" spans="1:4" ht="18" customHeight="1" x14ac:dyDescent="0.2">
      <c r="A36" s="31">
        <v>25</v>
      </c>
      <c r="B36" s="27">
        <v>1655</v>
      </c>
      <c r="C36" s="28">
        <v>1575</v>
      </c>
      <c r="D36" s="29">
        <v>3230</v>
      </c>
    </row>
    <row r="37" spans="1:4" ht="18" customHeight="1" x14ac:dyDescent="0.2">
      <c r="A37" s="31">
        <v>26</v>
      </c>
      <c r="B37" s="27">
        <v>1750</v>
      </c>
      <c r="C37" s="28">
        <v>1523</v>
      </c>
      <c r="D37" s="29">
        <v>3273</v>
      </c>
    </row>
    <row r="38" spans="1:4" ht="18" customHeight="1" x14ac:dyDescent="0.2">
      <c r="A38" s="31">
        <v>27</v>
      </c>
      <c r="B38" s="27">
        <v>1732</v>
      </c>
      <c r="C38" s="28">
        <v>1648</v>
      </c>
      <c r="D38" s="29">
        <v>3380</v>
      </c>
    </row>
    <row r="39" spans="1:4" ht="18" customHeight="1" x14ac:dyDescent="0.2">
      <c r="A39" s="31">
        <v>28</v>
      </c>
      <c r="B39" s="27">
        <v>1773</v>
      </c>
      <c r="C39" s="28">
        <v>1681</v>
      </c>
      <c r="D39" s="29">
        <v>3454</v>
      </c>
    </row>
    <row r="40" spans="1:4" ht="18" customHeight="1" x14ac:dyDescent="0.2">
      <c r="A40" s="31">
        <v>29</v>
      </c>
      <c r="B40" s="27">
        <v>1955</v>
      </c>
      <c r="C40" s="28">
        <v>1839</v>
      </c>
      <c r="D40" s="29">
        <v>3794</v>
      </c>
    </row>
    <row r="41" spans="1:4" ht="18" customHeight="1" x14ac:dyDescent="0.2">
      <c r="A41" s="31" t="s">
        <v>72</v>
      </c>
      <c r="B41" s="27">
        <v>8865</v>
      </c>
      <c r="C41" s="28">
        <v>8266</v>
      </c>
      <c r="D41" s="29">
        <v>17131</v>
      </c>
    </row>
    <row r="42" spans="1:4" ht="18" customHeight="1" x14ac:dyDescent="0.2">
      <c r="A42" s="31">
        <v>30</v>
      </c>
      <c r="B42" s="27">
        <v>1945</v>
      </c>
      <c r="C42" s="28">
        <v>1844</v>
      </c>
      <c r="D42" s="29">
        <v>3789</v>
      </c>
    </row>
    <row r="43" spans="1:4" ht="18" customHeight="1" x14ac:dyDescent="0.2">
      <c r="A43" s="31">
        <v>31</v>
      </c>
      <c r="B43" s="27">
        <v>2175</v>
      </c>
      <c r="C43" s="28">
        <v>2008</v>
      </c>
      <c r="D43" s="29">
        <v>4183</v>
      </c>
    </row>
    <row r="44" spans="1:4" ht="18" customHeight="1" x14ac:dyDescent="0.2">
      <c r="A44" s="31">
        <v>32</v>
      </c>
      <c r="B44" s="27">
        <v>2199</v>
      </c>
      <c r="C44" s="28">
        <v>1992</v>
      </c>
      <c r="D44" s="29">
        <v>4191</v>
      </c>
    </row>
    <row r="45" spans="1:4" ht="18" customHeight="1" x14ac:dyDescent="0.2">
      <c r="A45" s="31">
        <v>33</v>
      </c>
      <c r="B45" s="27">
        <v>2374</v>
      </c>
      <c r="C45" s="28">
        <v>2226</v>
      </c>
      <c r="D45" s="29">
        <v>4600</v>
      </c>
    </row>
    <row r="46" spans="1:4" ht="18" customHeight="1" x14ac:dyDescent="0.2">
      <c r="A46" s="31">
        <v>34</v>
      </c>
      <c r="B46" s="27">
        <v>2591</v>
      </c>
      <c r="C46" s="28">
        <v>2472</v>
      </c>
      <c r="D46" s="29">
        <v>5063</v>
      </c>
    </row>
    <row r="47" spans="1:4" ht="18" customHeight="1" x14ac:dyDescent="0.2">
      <c r="A47" s="31" t="s">
        <v>73</v>
      </c>
      <c r="B47" s="27">
        <v>11284</v>
      </c>
      <c r="C47" s="28">
        <v>10542</v>
      </c>
      <c r="D47" s="29">
        <v>21826</v>
      </c>
    </row>
    <row r="48" spans="1:4" ht="18" customHeight="1" x14ac:dyDescent="0.2">
      <c r="A48" s="31">
        <v>35</v>
      </c>
      <c r="B48" s="27">
        <v>2597</v>
      </c>
      <c r="C48" s="28">
        <v>2541</v>
      </c>
      <c r="D48" s="29">
        <v>5138</v>
      </c>
    </row>
    <row r="49" spans="1:4" ht="18" customHeight="1" x14ac:dyDescent="0.2">
      <c r="A49" s="31">
        <v>36</v>
      </c>
      <c r="B49" s="27">
        <v>2677</v>
      </c>
      <c r="C49" s="28">
        <v>2565</v>
      </c>
      <c r="D49" s="29">
        <v>5242</v>
      </c>
    </row>
    <row r="50" spans="1:4" ht="18" customHeight="1" x14ac:dyDescent="0.2">
      <c r="A50" s="31">
        <v>37</v>
      </c>
      <c r="B50" s="27">
        <v>2620</v>
      </c>
      <c r="C50" s="28">
        <v>2493</v>
      </c>
      <c r="D50" s="29">
        <v>5113</v>
      </c>
    </row>
    <row r="51" spans="1:4" ht="18" customHeight="1" x14ac:dyDescent="0.2">
      <c r="A51" s="31">
        <v>38</v>
      </c>
      <c r="B51" s="27">
        <v>2467</v>
      </c>
      <c r="C51" s="28">
        <v>2331</v>
      </c>
      <c r="D51" s="29">
        <v>4798</v>
      </c>
    </row>
    <row r="52" spans="1:4" ht="18" customHeight="1" x14ac:dyDescent="0.2">
      <c r="A52" s="31">
        <v>39</v>
      </c>
      <c r="B52" s="27">
        <v>2356</v>
      </c>
      <c r="C52" s="28">
        <v>2173</v>
      </c>
      <c r="D52" s="29">
        <v>4529</v>
      </c>
    </row>
    <row r="53" spans="1:4" ht="18" customHeight="1" x14ac:dyDescent="0.2">
      <c r="A53" s="31" t="s">
        <v>74</v>
      </c>
      <c r="B53" s="27">
        <v>12717</v>
      </c>
      <c r="C53" s="28">
        <v>12103</v>
      </c>
      <c r="D53" s="29">
        <v>24820</v>
      </c>
    </row>
    <row r="54" spans="1:4" ht="18" customHeight="1" x14ac:dyDescent="0.2">
      <c r="A54" s="31">
        <v>40</v>
      </c>
      <c r="B54" s="27">
        <v>2390</v>
      </c>
      <c r="C54" s="28">
        <v>2178</v>
      </c>
      <c r="D54" s="29">
        <v>4568</v>
      </c>
    </row>
    <row r="55" spans="1:4" ht="18" customHeight="1" x14ac:dyDescent="0.2">
      <c r="A55" s="31">
        <v>41</v>
      </c>
      <c r="B55" s="27">
        <v>2254</v>
      </c>
      <c r="C55" s="28">
        <v>2103</v>
      </c>
      <c r="D55" s="29">
        <v>4357</v>
      </c>
    </row>
    <row r="56" spans="1:4" ht="18" customHeight="1" x14ac:dyDescent="0.2">
      <c r="A56" s="31">
        <v>42</v>
      </c>
      <c r="B56" s="27">
        <v>2030</v>
      </c>
      <c r="C56" s="28">
        <v>1983</v>
      </c>
      <c r="D56" s="29">
        <v>4013</v>
      </c>
    </row>
    <row r="57" spans="1:4" ht="18" customHeight="1" x14ac:dyDescent="0.2">
      <c r="A57" s="31">
        <v>43</v>
      </c>
      <c r="B57" s="27">
        <v>1815</v>
      </c>
      <c r="C57" s="28">
        <v>1835</v>
      </c>
      <c r="D57" s="29">
        <v>3650</v>
      </c>
    </row>
    <row r="58" spans="1:4" ht="18" customHeight="1" x14ac:dyDescent="0.2">
      <c r="A58" s="31">
        <v>44</v>
      </c>
      <c r="B58" s="27">
        <v>1990</v>
      </c>
      <c r="C58" s="28">
        <v>2027</v>
      </c>
      <c r="D58" s="29">
        <v>4017</v>
      </c>
    </row>
    <row r="59" spans="1:4" ht="18" customHeight="1" x14ac:dyDescent="0.2">
      <c r="A59" s="31" t="s">
        <v>75</v>
      </c>
      <c r="B59" s="27">
        <v>10479</v>
      </c>
      <c r="C59" s="28">
        <v>10126</v>
      </c>
      <c r="D59" s="29">
        <v>20605</v>
      </c>
    </row>
    <row r="60" spans="1:4" ht="18" customHeight="1" x14ac:dyDescent="0.2">
      <c r="A60" s="31">
        <v>45</v>
      </c>
      <c r="B60" s="27">
        <v>2012</v>
      </c>
      <c r="C60" s="28">
        <v>1882</v>
      </c>
      <c r="D60" s="29">
        <v>3894</v>
      </c>
    </row>
    <row r="61" spans="1:4" ht="18" customHeight="1" x14ac:dyDescent="0.2">
      <c r="A61" s="31">
        <v>46</v>
      </c>
      <c r="B61" s="27">
        <v>1947</v>
      </c>
      <c r="C61" s="28">
        <v>1898</v>
      </c>
      <c r="D61" s="29">
        <v>3845</v>
      </c>
    </row>
    <row r="62" spans="1:4" ht="18" customHeight="1" x14ac:dyDescent="0.2">
      <c r="A62" s="31">
        <v>47</v>
      </c>
      <c r="B62" s="27">
        <v>1785</v>
      </c>
      <c r="C62" s="28">
        <v>1717</v>
      </c>
      <c r="D62" s="29">
        <v>3502</v>
      </c>
    </row>
    <row r="63" spans="1:4" ht="18" customHeight="1" x14ac:dyDescent="0.2">
      <c r="A63" s="31">
        <v>48</v>
      </c>
      <c r="B63" s="27">
        <v>1755</v>
      </c>
      <c r="C63" s="28">
        <v>1866</v>
      </c>
      <c r="D63" s="29">
        <v>3621</v>
      </c>
    </row>
    <row r="64" spans="1:4" ht="18" customHeight="1" x14ac:dyDescent="0.2">
      <c r="A64" s="31">
        <v>49</v>
      </c>
      <c r="B64" s="27">
        <v>1803</v>
      </c>
      <c r="C64" s="28">
        <v>1805</v>
      </c>
      <c r="D64" s="29">
        <v>3608</v>
      </c>
    </row>
    <row r="65" spans="1:4" ht="18" customHeight="1" x14ac:dyDescent="0.2">
      <c r="A65" s="31" t="s">
        <v>76</v>
      </c>
      <c r="B65" s="27">
        <v>9302</v>
      </c>
      <c r="C65" s="28">
        <v>9168</v>
      </c>
      <c r="D65" s="29">
        <v>18470</v>
      </c>
    </row>
    <row r="66" spans="1:4" ht="18" customHeight="1" x14ac:dyDescent="0.2">
      <c r="A66" s="31">
        <v>50</v>
      </c>
      <c r="B66" s="27">
        <v>1790</v>
      </c>
      <c r="C66" s="28">
        <v>1936</v>
      </c>
      <c r="D66" s="29">
        <v>3726</v>
      </c>
    </row>
    <row r="67" spans="1:4" ht="18" customHeight="1" x14ac:dyDescent="0.2">
      <c r="A67" s="31">
        <v>51</v>
      </c>
      <c r="B67" s="27">
        <v>1774</v>
      </c>
      <c r="C67" s="28">
        <v>1738</v>
      </c>
      <c r="D67" s="29">
        <v>3512</v>
      </c>
    </row>
    <row r="68" spans="1:4" ht="18" customHeight="1" x14ac:dyDescent="0.2">
      <c r="A68" s="31">
        <v>52</v>
      </c>
      <c r="B68" s="27">
        <v>1735</v>
      </c>
      <c r="C68" s="28">
        <v>1784</v>
      </c>
      <c r="D68" s="29">
        <v>3519</v>
      </c>
    </row>
    <row r="69" spans="1:4" ht="18" customHeight="1" x14ac:dyDescent="0.2">
      <c r="A69" s="31">
        <v>53</v>
      </c>
      <c r="B69" s="27">
        <v>1803</v>
      </c>
      <c r="C69" s="28">
        <v>1944</v>
      </c>
      <c r="D69" s="29">
        <v>3747</v>
      </c>
    </row>
    <row r="70" spans="1:4" ht="18" customHeight="1" x14ac:dyDescent="0.2">
      <c r="A70" s="31">
        <v>54</v>
      </c>
      <c r="B70" s="27">
        <v>1976</v>
      </c>
      <c r="C70" s="28">
        <v>2002</v>
      </c>
      <c r="D70" s="29">
        <v>3978</v>
      </c>
    </row>
    <row r="71" spans="1:4" ht="18" customHeight="1" x14ac:dyDescent="0.2">
      <c r="A71" s="31" t="s">
        <v>77</v>
      </c>
      <c r="B71" s="27">
        <v>9078</v>
      </c>
      <c r="C71" s="28">
        <v>9404</v>
      </c>
      <c r="D71" s="29">
        <v>18482</v>
      </c>
    </row>
    <row r="72" spans="1:4" ht="18" customHeight="1" x14ac:dyDescent="0.2">
      <c r="A72" s="31">
        <v>55</v>
      </c>
      <c r="B72" s="27">
        <v>1939</v>
      </c>
      <c r="C72" s="28">
        <v>2061</v>
      </c>
      <c r="D72" s="29">
        <v>4000</v>
      </c>
    </row>
    <row r="73" spans="1:4" ht="18" customHeight="1" x14ac:dyDescent="0.2">
      <c r="A73" s="31">
        <v>56</v>
      </c>
      <c r="B73" s="27">
        <v>2204</v>
      </c>
      <c r="C73" s="28">
        <v>2238</v>
      </c>
      <c r="D73" s="29">
        <v>4442</v>
      </c>
    </row>
    <row r="74" spans="1:4" ht="18" customHeight="1" x14ac:dyDescent="0.2">
      <c r="A74" s="31">
        <v>57</v>
      </c>
      <c r="B74" s="27">
        <v>2187</v>
      </c>
      <c r="C74" s="28">
        <v>2233</v>
      </c>
      <c r="D74" s="29">
        <v>4420</v>
      </c>
    </row>
    <row r="75" spans="1:4" ht="18" customHeight="1" x14ac:dyDescent="0.2">
      <c r="A75" s="31">
        <v>58</v>
      </c>
      <c r="B75" s="27">
        <v>2341</v>
      </c>
      <c r="C75" s="28">
        <v>2499</v>
      </c>
      <c r="D75" s="29">
        <v>4840</v>
      </c>
    </row>
    <row r="76" spans="1:4" ht="18" customHeight="1" x14ac:dyDescent="0.2">
      <c r="A76" s="31">
        <v>59</v>
      </c>
      <c r="B76" s="27">
        <v>2703</v>
      </c>
      <c r="C76" s="28">
        <v>2885</v>
      </c>
      <c r="D76" s="29">
        <v>5588</v>
      </c>
    </row>
    <row r="77" spans="1:4" ht="18" customHeight="1" x14ac:dyDescent="0.2">
      <c r="A77" s="31" t="s">
        <v>78</v>
      </c>
      <c r="B77" s="27">
        <v>11374</v>
      </c>
      <c r="C77" s="28">
        <v>11916</v>
      </c>
      <c r="D77" s="29">
        <v>23290</v>
      </c>
    </row>
    <row r="78" spans="1:4" ht="18" customHeight="1" x14ac:dyDescent="0.2">
      <c r="A78" s="31">
        <v>60</v>
      </c>
      <c r="B78" s="27">
        <v>3074</v>
      </c>
      <c r="C78" s="28">
        <v>3117</v>
      </c>
      <c r="D78" s="29">
        <v>6191</v>
      </c>
    </row>
    <row r="79" spans="1:4" ht="18" customHeight="1" x14ac:dyDescent="0.2">
      <c r="A79" s="31">
        <v>61</v>
      </c>
      <c r="B79" s="27">
        <v>2929</v>
      </c>
      <c r="C79" s="28">
        <v>3232</v>
      </c>
      <c r="D79" s="29">
        <v>6161</v>
      </c>
    </row>
    <row r="80" spans="1:4" ht="18" customHeight="1" x14ac:dyDescent="0.2">
      <c r="A80" s="31">
        <v>62</v>
      </c>
      <c r="B80" s="27">
        <v>2680</v>
      </c>
      <c r="C80" s="28">
        <v>2961</v>
      </c>
      <c r="D80" s="29">
        <v>5641</v>
      </c>
    </row>
    <row r="81" spans="1:4" ht="18" customHeight="1" x14ac:dyDescent="0.2">
      <c r="A81" s="31">
        <v>63</v>
      </c>
      <c r="B81" s="27">
        <v>1512</v>
      </c>
      <c r="C81" s="28">
        <v>1625</v>
      </c>
      <c r="D81" s="29">
        <v>3137</v>
      </c>
    </row>
    <row r="82" spans="1:4" ht="18" customHeight="1" x14ac:dyDescent="0.2">
      <c r="A82" s="31">
        <v>64</v>
      </c>
      <c r="B82" s="27">
        <v>2022</v>
      </c>
      <c r="C82" s="28">
        <v>2214</v>
      </c>
      <c r="D82" s="29">
        <v>4236</v>
      </c>
    </row>
    <row r="83" spans="1:4" ht="18" customHeight="1" x14ac:dyDescent="0.2">
      <c r="A83" s="31" t="s">
        <v>79</v>
      </c>
      <c r="B83" s="27">
        <v>12217</v>
      </c>
      <c r="C83" s="28">
        <v>13149</v>
      </c>
      <c r="D83" s="29">
        <v>25366</v>
      </c>
    </row>
    <row r="84" spans="1:4" ht="18" customHeight="1" x14ac:dyDescent="0.2">
      <c r="A84" s="31" t="s">
        <v>80</v>
      </c>
      <c r="B84" s="27">
        <v>100655</v>
      </c>
      <c r="C84" s="28">
        <v>99090</v>
      </c>
      <c r="D84" s="29">
        <v>199745</v>
      </c>
    </row>
    <row r="85" spans="1:4" ht="18" customHeight="1" x14ac:dyDescent="0.2">
      <c r="A85" s="31">
        <v>65</v>
      </c>
      <c r="B85" s="27">
        <v>2318</v>
      </c>
      <c r="C85" s="28">
        <v>2647</v>
      </c>
      <c r="D85" s="29">
        <v>4965</v>
      </c>
    </row>
    <row r="86" spans="1:4" ht="18" customHeight="1" x14ac:dyDescent="0.2">
      <c r="A86" s="31">
        <v>66</v>
      </c>
      <c r="B86" s="27">
        <v>2156</v>
      </c>
      <c r="C86" s="28">
        <v>2325</v>
      </c>
      <c r="D86" s="29">
        <v>4481</v>
      </c>
    </row>
    <row r="87" spans="1:4" ht="18" customHeight="1" x14ac:dyDescent="0.2">
      <c r="A87" s="31">
        <v>67</v>
      </c>
      <c r="B87" s="27">
        <v>2309</v>
      </c>
      <c r="C87" s="28">
        <v>2656</v>
      </c>
      <c r="D87" s="29">
        <v>4965</v>
      </c>
    </row>
    <row r="88" spans="1:4" ht="18" customHeight="1" x14ac:dyDescent="0.2">
      <c r="A88" s="31">
        <v>68</v>
      </c>
      <c r="B88" s="27">
        <v>1969</v>
      </c>
      <c r="C88" s="28">
        <v>2222</v>
      </c>
      <c r="D88" s="29">
        <v>4191</v>
      </c>
    </row>
    <row r="89" spans="1:4" ht="18" customHeight="1" x14ac:dyDescent="0.2">
      <c r="A89" s="31">
        <v>69</v>
      </c>
      <c r="B89" s="27">
        <v>1852</v>
      </c>
      <c r="C89" s="28">
        <v>2006</v>
      </c>
      <c r="D89" s="29">
        <v>3858</v>
      </c>
    </row>
    <row r="90" spans="1:4" ht="18" customHeight="1" x14ac:dyDescent="0.2">
      <c r="A90" s="31" t="s">
        <v>81</v>
      </c>
      <c r="B90" s="27">
        <v>10604</v>
      </c>
      <c r="C90" s="28">
        <v>11856</v>
      </c>
      <c r="D90" s="29">
        <v>22460</v>
      </c>
    </row>
    <row r="91" spans="1:4" ht="18" customHeight="1" x14ac:dyDescent="0.2">
      <c r="A91" s="31">
        <v>70</v>
      </c>
      <c r="B91" s="27">
        <v>1503</v>
      </c>
      <c r="C91" s="28">
        <v>1708</v>
      </c>
      <c r="D91" s="29">
        <v>3211</v>
      </c>
    </row>
    <row r="92" spans="1:4" ht="18" customHeight="1" x14ac:dyDescent="0.2">
      <c r="A92" s="31">
        <v>71</v>
      </c>
      <c r="B92" s="27">
        <v>1623</v>
      </c>
      <c r="C92" s="28">
        <v>1991</v>
      </c>
      <c r="D92" s="29">
        <v>3614</v>
      </c>
    </row>
    <row r="93" spans="1:4" ht="18" customHeight="1" x14ac:dyDescent="0.2">
      <c r="A93" s="31">
        <v>72</v>
      </c>
      <c r="B93" s="27">
        <v>1616</v>
      </c>
      <c r="C93" s="28">
        <v>1966</v>
      </c>
      <c r="D93" s="29">
        <v>3582</v>
      </c>
    </row>
    <row r="94" spans="1:4" ht="18" customHeight="1" x14ac:dyDescent="0.2">
      <c r="A94" s="31">
        <v>73</v>
      </c>
      <c r="B94" s="27">
        <v>1748</v>
      </c>
      <c r="C94" s="28">
        <v>2239</v>
      </c>
      <c r="D94" s="29">
        <v>3987</v>
      </c>
    </row>
    <row r="95" spans="1:4" ht="18" customHeight="1" x14ac:dyDescent="0.2">
      <c r="A95" s="31">
        <v>74</v>
      </c>
      <c r="B95" s="27">
        <v>1415</v>
      </c>
      <c r="C95" s="28">
        <v>1700</v>
      </c>
      <c r="D95" s="29">
        <v>3115</v>
      </c>
    </row>
    <row r="96" spans="1:4" ht="18" customHeight="1" x14ac:dyDescent="0.2">
      <c r="A96" s="31" t="s">
        <v>82</v>
      </c>
      <c r="B96" s="27">
        <v>7905</v>
      </c>
      <c r="C96" s="28">
        <v>9604</v>
      </c>
      <c r="D96" s="29">
        <v>17509</v>
      </c>
    </row>
    <row r="97" spans="1:4" ht="18" customHeight="1" x14ac:dyDescent="0.2">
      <c r="A97" s="31">
        <v>75</v>
      </c>
      <c r="B97" s="27">
        <v>1428</v>
      </c>
      <c r="C97" s="28">
        <v>1866</v>
      </c>
      <c r="D97" s="29">
        <v>3294</v>
      </c>
    </row>
    <row r="98" spans="1:4" ht="18" customHeight="1" x14ac:dyDescent="0.2">
      <c r="A98" s="31">
        <v>76</v>
      </c>
      <c r="B98" s="27">
        <v>1421</v>
      </c>
      <c r="C98" s="28">
        <v>2057</v>
      </c>
      <c r="D98" s="29">
        <v>3478</v>
      </c>
    </row>
    <row r="99" spans="1:4" ht="18" customHeight="1" x14ac:dyDescent="0.2">
      <c r="A99" s="31">
        <v>77</v>
      </c>
      <c r="B99" s="27">
        <v>1247</v>
      </c>
      <c r="C99" s="28">
        <v>1784</v>
      </c>
      <c r="D99" s="29">
        <v>3031</v>
      </c>
    </row>
    <row r="100" spans="1:4" ht="18" customHeight="1" x14ac:dyDescent="0.2">
      <c r="A100" s="31">
        <v>78</v>
      </c>
      <c r="B100" s="27">
        <v>1199</v>
      </c>
      <c r="C100" s="28">
        <v>1719</v>
      </c>
      <c r="D100" s="29">
        <v>2918</v>
      </c>
    </row>
    <row r="101" spans="1:4" ht="18" customHeight="1" x14ac:dyDescent="0.2">
      <c r="A101" s="31">
        <v>79</v>
      </c>
      <c r="B101" s="27">
        <v>1090</v>
      </c>
      <c r="C101" s="28">
        <v>1585</v>
      </c>
      <c r="D101" s="29">
        <v>2675</v>
      </c>
    </row>
    <row r="102" spans="1:4" ht="18" customHeight="1" x14ac:dyDescent="0.2">
      <c r="A102" s="31" t="s">
        <v>83</v>
      </c>
      <c r="B102" s="27">
        <v>6385</v>
      </c>
      <c r="C102" s="28">
        <v>9011</v>
      </c>
      <c r="D102" s="29">
        <v>15396</v>
      </c>
    </row>
    <row r="103" spans="1:4" ht="18" customHeight="1" x14ac:dyDescent="0.2">
      <c r="A103" s="31">
        <v>80</v>
      </c>
      <c r="B103" s="27">
        <v>1056</v>
      </c>
      <c r="C103" s="28">
        <v>1628</v>
      </c>
      <c r="D103" s="29">
        <v>2684</v>
      </c>
    </row>
    <row r="104" spans="1:4" ht="18" customHeight="1" x14ac:dyDescent="0.2">
      <c r="A104" s="31">
        <v>81</v>
      </c>
      <c r="B104" s="27">
        <v>945</v>
      </c>
      <c r="C104" s="28">
        <v>1455</v>
      </c>
      <c r="D104" s="29">
        <v>2400</v>
      </c>
    </row>
    <row r="105" spans="1:4" ht="18" customHeight="1" x14ac:dyDescent="0.2">
      <c r="A105" s="31">
        <v>82</v>
      </c>
      <c r="B105" s="27">
        <v>883</v>
      </c>
      <c r="C105" s="28">
        <v>1368</v>
      </c>
      <c r="D105" s="29">
        <v>2251</v>
      </c>
    </row>
    <row r="106" spans="1:4" ht="18" customHeight="1" x14ac:dyDescent="0.2">
      <c r="A106" s="31">
        <v>83</v>
      </c>
      <c r="B106" s="27">
        <v>746</v>
      </c>
      <c r="C106" s="28">
        <v>1355</v>
      </c>
      <c r="D106" s="29">
        <v>2101</v>
      </c>
    </row>
    <row r="107" spans="1:4" ht="18" customHeight="1" x14ac:dyDescent="0.2">
      <c r="A107" s="31">
        <v>84</v>
      </c>
      <c r="B107" s="27">
        <v>655</v>
      </c>
      <c r="C107" s="28">
        <v>1229</v>
      </c>
      <c r="D107" s="29">
        <v>1884</v>
      </c>
    </row>
    <row r="108" spans="1:4" ht="18" customHeight="1" x14ac:dyDescent="0.2">
      <c r="A108" s="31" t="s">
        <v>84</v>
      </c>
      <c r="B108" s="27">
        <v>4285</v>
      </c>
      <c r="C108" s="28">
        <v>7035</v>
      </c>
      <c r="D108" s="29">
        <v>11320</v>
      </c>
    </row>
    <row r="109" spans="1:4" ht="18" customHeight="1" x14ac:dyDescent="0.2">
      <c r="A109" s="31">
        <v>85</v>
      </c>
      <c r="B109" s="27">
        <v>496</v>
      </c>
      <c r="C109" s="28">
        <v>1024</v>
      </c>
      <c r="D109" s="29">
        <v>1520</v>
      </c>
    </row>
    <row r="110" spans="1:4" ht="18" customHeight="1" x14ac:dyDescent="0.2">
      <c r="A110" s="31">
        <v>86</v>
      </c>
      <c r="B110" s="27">
        <v>389</v>
      </c>
      <c r="C110" s="28">
        <v>954</v>
      </c>
      <c r="D110" s="29">
        <v>1343</v>
      </c>
    </row>
    <row r="111" spans="1:4" ht="18" customHeight="1" x14ac:dyDescent="0.2">
      <c r="A111" s="31">
        <v>87</v>
      </c>
      <c r="B111" s="27">
        <v>367</v>
      </c>
      <c r="C111" s="28">
        <v>972</v>
      </c>
      <c r="D111" s="29">
        <v>1339</v>
      </c>
    </row>
    <row r="112" spans="1:4" ht="18" customHeight="1" x14ac:dyDescent="0.2">
      <c r="A112" s="31">
        <v>88</v>
      </c>
      <c r="B112" s="27">
        <v>308</v>
      </c>
      <c r="C112" s="28">
        <v>886</v>
      </c>
      <c r="D112" s="29">
        <v>1194</v>
      </c>
    </row>
    <row r="113" spans="1:4" ht="18" customHeight="1" x14ac:dyDescent="0.2">
      <c r="A113" s="31">
        <v>89</v>
      </c>
      <c r="B113" s="27">
        <v>248</v>
      </c>
      <c r="C113" s="28">
        <v>687</v>
      </c>
      <c r="D113" s="29">
        <v>935</v>
      </c>
    </row>
    <row r="114" spans="1:4" ht="18" customHeight="1" x14ac:dyDescent="0.2">
      <c r="A114" s="31" t="s">
        <v>85</v>
      </c>
      <c r="B114" s="27">
        <v>1808</v>
      </c>
      <c r="C114" s="28">
        <v>4523</v>
      </c>
      <c r="D114" s="29">
        <v>6331</v>
      </c>
    </row>
    <row r="115" spans="1:4" ht="18" customHeight="1" x14ac:dyDescent="0.2">
      <c r="A115" s="31">
        <v>90</v>
      </c>
      <c r="B115" s="27">
        <v>184</v>
      </c>
      <c r="C115" s="28">
        <v>507</v>
      </c>
      <c r="D115" s="29">
        <v>691</v>
      </c>
    </row>
    <row r="116" spans="1:4" ht="18" customHeight="1" x14ac:dyDescent="0.2">
      <c r="A116" s="31">
        <v>91</v>
      </c>
      <c r="B116" s="27">
        <v>143</v>
      </c>
      <c r="C116" s="28">
        <v>445</v>
      </c>
      <c r="D116" s="29">
        <v>588</v>
      </c>
    </row>
    <row r="117" spans="1:4" ht="18" customHeight="1" x14ac:dyDescent="0.2">
      <c r="A117" s="31">
        <v>92</v>
      </c>
      <c r="B117" s="27">
        <v>143</v>
      </c>
      <c r="C117" s="28">
        <v>414</v>
      </c>
      <c r="D117" s="29">
        <v>557</v>
      </c>
    </row>
    <row r="118" spans="1:4" ht="18" customHeight="1" x14ac:dyDescent="0.2">
      <c r="A118" s="31">
        <v>93</v>
      </c>
      <c r="B118" s="27">
        <v>103</v>
      </c>
      <c r="C118" s="28">
        <v>337</v>
      </c>
      <c r="D118" s="29">
        <v>440</v>
      </c>
    </row>
    <row r="119" spans="1:4" ht="18" customHeight="1" x14ac:dyDescent="0.2">
      <c r="A119" s="31">
        <v>94</v>
      </c>
      <c r="B119" s="27">
        <v>89</v>
      </c>
      <c r="C119" s="28">
        <v>264</v>
      </c>
      <c r="D119" s="29">
        <v>353</v>
      </c>
    </row>
    <row r="120" spans="1:4" ht="18" customHeight="1" x14ac:dyDescent="0.2">
      <c r="A120" s="31" t="s">
        <v>86</v>
      </c>
      <c r="B120" s="27">
        <v>662</v>
      </c>
      <c r="C120" s="28">
        <v>1967</v>
      </c>
      <c r="D120" s="29">
        <v>2629</v>
      </c>
    </row>
    <row r="121" spans="1:4" ht="18" customHeight="1" x14ac:dyDescent="0.2">
      <c r="A121" s="31">
        <v>95</v>
      </c>
      <c r="B121" s="27">
        <v>64</v>
      </c>
      <c r="C121" s="28">
        <v>245</v>
      </c>
      <c r="D121" s="29">
        <v>309</v>
      </c>
    </row>
    <row r="122" spans="1:4" ht="18" customHeight="1" x14ac:dyDescent="0.2">
      <c r="A122" s="31">
        <v>96</v>
      </c>
      <c r="B122" s="27">
        <v>41</v>
      </c>
      <c r="C122" s="28">
        <v>178</v>
      </c>
      <c r="D122" s="29">
        <v>219</v>
      </c>
    </row>
    <row r="123" spans="1:4" ht="18" customHeight="1" x14ac:dyDescent="0.2">
      <c r="A123" s="31">
        <v>97</v>
      </c>
      <c r="B123" s="27">
        <v>24</v>
      </c>
      <c r="C123" s="28">
        <v>127</v>
      </c>
      <c r="D123" s="29">
        <v>151</v>
      </c>
    </row>
    <row r="124" spans="1:4" ht="18" customHeight="1" x14ac:dyDescent="0.2">
      <c r="A124" s="31">
        <v>98</v>
      </c>
      <c r="B124" s="27">
        <v>13</v>
      </c>
      <c r="C124" s="28">
        <v>100</v>
      </c>
      <c r="D124" s="29">
        <v>113</v>
      </c>
    </row>
    <row r="125" spans="1:4" ht="18" customHeight="1" x14ac:dyDescent="0.2">
      <c r="A125" s="31">
        <v>99</v>
      </c>
      <c r="B125" s="27">
        <v>11</v>
      </c>
      <c r="C125" s="28">
        <v>53</v>
      </c>
      <c r="D125" s="29">
        <v>64</v>
      </c>
    </row>
    <row r="126" spans="1:4" ht="18" customHeight="1" x14ac:dyDescent="0.2">
      <c r="A126" s="31" t="s">
        <v>87</v>
      </c>
      <c r="B126" s="27">
        <v>153</v>
      </c>
      <c r="C126" s="28">
        <v>703</v>
      </c>
      <c r="D126" s="29">
        <v>856</v>
      </c>
    </row>
    <row r="127" spans="1:4" ht="18" customHeight="1" x14ac:dyDescent="0.2">
      <c r="A127" s="31">
        <v>100</v>
      </c>
      <c r="B127" s="27">
        <v>6</v>
      </c>
      <c r="C127" s="28">
        <v>45</v>
      </c>
      <c r="D127" s="29">
        <v>51</v>
      </c>
    </row>
    <row r="128" spans="1:4" ht="18" customHeight="1" x14ac:dyDescent="0.2">
      <c r="A128" s="32" t="s">
        <v>88</v>
      </c>
      <c r="B128" s="27">
        <v>8</v>
      </c>
      <c r="C128" s="28">
        <v>71</v>
      </c>
      <c r="D128" s="29">
        <v>79</v>
      </c>
    </row>
    <row r="129" spans="1:4" ht="18" customHeight="1" x14ac:dyDescent="0.2">
      <c r="A129" s="31" t="s">
        <v>89</v>
      </c>
      <c r="B129" s="27">
        <v>14</v>
      </c>
      <c r="C129" s="28">
        <v>116</v>
      </c>
      <c r="D129" s="29">
        <v>130</v>
      </c>
    </row>
    <row r="130" spans="1:4" ht="18" customHeight="1" x14ac:dyDescent="0.2">
      <c r="A130" s="31" t="s">
        <v>90</v>
      </c>
      <c r="B130" s="4">
        <v>31816</v>
      </c>
      <c r="C130" s="5">
        <v>44815</v>
      </c>
      <c r="D130" s="6">
        <v>76631</v>
      </c>
    </row>
    <row r="131" spans="1:4" ht="18" customHeight="1" x14ac:dyDescent="0.2">
      <c r="A131" s="33" t="s">
        <v>65</v>
      </c>
      <c r="B131" s="7">
        <v>154304</v>
      </c>
      <c r="C131" s="8">
        <v>164637</v>
      </c>
      <c r="D131" s="9">
        <v>31894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2</v>
      </c>
      <c r="D7" s="29">
        <v>2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2</v>
      </c>
      <c r="C9" s="38">
        <v>1</v>
      </c>
      <c r="D9" s="40">
        <v>3</v>
      </c>
    </row>
    <row r="10" spans="1:4" ht="18" customHeight="1" x14ac:dyDescent="0.2">
      <c r="A10" s="31" t="s">
        <v>66</v>
      </c>
      <c r="B10" s="27">
        <v>3</v>
      </c>
      <c r="C10" s="28">
        <v>4</v>
      </c>
      <c r="D10" s="29">
        <v>7</v>
      </c>
    </row>
    <row r="11" spans="1:4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4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4" ht="18" customHeight="1" x14ac:dyDescent="0.2">
      <c r="A13" s="31">
        <v>7</v>
      </c>
      <c r="B13" s="35">
        <v>3</v>
      </c>
      <c r="C13" s="28">
        <v>2</v>
      </c>
      <c r="D13" s="29">
        <v>5</v>
      </c>
    </row>
    <row r="14" spans="1:4" ht="18" customHeight="1" x14ac:dyDescent="0.2">
      <c r="A14" s="31">
        <v>8</v>
      </c>
      <c r="B14" s="35">
        <v>3</v>
      </c>
      <c r="C14" s="28">
        <v>1</v>
      </c>
      <c r="D14" s="29">
        <v>4</v>
      </c>
    </row>
    <row r="15" spans="1:4" ht="18" customHeight="1" x14ac:dyDescent="0.2">
      <c r="A15" s="31">
        <v>9</v>
      </c>
      <c r="B15" s="35">
        <v>0</v>
      </c>
      <c r="C15" s="28">
        <v>3</v>
      </c>
      <c r="D15" s="29">
        <v>3</v>
      </c>
    </row>
    <row r="16" spans="1:4" ht="18" customHeight="1" x14ac:dyDescent="0.2">
      <c r="A16" s="31" t="s">
        <v>67</v>
      </c>
      <c r="B16" s="27">
        <v>9</v>
      </c>
      <c r="C16" s="28">
        <v>9</v>
      </c>
      <c r="D16" s="29">
        <v>18</v>
      </c>
    </row>
    <row r="17" spans="1:4" ht="18" customHeight="1" x14ac:dyDescent="0.2">
      <c r="A17" s="31">
        <v>10</v>
      </c>
      <c r="B17" s="27">
        <v>3</v>
      </c>
      <c r="C17" s="28">
        <v>1</v>
      </c>
      <c r="D17" s="29">
        <v>4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3</v>
      </c>
      <c r="C19" s="28">
        <v>0</v>
      </c>
      <c r="D19" s="29">
        <v>3</v>
      </c>
    </row>
    <row r="20" spans="1:4" ht="18" customHeight="1" x14ac:dyDescent="0.2">
      <c r="A20" s="31">
        <v>13</v>
      </c>
      <c r="B20" s="27">
        <v>1</v>
      </c>
      <c r="C20" s="28">
        <v>3</v>
      </c>
      <c r="D20" s="29">
        <v>4</v>
      </c>
    </row>
    <row r="21" spans="1:4" ht="18" customHeight="1" x14ac:dyDescent="0.2">
      <c r="A21" s="31">
        <v>14</v>
      </c>
      <c r="B21" s="27">
        <v>1</v>
      </c>
      <c r="C21" s="28">
        <v>1</v>
      </c>
      <c r="D21" s="29">
        <v>2</v>
      </c>
    </row>
    <row r="22" spans="1:4" ht="18" customHeight="1" x14ac:dyDescent="0.2">
      <c r="A22" s="31" t="s">
        <v>68</v>
      </c>
      <c r="B22" s="27">
        <v>9</v>
      </c>
      <c r="C22" s="28">
        <v>6</v>
      </c>
      <c r="D22" s="29">
        <v>15</v>
      </c>
    </row>
    <row r="23" spans="1:4" ht="18" customHeight="1" x14ac:dyDescent="0.2">
      <c r="A23" s="31" t="s">
        <v>69</v>
      </c>
      <c r="B23" s="27">
        <v>21</v>
      </c>
      <c r="C23" s="28">
        <v>19</v>
      </c>
      <c r="D23" s="29">
        <v>40</v>
      </c>
    </row>
    <row r="24" spans="1:4" ht="18" customHeight="1" x14ac:dyDescent="0.2">
      <c r="A24" s="31">
        <v>15</v>
      </c>
      <c r="B24" s="27">
        <v>1</v>
      </c>
      <c r="C24" s="28">
        <v>1</v>
      </c>
      <c r="D24" s="29">
        <v>2</v>
      </c>
    </row>
    <row r="25" spans="1:4" ht="18" customHeight="1" x14ac:dyDescent="0.2">
      <c r="A25" s="31">
        <v>16</v>
      </c>
      <c r="B25" s="27">
        <v>3</v>
      </c>
      <c r="C25" s="28">
        <v>3</v>
      </c>
      <c r="D25" s="29">
        <v>6</v>
      </c>
    </row>
    <row r="26" spans="1:4" ht="18" customHeight="1" x14ac:dyDescent="0.2">
      <c r="A26" s="31">
        <v>17</v>
      </c>
      <c r="B26" s="27">
        <v>1</v>
      </c>
      <c r="C26" s="28">
        <v>2</v>
      </c>
      <c r="D26" s="29">
        <v>3</v>
      </c>
    </row>
    <row r="27" spans="1:4" ht="18" customHeight="1" x14ac:dyDescent="0.2">
      <c r="A27" s="31">
        <v>18</v>
      </c>
      <c r="B27" s="27">
        <v>1</v>
      </c>
      <c r="C27" s="28">
        <v>1</v>
      </c>
      <c r="D27" s="29">
        <v>2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70</v>
      </c>
      <c r="B29" s="27">
        <v>8</v>
      </c>
      <c r="C29" s="28">
        <v>8</v>
      </c>
      <c r="D29" s="29">
        <v>16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2</v>
      </c>
      <c r="C31" s="28">
        <v>3</v>
      </c>
      <c r="D31" s="29">
        <v>5</v>
      </c>
    </row>
    <row r="32" spans="1:4" ht="18" customHeight="1" x14ac:dyDescent="0.2">
      <c r="A32" s="31">
        <v>22</v>
      </c>
      <c r="B32" s="27">
        <v>0</v>
      </c>
      <c r="C32" s="28">
        <v>1</v>
      </c>
      <c r="D32" s="29">
        <v>1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3</v>
      </c>
      <c r="C34" s="28">
        <v>2</v>
      </c>
      <c r="D34" s="29">
        <v>5</v>
      </c>
    </row>
    <row r="35" spans="1:4" ht="18" customHeight="1" x14ac:dyDescent="0.2">
      <c r="A35" s="31" t="s">
        <v>71</v>
      </c>
      <c r="B35" s="27">
        <v>7</v>
      </c>
      <c r="C35" s="28">
        <v>9</v>
      </c>
      <c r="D35" s="29">
        <v>16</v>
      </c>
    </row>
    <row r="36" spans="1:4" ht="18" customHeight="1" x14ac:dyDescent="0.2">
      <c r="A36" s="31">
        <v>25</v>
      </c>
      <c r="B36" s="27">
        <v>4</v>
      </c>
      <c r="C36" s="28">
        <v>0</v>
      </c>
      <c r="D36" s="29">
        <v>4</v>
      </c>
    </row>
    <row r="37" spans="1:4" ht="18" customHeight="1" x14ac:dyDescent="0.2">
      <c r="A37" s="31">
        <v>26</v>
      </c>
      <c r="B37" s="27">
        <v>1</v>
      </c>
      <c r="C37" s="28">
        <v>5</v>
      </c>
      <c r="D37" s="29">
        <v>6</v>
      </c>
    </row>
    <row r="38" spans="1:4" ht="18" customHeight="1" x14ac:dyDescent="0.2">
      <c r="A38" s="31">
        <v>27</v>
      </c>
      <c r="B38" s="27">
        <v>2</v>
      </c>
      <c r="C38" s="28">
        <v>4</v>
      </c>
      <c r="D38" s="29">
        <v>6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2</v>
      </c>
      <c r="C40" s="28">
        <v>0</v>
      </c>
      <c r="D40" s="29">
        <v>2</v>
      </c>
    </row>
    <row r="41" spans="1:4" ht="18" customHeight="1" x14ac:dyDescent="0.2">
      <c r="A41" s="31" t="s">
        <v>72</v>
      </c>
      <c r="B41" s="27">
        <v>10</v>
      </c>
      <c r="C41" s="28">
        <v>9</v>
      </c>
      <c r="D41" s="29">
        <v>19</v>
      </c>
    </row>
    <row r="42" spans="1:4" ht="18" customHeight="1" x14ac:dyDescent="0.2">
      <c r="A42" s="31">
        <v>30</v>
      </c>
      <c r="B42" s="27">
        <v>4</v>
      </c>
      <c r="C42" s="28">
        <v>1</v>
      </c>
      <c r="D42" s="29">
        <v>5</v>
      </c>
    </row>
    <row r="43" spans="1:4" ht="18" customHeight="1" x14ac:dyDescent="0.2">
      <c r="A43" s="31">
        <v>31</v>
      </c>
      <c r="B43" s="27">
        <v>1</v>
      </c>
      <c r="C43" s="28">
        <v>3</v>
      </c>
      <c r="D43" s="29">
        <v>4</v>
      </c>
    </row>
    <row r="44" spans="1:4" ht="18" customHeight="1" x14ac:dyDescent="0.2">
      <c r="A44" s="31">
        <v>32</v>
      </c>
      <c r="B44" s="27">
        <v>1</v>
      </c>
      <c r="C44" s="28">
        <v>3</v>
      </c>
      <c r="D44" s="29">
        <v>4</v>
      </c>
    </row>
    <row r="45" spans="1:4" ht="18" customHeight="1" x14ac:dyDescent="0.2">
      <c r="A45" s="31">
        <v>33</v>
      </c>
      <c r="B45" s="27">
        <v>5</v>
      </c>
      <c r="C45" s="28">
        <v>3</v>
      </c>
      <c r="D45" s="29">
        <v>8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73</v>
      </c>
      <c r="B47" s="27">
        <v>11</v>
      </c>
      <c r="C47" s="28">
        <v>10</v>
      </c>
      <c r="D47" s="29">
        <v>21</v>
      </c>
    </row>
    <row r="48" spans="1:4" ht="18" customHeight="1" x14ac:dyDescent="0.2">
      <c r="A48" s="31">
        <v>35</v>
      </c>
      <c r="B48" s="27">
        <v>2</v>
      </c>
      <c r="C48" s="28">
        <v>2</v>
      </c>
      <c r="D48" s="29">
        <v>4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3</v>
      </c>
      <c r="C50" s="28">
        <v>1</v>
      </c>
      <c r="D50" s="29">
        <v>4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0</v>
      </c>
      <c r="C52" s="28">
        <v>2</v>
      </c>
      <c r="D52" s="29">
        <v>2</v>
      </c>
    </row>
    <row r="53" spans="1:4" ht="18" customHeight="1" x14ac:dyDescent="0.2">
      <c r="A53" s="31" t="s">
        <v>74</v>
      </c>
      <c r="B53" s="27">
        <v>7</v>
      </c>
      <c r="C53" s="28">
        <v>7</v>
      </c>
      <c r="D53" s="29">
        <v>14</v>
      </c>
    </row>
    <row r="54" spans="1:4" ht="18" customHeight="1" x14ac:dyDescent="0.2">
      <c r="A54" s="31">
        <v>40</v>
      </c>
      <c r="B54" s="27">
        <v>3</v>
      </c>
      <c r="C54" s="28">
        <v>1</v>
      </c>
      <c r="D54" s="29">
        <v>4</v>
      </c>
    </row>
    <row r="55" spans="1:4" ht="18" customHeight="1" x14ac:dyDescent="0.2">
      <c r="A55" s="31">
        <v>41</v>
      </c>
      <c r="B55" s="27">
        <v>3</v>
      </c>
      <c r="C55" s="28">
        <v>2</v>
      </c>
      <c r="D55" s="29">
        <v>5</v>
      </c>
    </row>
    <row r="56" spans="1:4" ht="18" customHeight="1" x14ac:dyDescent="0.2">
      <c r="A56" s="31">
        <v>42</v>
      </c>
      <c r="B56" s="27">
        <v>1</v>
      </c>
      <c r="C56" s="28">
        <v>0</v>
      </c>
      <c r="D56" s="29">
        <v>1</v>
      </c>
    </row>
    <row r="57" spans="1:4" ht="18" customHeight="1" x14ac:dyDescent="0.2">
      <c r="A57" s="31">
        <v>43</v>
      </c>
      <c r="B57" s="27">
        <v>2</v>
      </c>
      <c r="C57" s="28">
        <v>2</v>
      </c>
      <c r="D57" s="29">
        <v>4</v>
      </c>
    </row>
    <row r="58" spans="1:4" ht="18" customHeight="1" x14ac:dyDescent="0.2">
      <c r="A58" s="31">
        <v>44</v>
      </c>
      <c r="B58" s="27">
        <v>1</v>
      </c>
      <c r="C58" s="28">
        <v>2</v>
      </c>
      <c r="D58" s="29">
        <v>3</v>
      </c>
    </row>
    <row r="59" spans="1:4" ht="18" customHeight="1" x14ac:dyDescent="0.2">
      <c r="A59" s="31" t="s">
        <v>75</v>
      </c>
      <c r="B59" s="27">
        <v>10</v>
      </c>
      <c r="C59" s="28">
        <v>7</v>
      </c>
      <c r="D59" s="29">
        <v>17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4</v>
      </c>
      <c r="C61" s="28">
        <v>2</v>
      </c>
      <c r="D61" s="29">
        <v>6</v>
      </c>
    </row>
    <row r="62" spans="1:4" ht="18" customHeight="1" x14ac:dyDescent="0.2">
      <c r="A62" s="31">
        <v>47</v>
      </c>
      <c r="B62" s="27">
        <v>5</v>
      </c>
      <c r="C62" s="28">
        <v>3</v>
      </c>
      <c r="D62" s="29">
        <v>8</v>
      </c>
    </row>
    <row r="63" spans="1:4" ht="18" customHeight="1" x14ac:dyDescent="0.2">
      <c r="A63" s="31">
        <v>48</v>
      </c>
      <c r="B63" s="27">
        <v>3</v>
      </c>
      <c r="C63" s="28">
        <v>4</v>
      </c>
      <c r="D63" s="29">
        <v>7</v>
      </c>
    </row>
    <row r="64" spans="1:4" ht="18" customHeight="1" x14ac:dyDescent="0.2">
      <c r="A64" s="31">
        <v>49</v>
      </c>
      <c r="B64" s="27">
        <v>2</v>
      </c>
      <c r="C64" s="28">
        <v>1</v>
      </c>
      <c r="D64" s="29">
        <v>3</v>
      </c>
    </row>
    <row r="65" spans="1:4" ht="18" customHeight="1" x14ac:dyDescent="0.2">
      <c r="A65" s="31" t="s">
        <v>76</v>
      </c>
      <c r="B65" s="27">
        <v>15</v>
      </c>
      <c r="C65" s="28">
        <v>10</v>
      </c>
      <c r="D65" s="29">
        <v>25</v>
      </c>
    </row>
    <row r="66" spans="1:4" ht="18" customHeight="1" x14ac:dyDescent="0.2">
      <c r="A66" s="31">
        <v>50</v>
      </c>
      <c r="B66" s="27">
        <v>3</v>
      </c>
      <c r="C66" s="28">
        <v>1</v>
      </c>
      <c r="D66" s="29">
        <v>4</v>
      </c>
    </row>
    <row r="67" spans="1:4" ht="18" customHeight="1" x14ac:dyDescent="0.2">
      <c r="A67" s="31">
        <v>51</v>
      </c>
      <c r="B67" s="27">
        <v>2</v>
      </c>
      <c r="C67" s="28">
        <v>3</v>
      </c>
      <c r="D67" s="29">
        <v>5</v>
      </c>
    </row>
    <row r="68" spans="1:4" ht="18" customHeight="1" x14ac:dyDescent="0.2">
      <c r="A68" s="31">
        <v>52</v>
      </c>
      <c r="B68" s="27">
        <v>3</v>
      </c>
      <c r="C68" s="28">
        <v>0</v>
      </c>
      <c r="D68" s="29">
        <v>3</v>
      </c>
    </row>
    <row r="69" spans="1:4" ht="18" customHeight="1" x14ac:dyDescent="0.2">
      <c r="A69" s="31">
        <v>53</v>
      </c>
      <c r="B69" s="27">
        <v>0</v>
      </c>
      <c r="C69" s="28">
        <v>3</v>
      </c>
      <c r="D69" s="29">
        <v>3</v>
      </c>
    </row>
    <row r="70" spans="1:4" ht="18" customHeight="1" x14ac:dyDescent="0.2">
      <c r="A70" s="31">
        <v>54</v>
      </c>
      <c r="B70" s="27">
        <v>3</v>
      </c>
      <c r="C70" s="28">
        <v>4</v>
      </c>
      <c r="D70" s="29">
        <v>7</v>
      </c>
    </row>
    <row r="71" spans="1:4" ht="18" customHeight="1" x14ac:dyDescent="0.2">
      <c r="A71" s="31" t="s">
        <v>77</v>
      </c>
      <c r="B71" s="27">
        <v>11</v>
      </c>
      <c r="C71" s="28">
        <v>11</v>
      </c>
      <c r="D71" s="29">
        <v>22</v>
      </c>
    </row>
    <row r="72" spans="1:4" ht="18" customHeight="1" x14ac:dyDescent="0.2">
      <c r="A72" s="31">
        <v>55</v>
      </c>
      <c r="B72" s="27">
        <v>6</v>
      </c>
      <c r="C72" s="28">
        <v>2</v>
      </c>
      <c r="D72" s="29">
        <v>8</v>
      </c>
    </row>
    <row r="73" spans="1:4" ht="18" customHeight="1" x14ac:dyDescent="0.2">
      <c r="A73" s="31">
        <v>56</v>
      </c>
      <c r="B73" s="27">
        <v>3</v>
      </c>
      <c r="C73" s="28">
        <v>7</v>
      </c>
      <c r="D73" s="29">
        <v>10</v>
      </c>
    </row>
    <row r="74" spans="1:4" ht="18" customHeight="1" x14ac:dyDescent="0.2">
      <c r="A74" s="31">
        <v>57</v>
      </c>
      <c r="B74" s="27">
        <v>5</v>
      </c>
      <c r="C74" s="28">
        <v>2</v>
      </c>
      <c r="D74" s="29">
        <v>7</v>
      </c>
    </row>
    <row r="75" spans="1:4" ht="18" customHeight="1" x14ac:dyDescent="0.2">
      <c r="A75" s="31">
        <v>58</v>
      </c>
      <c r="B75" s="27">
        <v>6</v>
      </c>
      <c r="C75" s="28">
        <v>1</v>
      </c>
      <c r="D75" s="29">
        <v>7</v>
      </c>
    </row>
    <row r="76" spans="1:4" ht="18" customHeight="1" x14ac:dyDescent="0.2">
      <c r="A76" s="31">
        <v>59</v>
      </c>
      <c r="B76" s="27">
        <v>3</v>
      </c>
      <c r="C76" s="28">
        <v>4</v>
      </c>
      <c r="D76" s="29">
        <v>7</v>
      </c>
    </row>
    <row r="77" spans="1:4" ht="18" customHeight="1" x14ac:dyDescent="0.2">
      <c r="A77" s="31" t="s">
        <v>78</v>
      </c>
      <c r="B77" s="27">
        <v>23</v>
      </c>
      <c r="C77" s="28">
        <v>16</v>
      </c>
      <c r="D77" s="29">
        <v>39</v>
      </c>
    </row>
    <row r="78" spans="1:4" ht="18" customHeight="1" x14ac:dyDescent="0.2">
      <c r="A78" s="31">
        <v>60</v>
      </c>
      <c r="B78" s="27">
        <v>6</v>
      </c>
      <c r="C78" s="28">
        <v>5</v>
      </c>
      <c r="D78" s="29">
        <v>11</v>
      </c>
    </row>
    <row r="79" spans="1:4" ht="18" customHeight="1" x14ac:dyDescent="0.2">
      <c r="A79" s="31">
        <v>61</v>
      </c>
      <c r="B79" s="27">
        <v>5</v>
      </c>
      <c r="C79" s="28">
        <v>7</v>
      </c>
      <c r="D79" s="29">
        <v>12</v>
      </c>
    </row>
    <row r="80" spans="1:4" ht="18" customHeight="1" x14ac:dyDescent="0.2">
      <c r="A80" s="31">
        <v>62</v>
      </c>
      <c r="B80" s="27">
        <v>5</v>
      </c>
      <c r="C80" s="28">
        <v>6</v>
      </c>
      <c r="D80" s="29">
        <v>11</v>
      </c>
    </row>
    <row r="81" spans="1:4" ht="18" customHeight="1" x14ac:dyDescent="0.2">
      <c r="A81" s="31">
        <v>63</v>
      </c>
      <c r="B81" s="27">
        <v>1</v>
      </c>
      <c r="C81" s="28">
        <v>2</v>
      </c>
      <c r="D81" s="29">
        <v>3</v>
      </c>
    </row>
    <row r="82" spans="1:4" ht="18" customHeight="1" x14ac:dyDescent="0.2">
      <c r="A82" s="31">
        <v>64</v>
      </c>
      <c r="B82" s="27">
        <v>2</v>
      </c>
      <c r="C82" s="28">
        <v>4</v>
      </c>
      <c r="D82" s="29">
        <v>6</v>
      </c>
    </row>
    <row r="83" spans="1:4" ht="18" customHeight="1" x14ac:dyDescent="0.2">
      <c r="A83" s="31" t="s">
        <v>79</v>
      </c>
      <c r="B83" s="27">
        <v>19</v>
      </c>
      <c r="C83" s="28">
        <v>24</v>
      </c>
      <c r="D83" s="29">
        <v>43</v>
      </c>
    </row>
    <row r="84" spans="1:4" ht="18" customHeight="1" x14ac:dyDescent="0.2">
      <c r="A84" s="31" t="s">
        <v>80</v>
      </c>
      <c r="B84" s="27">
        <v>121</v>
      </c>
      <c r="C84" s="28">
        <v>111</v>
      </c>
      <c r="D84" s="29">
        <v>232</v>
      </c>
    </row>
    <row r="85" spans="1:4" ht="18" customHeight="1" x14ac:dyDescent="0.2">
      <c r="A85" s="31">
        <v>65</v>
      </c>
      <c r="B85" s="27">
        <v>3</v>
      </c>
      <c r="C85" s="28">
        <v>2</v>
      </c>
      <c r="D85" s="29">
        <v>5</v>
      </c>
    </row>
    <row r="86" spans="1:4" ht="18" customHeight="1" x14ac:dyDescent="0.2">
      <c r="A86" s="31">
        <v>66</v>
      </c>
      <c r="B86" s="27">
        <v>2</v>
      </c>
      <c r="C86" s="28">
        <v>3</v>
      </c>
      <c r="D86" s="29">
        <v>5</v>
      </c>
    </row>
    <row r="87" spans="1:4" ht="18" customHeight="1" x14ac:dyDescent="0.2">
      <c r="A87" s="31">
        <v>67</v>
      </c>
      <c r="B87" s="27">
        <v>3</v>
      </c>
      <c r="C87" s="28">
        <v>2</v>
      </c>
      <c r="D87" s="29">
        <v>5</v>
      </c>
    </row>
    <row r="88" spans="1:4" ht="18" customHeight="1" x14ac:dyDescent="0.2">
      <c r="A88" s="31">
        <v>68</v>
      </c>
      <c r="B88" s="27">
        <v>3</v>
      </c>
      <c r="C88" s="28">
        <v>5</v>
      </c>
      <c r="D88" s="29">
        <v>8</v>
      </c>
    </row>
    <row r="89" spans="1:4" ht="18" customHeight="1" x14ac:dyDescent="0.2">
      <c r="A89" s="31">
        <v>69</v>
      </c>
      <c r="B89" s="27">
        <v>3</v>
      </c>
      <c r="C89" s="28">
        <v>3</v>
      </c>
      <c r="D89" s="29">
        <v>6</v>
      </c>
    </row>
    <row r="90" spans="1:4" ht="18" customHeight="1" x14ac:dyDescent="0.2">
      <c r="A90" s="31" t="s">
        <v>81</v>
      </c>
      <c r="B90" s="27">
        <v>14</v>
      </c>
      <c r="C90" s="28">
        <v>15</v>
      </c>
      <c r="D90" s="29">
        <v>29</v>
      </c>
    </row>
    <row r="91" spans="1:4" ht="18" customHeight="1" x14ac:dyDescent="0.2">
      <c r="A91" s="31">
        <v>70</v>
      </c>
      <c r="B91" s="27">
        <v>4</v>
      </c>
      <c r="C91" s="28">
        <v>0</v>
      </c>
      <c r="D91" s="29">
        <v>4</v>
      </c>
    </row>
    <row r="92" spans="1:4" ht="18" customHeight="1" x14ac:dyDescent="0.2">
      <c r="A92" s="31">
        <v>71</v>
      </c>
      <c r="B92" s="27">
        <v>0</v>
      </c>
      <c r="C92" s="28">
        <v>6</v>
      </c>
      <c r="D92" s="29">
        <v>6</v>
      </c>
    </row>
    <row r="93" spans="1:4" ht="18" customHeight="1" x14ac:dyDescent="0.2">
      <c r="A93" s="31">
        <v>72</v>
      </c>
      <c r="B93" s="27">
        <v>3</v>
      </c>
      <c r="C93" s="28">
        <v>8</v>
      </c>
      <c r="D93" s="29">
        <v>11</v>
      </c>
    </row>
    <row r="94" spans="1:4" ht="18" customHeight="1" x14ac:dyDescent="0.2">
      <c r="A94" s="31">
        <v>73</v>
      </c>
      <c r="B94" s="27">
        <v>5</v>
      </c>
      <c r="C94" s="28">
        <v>9</v>
      </c>
      <c r="D94" s="29">
        <v>14</v>
      </c>
    </row>
    <row r="95" spans="1:4" ht="18" customHeight="1" x14ac:dyDescent="0.2">
      <c r="A95" s="31">
        <v>74</v>
      </c>
      <c r="B95" s="27">
        <v>5</v>
      </c>
      <c r="C95" s="28">
        <v>5</v>
      </c>
      <c r="D95" s="29">
        <v>10</v>
      </c>
    </row>
    <row r="96" spans="1:4" ht="18" customHeight="1" x14ac:dyDescent="0.2">
      <c r="A96" s="31" t="s">
        <v>82</v>
      </c>
      <c r="B96" s="27">
        <v>17</v>
      </c>
      <c r="C96" s="28">
        <v>28</v>
      </c>
      <c r="D96" s="29">
        <v>45</v>
      </c>
    </row>
    <row r="97" spans="1:4" ht="18" customHeight="1" x14ac:dyDescent="0.2">
      <c r="A97" s="31">
        <v>75</v>
      </c>
      <c r="B97" s="27">
        <v>1</v>
      </c>
      <c r="C97" s="28">
        <v>5</v>
      </c>
      <c r="D97" s="29">
        <v>6</v>
      </c>
    </row>
    <row r="98" spans="1:4" ht="18" customHeight="1" x14ac:dyDescent="0.2">
      <c r="A98" s="31">
        <v>76</v>
      </c>
      <c r="B98" s="27">
        <v>1</v>
      </c>
      <c r="C98" s="28">
        <v>7</v>
      </c>
      <c r="D98" s="29">
        <v>8</v>
      </c>
    </row>
    <row r="99" spans="1:4" ht="18" customHeight="1" x14ac:dyDescent="0.2">
      <c r="A99" s="31">
        <v>77</v>
      </c>
      <c r="B99" s="27">
        <v>5</v>
      </c>
      <c r="C99" s="28">
        <v>4</v>
      </c>
      <c r="D99" s="29">
        <v>9</v>
      </c>
    </row>
    <row r="100" spans="1:4" ht="18" customHeight="1" x14ac:dyDescent="0.2">
      <c r="A100" s="31">
        <v>78</v>
      </c>
      <c r="B100" s="27">
        <v>4</v>
      </c>
      <c r="C100" s="28">
        <v>5</v>
      </c>
      <c r="D100" s="29">
        <v>9</v>
      </c>
    </row>
    <row r="101" spans="1:4" ht="18" customHeight="1" x14ac:dyDescent="0.2">
      <c r="A101" s="31">
        <v>79</v>
      </c>
      <c r="B101" s="27">
        <v>5</v>
      </c>
      <c r="C101" s="28">
        <v>7</v>
      </c>
      <c r="D101" s="29">
        <v>12</v>
      </c>
    </row>
    <row r="102" spans="1:4" ht="18" customHeight="1" x14ac:dyDescent="0.2">
      <c r="A102" s="31" t="s">
        <v>83</v>
      </c>
      <c r="B102" s="27">
        <v>16</v>
      </c>
      <c r="C102" s="28">
        <v>28</v>
      </c>
      <c r="D102" s="29">
        <v>44</v>
      </c>
    </row>
    <row r="103" spans="1:4" ht="18" customHeight="1" x14ac:dyDescent="0.2">
      <c r="A103" s="31">
        <v>80</v>
      </c>
      <c r="B103" s="27">
        <v>4</v>
      </c>
      <c r="C103" s="28">
        <v>6</v>
      </c>
      <c r="D103" s="29">
        <v>10</v>
      </c>
    </row>
    <row r="104" spans="1:4" ht="18" customHeight="1" x14ac:dyDescent="0.2">
      <c r="A104" s="31">
        <v>81</v>
      </c>
      <c r="B104" s="27">
        <v>1</v>
      </c>
      <c r="C104" s="28">
        <v>2</v>
      </c>
      <c r="D104" s="29">
        <v>3</v>
      </c>
    </row>
    <row r="105" spans="1:4" ht="18" customHeight="1" x14ac:dyDescent="0.2">
      <c r="A105" s="31">
        <v>82</v>
      </c>
      <c r="B105" s="27">
        <v>3</v>
      </c>
      <c r="C105" s="28">
        <v>3</v>
      </c>
      <c r="D105" s="29">
        <v>6</v>
      </c>
    </row>
    <row r="106" spans="1:4" ht="18" customHeight="1" x14ac:dyDescent="0.2">
      <c r="A106" s="31">
        <v>83</v>
      </c>
      <c r="B106" s="27">
        <v>5</v>
      </c>
      <c r="C106" s="28">
        <v>4</v>
      </c>
      <c r="D106" s="29">
        <v>9</v>
      </c>
    </row>
    <row r="107" spans="1:4" ht="18" customHeight="1" x14ac:dyDescent="0.2">
      <c r="A107" s="31">
        <v>84</v>
      </c>
      <c r="B107" s="27">
        <v>3</v>
      </c>
      <c r="C107" s="28">
        <v>3</v>
      </c>
      <c r="D107" s="29">
        <v>6</v>
      </c>
    </row>
    <row r="108" spans="1:4" ht="18" customHeight="1" x14ac:dyDescent="0.2">
      <c r="A108" s="31" t="s">
        <v>84</v>
      </c>
      <c r="B108" s="27">
        <v>16</v>
      </c>
      <c r="C108" s="28">
        <v>18</v>
      </c>
      <c r="D108" s="29">
        <v>34</v>
      </c>
    </row>
    <row r="109" spans="1:4" ht="18" customHeight="1" x14ac:dyDescent="0.2">
      <c r="A109" s="31">
        <v>85</v>
      </c>
      <c r="B109" s="27">
        <v>1</v>
      </c>
      <c r="C109" s="28">
        <v>4</v>
      </c>
      <c r="D109" s="29">
        <v>5</v>
      </c>
    </row>
    <row r="110" spans="1:4" ht="18" customHeight="1" x14ac:dyDescent="0.2">
      <c r="A110" s="31">
        <v>86</v>
      </c>
      <c r="B110" s="27">
        <v>1</v>
      </c>
      <c r="C110" s="28">
        <v>3</v>
      </c>
      <c r="D110" s="29">
        <v>4</v>
      </c>
    </row>
    <row r="111" spans="1:4" ht="18" customHeight="1" x14ac:dyDescent="0.2">
      <c r="A111" s="31">
        <v>87</v>
      </c>
      <c r="B111" s="27">
        <v>0</v>
      </c>
      <c r="C111" s="28">
        <v>4</v>
      </c>
      <c r="D111" s="29">
        <v>4</v>
      </c>
    </row>
    <row r="112" spans="1:4" ht="18" customHeight="1" x14ac:dyDescent="0.2">
      <c r="A112" s="31">
        <v>88</v>
      </c>
      <c r="B112" s="27">
        <v>2</v>
      </c>
      <c r="C112" s="28">
        <v>3</v>
      </c>
      <c r="D112" s="29">
        <v>5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85</v>
      </c>
      <c r="B114" s="27">
        <v>4</v>
      </c>
      <c r="C114" s="28">
        <v>15</v>
      </c>
      <c r="D114" s="29">
        <v>19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1</v>
      </c>
      <c r="C117" s="28">
        <v>0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4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4</v>
      </c>
      <c r="C120" s="28">
        <v>11</v>
      </c>
      <c r="D120" s="29">
        <v>15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64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72</v>
      </c>
      <c r="C130" s="5">
        <v>118</v>
      </c>
      <c r="D130" s="6">
        <v>190</v>
      </c>
    </row>
    <row r="131" spans="1:4" ht="18" customHeight="1" x14ac:dyDescent="0.2">
      <c r="A131" s="33" t="s">
        <v>65</v>
      </c>
      <c r="B131" s="7">
        <v>214</v>
      </c>
      <c r="C131" s="8">
        <v>248</v>
      </c>
      <c r="D131" s="9">
        <v>46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4</v>
      </c>
      <c r="D6" s="29">
        <v>5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1</v>
      </c>
      <c r="C9" s="38">
        <v>1</v>
      </c>
      <c r="D9" s="40">
        <v>2</v>
      </c>
    </row>
    <row r="10" spans="1:4" ht="18" customHeight="1" x14ac:dyDescent="0.2">
      <c r="A10" s="31" t="s">
        <v>66</v>
      </c>
      <c r="B10" s="27">
        <v>3</v>
      </c>
      <c r="C10" s="28">
        <v>7</v>
      </c>
      <c r="D10" s="29">
        <v>10</v>
      </c>
    </row>
    <row r="11" spans="1:4" ht="18" customHeight="1" x14ac:dyDescent="0.2">
      <c r="A11" s="31">
        <v>5</v>
      </c>
      <c r="B11" s="35">
        <v>2</v>
      </c>
      <c r="C11" s="28">
        <v>0</v>
      </c>
      <c r="D11" s="29">
        <v>2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0</v>
      </c>
      <c r="C13" s="28">
        <v>1</v>
      </c>
      <c r="D13" s="29">
        <v>1</v>
      </c>
    </row>
    <row r="14" spans="1:4" ht="18" customHeight="1" x14ac:dyDescent="0.2">
      <c r="A14" s="31">
        <v>8</v>
      </c>
      <c r="B14" s="35">
        <v>0</v>
      </c>
      <c r="C14" s="28">
        <v>2</v>
      </c>
      <c r="D14" s="29">
        <v>2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67</v>
      </c>
      <c r="B16" s="27">
        <v>2</v>
      </c>
      <c r="C16" s="28">
        <v>5</v>
      </c>
      <c r="D16" s="29">
        <v>7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1</v>
      </c>
      <c r="C19" s="28">
        <v>1</v>
      </c>
      <c r="D19" s="29">
        <v>2</v>
      </c>
    </row>
    <row r="20" spans="1:4" ht="18" customHeight="1" x14ac:dyDescent="0.2">
      <c r="A20" s="31">
        <v>13</v>
      </c>
      <c r="B20" s="27">
        <v>4</v>
      </c>
      <c r="C20" s="28">
        <v>1</v>
      </c>
      <c r="D20" s="29">
        <v>5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68</v>
      </c>
      <c r="B22" s="27">
        <v>7</v>
      </c>
      <c r="C22" s="28">
        <v>4</v>
      </c>
      <c r="D22" s="29">
        <v>11</v>
      </c>
    </row>
    <row r="23" spans="1:4" ht="18" customHeight="1" x14ac:dyDescent="0.2">
      <c r="A23" s="31" t="s">
        <v>69</v>
      </c>
      <c r="B23" s="27">
        <v>12</v>
      </c>
      <c r="C23" s="28">
        <v>16</v>
      </c>
      <c r="D23" s="29">
        <v>28</v>
      </c>
    </row>
    <row r="24" spans="1:4" ht="18" customHeight="1" x14ac:dyDescent="0.2">
      <c r="A24" s="31">
        <v>15</v>
      </c>
      <c r="B24" s="27">
        <v>2</v>
      </c>
      <c r="C24" s="28">
        <v>2</v>
      </c>
      <c r="D24" s="29">
        <v>4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2</v>
      </c>
      <c r="C28" s="28">
        <v>2</v>
      </c>
      <c r="D28" s="29">
        <v>4</v>
      </c>
    </row>
    <row r="29" spans="1:4" ht="18" customHeight="1" x14ac:dyDescent="0.2">
      <c r="A29" s="31" t="s">
        <v>70</v>
      </c>
      <c r="B29" s="27">
        <v>6</v>
      </c>
      <c r="C29" s="28">
        <v>6</v>
      </c>
      <c r="D29" s="29">
        <v>12</v>
      </c>
    </row>
    <row r="30" spans="1:4" ht="18" customHeight="1" x14ac:dyDescent="0.2">
      <c r="A30" s="31">
        <v>20</v>
      </c>
      <c r="B30" s="27">
        <v>7</v>
      </c>
      <c r="C30" s="28">
        <v>2</v>
      </c>
      <c r="D30" s="29">
        <v>9</v>
      </c>
    </row>
    <row r="31" spans="1:4" ht="18" customHeight="1" x14ac:dyDescent="0.2">
      <c r="A31" s="31">
        <v>21</v>
      </c>
      <c r="B31" s="27">
        <v>3</v>
      </c>
      <c r="C31" s="28">
        <v>2</v>
      </c>
      <c r="D31" s="29">
        <v>5</v>
      </c>
    </row>
    <row r="32" spans="1:4" ht="18" customHeight="1" x14ac:dyDescent="0.2">
      <c r="A32" s="31">
        <v>22</v>
      </c>
      <c r="B32" s="27">
        <v>2</v>
      </c>
      <c r="C32" s="28">
        <v>0</v>
      </c>
      <c r="D32" s="29">
        <v>2</v>
      </c>
    </row>
    <row r="33" spans="1:4" ht="18" customHeight="1" x14ac:dyDescent="0.2">
      <c r="A33" s="31">
        <v>23</v>
      </c>
      <c r="B33" s="27">
        <v>2</v>
      </c>
      <c r="C33" s="28">
        <v>1</v>
      </c>
      <c r="D33" s="29">
        <v>3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71</v>
      </c>
      <c r="B35" s="27">
        <v>15</v>
      </c>
      <c r="C35" s="28">
        <v>6</v>
      </c>
      <c r="D35" s="29">
        <v>21</v>
      </c>
    </row>
    <row r="36" spans="1:4" ht="18" customHeight="1" x14ac:dyDescent="0.2">
      <c r="A36" s="31">
        <v>25</v>
      </c>
      <c r="B36" s="27">
        <v>0</v>
      </c>
      <c r="C36" s="28">
        <v>2</v>
      </c>
      <c r="D36" s="29">
        <v>2</v>
      </c>
    </row>
    <row r="37" spans="1:4" ht="18" customHeight="1" x14ac:dyDescent="0.2">
      <c r="A37" s="31">
        <v>26</v>
      </c>
      <c r="B37" s="27">
        <v>1</v>
      </c>
      <c r="C37" s="28">
        <v>2</v>
      </c>
      <c r="D37" s="29">
        <v>3</v>
      </c>
    </row>
    <row r="38" spans="1:4" ht="18" customHeight="1" x14ac:dyDescent="0.2">
      <c r="A38" s="31">
        <v>27</v>
      </c>
      <c r="B38" s="27">
        <v>1</v>
      </c>
      <c r="C38" s="28">
        <v>1</v>
      </c>
      <c r="D38" s="29">
        <v>2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4</v>
      </c>
      <c r="C40" s="28">
        <v>2</v>
      </c>
      <c r="D40" s="29">
        <v>6</v>
      </c>
    </row>
    <row r="41" spans="1:4" ht="18" customHeight="1" x14ac:dyDescent="0.2">
      <c r="A41" s="31" t="s">
        <v>72</v>
      </c>
      <c r="B41" s="27">
        <v>7</v>
      </c>
      <c r="C41" s="28">
        <v>7</v>
      </c>
      <c r="D41" s="29">
        <v>14</v>
      </c>
    </row>
    <row r="42" spans="1:4" ht="18" customHeight="1" x14ac:dyDescent="0.2">
      <c r="A42" s="31">
        <v>30</v>
      </c>
      <c r="B42" s="27">
        <v>2</v>
      </c>
      <c r="C42" s="28">
        <v>1</v>
      </c>
      <c r="D42" s="29">
        <v>3</v>
      </c>
    </row>
    <row r="43" spans="1:4" ht="18" customHeight="1" x14ac:dyDescent="0.2">
      <c r="A43" s="31">
        <v>31</v>
      </c>
      <c r="B43" s="27">
        <v>0</v>
      </c>
      <c r="C43" s="28">
        <v>1</v>
      </c>
      <c r="D43" s="29">
        <v>1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1</v>
      </c>
      <c r="C45" s="28">
        <v>3</v>
      </c>
      <c r="D45" s="29">
        <v>4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73</v>
      </c>
      <c r="B47" s="27">
        <v>5</v>
      </c>
      <c r="C47" s="28">
        <v>6</v>
      </c>
      <c r="D47" s="29">
        <v>11</v>
      </c>
    </row>
    <row r="48" spans="1:4" ht="18" customHeight="1" x14ac:dyDescent="0.2">
      <c r="A48" s="31">
        <v>35</v>
      </c>
      <c r="B48" s="27">
        <v>1</v>
      </c>
      <c r="C48" s="28">
        <v>2</v>
      </c>
      <c r="D48" s="29">
        <v>3</v>
      </c>
    </row>
    <row r="49" spans="1:4" ht="18" customHeight="1" x14ac:dyDescent="0.2">
      <c r="A49" s="31">
        <v>36</v>
      </c>
      <c r="B49" s="27">
        <v>1</v>
      </c>
      <c r="C49" s="28">
        <v>3</v>
      </c>
      <c r="D49" s="29">
        <v>4</v>
      </c>
    </row>
    <row r="50" spans="1:4" ht="18" customHeight="1" x14ac:dyDescent="0.2">
      <c r="A50" s="31">
        <v>37</v>
      </c>
      <c r="B50" s="27">
        <v>1</v>
      </c>
      <c r="C50" s="28">
        <v>0</v>
      </c>
      <c r="D50" s="29">
        <v>1</v>
      </c>
    </row>
    <row r="51" spans="1:4" ht="18" customHeight="1" x14ac:dyDescent="0.2">
      <c r="A51" s="31">
        <v>38</v>
      </c>
      <c r="B51" s="27">
        <v>2</v>
      </c>
      <c r="C51" s="28">
        <v>1</v>
      </c>
      <c r="D51" s="29">
        <v>3</v>
      </c>
    </row>
    <row r="52" spans="1:4" ht="18" customHeight="1" x14ac:dyDescent="0.2">
      <c r="A52" s="31">
        <v>39</v>
      </c>
      <c r="B52" s="27">
        <v>2</v>
      </c>
      <c r="C52" s="28">
        <v>0</v>
      </c>
      <c r="D52" s="29">
        <v>2</v>
      </c>
    </row>
    <row r="53" spans="1:4" ht="18" customHeight="1" x14ac:dyDescent="0.2">
      <c r="A53" s="31" t="s">
        <v>74</v>
      </c>
      <c r="B53" s="27">
        <v>7</v>
      </c>
      <c r="C53" s="28">
        <v>6</v>
      </c>
      <c r="D53" s="29">
        <v>13</v>
      </c>
    </row>
    <row r="54" spans="1:4" ht="18" customHeight="1" x14ac:dyDescent="0.2">
      <c r="A54" s="31">
        <v>40</v>
      </c>
      <c r="B54" s="27">
        <v>3</v>
      </c>
      <c r="C54" s="28">
        <v>1</v>
      </c>
      <c r="D54" s="29">
        <v>4</v>
      </c>
    </row>
    <row r="55" spans="1:4" ht="18" customHeight="1" x14ac:dyDescent="0.2">
      <c r="A55" s="31">
        <v>41</v>
      </c>
      <c r="B55" s="27">
        <v>0</v>
      </c>
      <c r="C55" s="28">
        <v>3</v>
      </c>
      <c r="D55" s="29">
        <v>3</v>
      </c>
    </row>
    <row r="56" spans="1:4" ht="18" customHeight="1" x14ac:dyDescent="0.2">
      <c r="A56" s="31">
        <v>42</v>
      </c>
      <c r="B56" s="27">
        <v>0</v>
      </c>
      <c r="C56" s="28">
        <v>1</v>
      </c>
      <c r="D56" s="29">
        <v>1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1</v>
      </c>
      <c r="C58" s="28">
        <v>2</v>
      </c>
      <c r="D58" s="29">
        <v>3</v>
      </c>
    </row>
    <row r="59" spans="1:4" ht="18" customHeight="1" x14ac:dyDescent="0.2">
      <c r="A59" s="31" t="s">
        <v>75</v>
      </c>
      <c r="B59" s="27">
        <v>4</v>
      </c>
      <c r="C59" s="28">
        <v>7</v>
      </c>
      <c r="D59" s="29">
        <v>11</v>
      </c>
    </row>
    <row r="60" spans="1:4" ht="18" customHeight="1" x14ac:dyDescent="0.2">
      <c r="A60" s="31">
        <v>45</v>
      </c>
      <c r="B60" s="27">
        <v>2</v>
      </c>
      <c r="C60" s="28">
        <v>0</v>
      </c>
      <c r="D60" s="29">
        <v>2</v>
      </c>
    </row>
    <row r="61" spans="1:4" ht="18" customHeight="1" x14ac:dyDescent="0.2">
      <c r="A61" s="31">
        <v>46</v>
      </c>
      <c r="B61" s="27">
        <v>1</v>
      </c>
      <c r="C61" s="28">
        <v>3</v>
      </c>
      <c r="D61" s="29">
        <v>4</v>
      </c>
    </row>
    <row r="62" spans="1:4" ht="18" customHeight="1" x14ac:dyDescent="0.2">
      <c r="A62" s="31">
        <v>47</v>
      </c>
      <c r="B62" s="27">
        <v>3</v>
      </c>
      <c r="C62" s="28">
        <v>3</v>
      </c>
      <c r="D62" s="29">
        <v>6</v>
      </c>
    </row>
    <row r="63" spans="1:4" ht="18" customHeight="1" x14ac:dyDescent="0.2">
      <c r="A63" s="31">
        <v>48</v>
      </c>
      <c r="B63" s="27">
        <v>1</v>
      </c>
      <c r="C63" s="28">
        <v>1</v>
      </c>
      <c r="D63" s="29">
        <v>2</v>
      </c>
    </row>
    <row r="64" spans="1:4" ht="18" customHeight="1" x14ac:dyDescent="0.2">
      <c r="A64" s="31">
        <v>49</v>
      </c>
      <c r="B64" s="27">
        <v>6</v>
      </c>
      <c r="C64" s="28">
        <v>2</v>
      </c>
      <c r="D64" s="29">
        <v>8</v>
      </c>
    </row>
    <row r="65" spans="1:4" ht="18" customHeight="1" x14ac:dyDescent="0.2">
      <c r="A65" s="31" t="s">
        <v>76</v>
      </c>
      <c r="B65" s="27">
        <v>13</v>
      </c>
      <c r="C65" s="28">
        <v>9</v>
      </c>
      <c r="D65" s="29">
        <v>22</v>
      </c>
    </row>
    <row r="66" spans="1:4" ht="18" customHeight="1" x14ac:dyDescent="0.2">
      <c r="A66" s="31">
        <v>50</v>
      </c>
      <c r="B66" s="27">
        <v>4</v>
      </c>
      <c r="C66" s="28">
        <v>3</v>
      </c>
      <c r="D66" s="29">
        <v>7</v>
      </c>
    </row>
    <row r="67" spans="1:4" ht="18" customHeight="1" x14ac:dyDescent="0.2">
      <c r="A67" s="31">
        <v>51</v>
      </c>
      <c r="B67" s="27">
        <v>1</v>
      </c>
      <c r="C67" s="28">
        <v>0</v>
      </c>
      <c r="D67" s="29">
        <v>1</v>
      </c>
    </row>
    <row r="68" spans="1:4" ht="18" customHeight="1" x14ac:dyDescent="0.2">
      <c r="A68" s="31">
        <v>52</v>
      </c>
      <c r="B68" s="27">
        <v>4</v>
      </c>
      <c r="C68" s="28">
        <v>0</v>
      </c>
      <c r="D68" s="29">
        <v>4</v>
      </c>
    </row>
    <row r="69" spans="1:4" ht="18" customHeight="1" x14ac:dyDescent="0.2">
      <c r="A69" s="31">
        <v>53</v>
      </c>
      <c r="B69" s="27">
        <v>0</v>
      </c>
      <c r="C69" s="28">
        <v>4</v>
      </c>
      <c r="D69" s="29">
        <v>4</v>
      </c>
    </row>
    <row r="70" spans="1:4" ht="18" customHeight="1" x14ac:dyDescent="0.2">
      <c r="A70" s="31">
        <v>54</v>
      </c>
      <c r="B70" s="27">
        <v>0</v>
      </c>
      <c r="C70" s="28">
        <v>4</v>
      </c>
      <c r="D70" s="29">
        <v>4</v>
      </c>
    </row>
    <row r="71" spans="1:4" ht="18" customHeight="1" x14ac:dyDescent="0.2">
      <c r="A71" s="31" t="s">
        <v>77</v>
      </c>
      <c r="B71" s="27">
        <v>9</v>
      </c>
      <c r="C71" s="28">
        <v>11</v>
      </c>
      <c r="D71" s="29">
        <v>20</v>
      </c>
    </row>
    <row r="72" spans="1:4" ht="18" customHeight="1" x14ac:dyDescent="0.2">
      <c r="A72" s="31">
        <v>55</v>
      </c>
      <c r="B72" s="27">
        <v>3</v>
      </c>
      <c r="C72" s="28">
        <v>2</v>
      </c>
      <c r="D72" s="29">
        <v>5</v>
      </c>
    </row>
    <row r="73" spans="1:4" ht="18" customHeight="1" x14ac:dyDescent="0.2">
      <c r="A73" s="31">
        <v>56</v>
      </c>
      <c r="B73" s="27">
        <v>5</v>
      </c>
      <c r="C73" s="28">
        <v>0</v>
      </c>
      <c r="D73" s="29">
        <v>5</v>
      </c>
    </row>
    <row r="74" spans="1:4" ht="18" customHeight="1" x14ac:dyDescent="0.2">
      <c r="A74" s="31">
        <v>57</v>
      </c>
      <c r="B74" s="27">
        <v>3</v>
      </c>
      <c r="C74" s="28">
        <v>2</v>
      </c>
      <c r="D74" s="29">
        <v>5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7</v>
      </c>
      <c r="C76" s="28">
        <v>3</v>
      </c>
      <c r="D76" s="29">
        <v>10</v>
      </c>
    </row>
    <row r="77" spans="1:4" ht="18" customHeight="1" x14ac:dyDescent="0.2">
      <c r="A77" s="31" t="s">
        <v>78</v>
      </c>
      <c r="B77" s="27">
        <v>20</v>
      </c>
      <c r="C77" s="28">
        <v>8</v>
      </c>
      <c r="D77" s="29">
        <v>28</v>
      </c>
    </row>
    <row r="78" spans="1:4" ht="18" customHeight="1" x14ac:dyDescent="0.2">
      <c r="A78" s="31">
        <v>60</v>
      </c>
      <c r="B78" s="27">
        <v>3</v>
      </c>
      <c r="C78" s="28">
        <v>2</v>
      </c>
      <c r="D78" s="29">
        <v>5</v>
      </c>
    </row>
    <row r="79" spans="1:4" ht="18" customHeight="1" x14ac:dyDescent="0.2">
      <c r="A79" s="31">
        <v>61</v>
      </c>
      <c r="B79" s="27">
        <v>3</v>
      </c>
      <c r="C79" s="28">
        <v>2</v>
      </c>
      <c r="D79" s="29">
        <v>5</v>
      </c>
    </row>
    <row r="80" spans="1:4" ht="18" customHeight="1" x14ac:dyDescent="0.2">
      <c r="A80" s="31">
        <v>62</v>
      </c>
      <c r="B80" s="27">
        <v>5</v>
      </c>
      <c r="C80" s="28">
        <v>3</v>
      </c>
      <c r="D80" s="29">
        <v>8</v>
      </c>
    </row>
    <row r="81" spans="1:4" ht="18" customHeight="1" x14ac:dyDescent="0.2">
      <c r="A81" s="31">
        <v>63</v>
      </c>
      <c r="B81" s="27">
        <v>2</v>
      </c>
      <c r="C81" s="28">
        <v>3</v>
      </c>
      <c r="D81" s="29">
        <v>5</v>
      </c>
    </row>
    <row r="82" spans="1:4" ht="18" customHeight="1" x14ac:dyDescent="0.2">
      <c r="A82" s="31">
        <v>64</v>
      </c>
      <c r="B82" s="27">
        <v>2</v>
      </c>
      <c r="C82" s="28">
        <v>1</v>
      </c>
      <c r="D82" s="29">
        <v>3</v>
      </c>
    </row>
    <row r="83" spans="1:4" ht="18" customHeight="1" x14ac:dyDescent="0.2">
      <c r="A83" s="31" t="s">
        <v>79</v>
      </c>
      <c r="B83" s="27">
        <v>15</v>
      </c>
      <c r="C83" s="28">
        <v>11</v>
      </c>
      <c r="D83" s="29">
        <v>26</v>
      </c>
    </row>
    <row r="84" spans="1:4" ht="18" customHeight="1" x14ac:dyDescent="0.2">
      <c r="A84" s="31" t="s">
        <v>80</v>
      </c>
      <c r="B84" s="27">
        <v>101</v>
      </c>
      <c r="C84" s="28">
        <v>77</v>
      </c>
      <c r="D84" s="29">
        <v>178</v>
      </c>
    </row>
    <row r="85" spans="1:4" ht="18" customHeight="1" x14ac:dyDescent="0.2">
      <c r="A85" s="31">
        <v>65</v>
      </c>
      <c r="B85" s="27">
        <v>2</v>
      </c>
      <c r="C85" s="28">
        <v>3</v>
      </c>
      <c r="D85" s="29">
        <v>5</v>
      </c>
    </row>
    <row r="86" spans="1:4" ht="18" customHeight="1" x14ac:dyDescent="0.2">
      <c r="A86" s="31">
        <v>66</v>
      </c>
      <c r="B86" s="27">
        <v>2</v>
      </c>
      <c r="C86" s="28">
        <v>6</v>
      </c>
      <c r="D86" s="29">
        <v>8</v>
      </c>
    </row>
    <row r="87" spans="1:4" ht="18" customHeight="1" x14ac:dyDescent="0.2">
      <c r="A87" s="31">
        <v>67</v>
      </c>
      <c r="B87" s="27">
        <v>4</v>
      </c>
      <c r="C87" s="28">
        <v>2</v>
      </c>
      <c r="D87" s="29">
        <v>6</v>
      </c>
    </row>
    <row r="88" spans="1:4" ht="18" customHeight="1" x14ac:dyDescent="0.2">
      <c r="A88" s="31">
        <v>68</v>
      </c>
      <c r="B88" s="27">
        <v>3</v>
      </c>
      <c r="C88" s="28">
        <v>1</v>
      </c>
      <c r="D88" s="29">
        <v>4</v>
      </c>
    </row>
    <row r="89" spans="1:4" ht="18" customHeight="1" x14ac:dyDescent="0.2">
      <c r="A89" s="31">
        <v>69</v>
      </c>
      <c r="B89" s="27">
        <v>0</v>
      </c>
      <c r="C89" s="28">
        <v>2</v>
      </c>
      <c r="D89" s="29">
        <v>2</v>
      </c>
    </row>
    <row r="90" spans="1:4" ht="18" customHeight="1" x14ac:dyDescent="0.2">
      <c r="A90" s="31" t="s">
        <v>81</v>
      </c>
      <c r="B90" s="27">
        <v>11</v>
      </c>
      <c r="C90" s="28">
        <v>14</v>
      </c>
      <c r="D90" s="29">
        <v>25</v>
      </c>
    </row>
    <row r="91" spans="1:4" ht="18" customHeight="1" x14ac:dyDescent="0.2">
      <c r="A91" s="31">
        <v>70</v>
      </c>
      <c r="B91" s="27">
        <v>2</v>
      </c>
      <c r="C91" s="28">
        <v>3</v>
      </c>
      <c r="D91" s="29">
        <v>5</v>
      </c>
    </row>
    <row r="92" spans="1:4" ht="18" customHeight="1" x14ac:dyDescent="0.2">
      <c r="A92" s="31">
        <v>71</v>
      </c>
      <c r="B92" s="27">
        <v>2</v>
      </c>
      <c r="C92" s="28">
        <v>4</v>
      </c>
      <c r="D92" s="29">
        <v>6</v>
      </c>
    </row>
    <row r="93" spans="1:4" ht="18" customHeight="1" x14ac:dyDescent="0.2">
      <c r="A93" s="31">
        <v>72</v>
      </c>
      <c r="B93" s="27">
        <v>3</v>
      </c>
      <c r="C93" s="28">
        <v>1</v>
      </c>
      <c r="D93" s="29">
        <v>4</v>
      </c>
    </row>
    <row r="94" spans="1:4" ht="18" customHeight="1" x14ac:dyDescent="0.2">
      <c r="A94" s="31">
        <v>73</v>
      </c>
      <c r="B94" s="27">
        <v>2</v>
      </c>
      <c r="C94" s="28">
        <v>5</v>
      </c>
      <c r="D94" s="29">
        <v>7</v>
      </c>
    </row>
    <row r="95" spans="1:4" ht="18" customHeight="1" x14ac:dyDescent="0.2">
      <c r="A95" s="31">
        <v>74</v>
      </c>
      <c r="B95" s="27">
        <v>0</v>
      </c>
      <c r="C95" s="28">
        <v>2</v>
      </c>
      <c r="D95" s="29">
        <v>2</v>
      </c>
    </row>
    <row r="96" spans="1:4" ht="18" customHeight="1" x14ac:dyDescent="0.2">
      <c r="A96" s="31" t="s">
        <v>82</v>
      </c>
      <c r="B96" s="27">
        <v>9</v>
      </c>
      <c r="C96" s="28">
        <v>15</v>
      </c>
      <c r="D96" s="29">
        <v>24</v>
      </c>
    </row>
    <row r="97" spans="1:4" ht="18" customHeight="1" x14ac:dyDescent="0.2">
      <c r="A97" s="31">
        <v>75</v>
      </c>
      <c r="B97" s="27">
        <v>4</v>
      </c>
      <c r="C97" s="28">
        <v>1</v>
      </c>
      <c r="D97" s="29">
        <v>5</v>
      </c>
    </row>
    <row r="98" spans="1:4" ht="18" customHeight="1" x14ac:dyDescent="0.2">
      <c r="A98" s="31">
        <v>76</v>
      </c>
      <c r="B98" s="27">
        <v>3</v>
      </c>
      <c r="C98" s="28">
        <v>2</v>
      </c>
      <c r="D98" s="29">
        <v>5</v>
      </c>
    </row>
    <row r="99" spans="1:4" ht="18" customHeight="1" x14ac:dyDescent="0.2">
      <c r="A99" s="31">
        <v>77</v>
      </c>
      <c r="B99" s="27">
        <v>2</v>
      </c>
      <c r="C99" s="28">
        <v>0</v>
      </c>
      <c r="D99" s="29">
        <v>2</v>
      </c>
    </row>
    <row r="100" spans="1:4" ht="18" customHeight="1" x14ac:dyDescent="0.2">
      <c r="A100" s="31">
        <v>78</v>
      </c>
      <c r="B100" s="27">
        <v>5</v>
      </c>
      <c r="C100" s="28">
        <v>5</v>
      </c>
      <c r="D100" s="29">
        <v>10</v>
      </c>
    </row>
    <row r="101" spans="1:4" ht="18" customHeight="1" x14ac:dyDescent="0.2">
      <c r="A101" s="31">
        <v>79</v>
      </c>
      <c r="B101" s="27">
        <v>4</v>
      </c>
      <c r="C101" s="28">
        <v>7</v>
      </c>
      <c r="D101" s="29">
        <v>11</v>
      </c>
    </row>
    <row r="102" spans="1:4" ht="18" customHeight="1" x14ac:dyDescent="0.2">
      <c r="A102" s="31" t="s">
        <v>83</v>
      </c>
      <c r="B102" s="27">
        <v>18</v>
      </c>
      <c r="C102" s="28">
        <v>15</v>
      </c>
      <c r="D102" s="29">
        <v>33</v>
      </c>
    </row>
    <row r="103" spans="1:4" ht="18" customHeight="1" x14ac:dyDescent="0.2">
      <c r="A103" s="31">
        <v>80</v>
      </c>
      <c r="B103" s="27">
        <v>2</v>
      </c>
      <c r="C103" s="28">
        <v>7</v>
      </c>
      <c r="D103" s="29">
        <v>9</v>
      </c>
    </row>
    <row r="104" spans="1:4" ht="18" customHeight="1" x14ac:dyDescent="0.2">
      <c r="A104" s="31">
        <v>81</v>
      </c>
      <c r="B104" s="27">
        <v>1</v>
      </c>
      <c r="C104" s="28">
        <v>2</v>
      </c>
      <c r="D104" s="29">
        <v>3</v>
      </c>
    </row>
    <row r="105" spans="1:4" ht="18" customHeight="1" x14ac:dyDescent="0.2">
      <c r="A105" s="31">
        <v>82</v>
      </c>
      <c r="B105" s="27">
        <v>1</v>
      </c>
      <c r="C105" s="28">
        <v>3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2</v>
      </c>
      <c r="D106" s="29">
        <v>3</v>
      </c>
    </row>
    <row r="107" spans="1:4" ht="18" customHeight="1" x14ac:dyDescent="0.2">
      <c r="A107" s="31">
        <v>84</v>
      </c>
      <c r="B107" s="27">
        <v>3</v>
      </c>
      <c r="C107" s="28">
        <v>2</v>
      </c>
      <c r="D107" s="29">
        <v>5</v>
      </c>
    </row>
    <row r="108" spans="1:4" ht="18" customHeight="1" x14ac:dyDescent="0.2">
      <c r="A108" s="31" t="s">
        <v>84</v>
      </c>
      <c r="B108" s="27">
        <v>8</v>
      </c>
      <c r="C108" s="28">
        <v>16</v>
      </c>
      <c r="D108" s="29">
        <v>24</v>
      </c>
    </row>
    <row r="109" spans="1:4" ht="18" customHeight="1" x14ac:dyDescent="0.2">
      <c r="A109" s="31">
        <v>85</v>
      </c>
      <c r="B109" s="27">
        <v>1</v>
      </c>
      <c r="C109" s="28">
        <v>3</v>
      </c>
      <c r="D109" s="29">
        <v>4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1</v>
      </c>
      <c r="C111" s="28">
        <v>0</v>
      </c>
      <c r="D111" s="29">
        <v>1</v>
      </c>
    </row>
    <row r="112" spans="1:4" ht="18" customHeight="1" x14ac:dyDescent="0.2">
      <c r="A112" s="31">
        <v>88</v>
      </c>
      <c r="B112" s="27">
        <v>1</v>
      </c>
      <c r="C112" s="28">
        <v>3</v>
      </c>
      <c r="D112" s="29">
        <v>4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85</v>
      </c>
      <c r="B114" s="27">
        <v>4</v>
      </c>
      <c r="C114" s="28">
        <v>8</v>
      </c>
      <c r="D114" s="29">
        <v>12</v>
      </c>
    </row>
    <row r="115" spans="1:4" ht="18" customHeight="1" x14ac:dyDescent="0.2">
      <c r="A115" s="31">
        <v>90</v>
      </c>
      <c r="B115" s="27">
        <v>1</v>
      </c>
      <c r="C115" s="28">
        <v>1</v>
      </c>
      <c r="D115" s="29">
        <v>2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2</v>
      </c>
      <c r="C120" s="28">
        <v>5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52</v>
      </c>
      <c r="C130" s="5">
        <v>75</v>
      </c>
      <c r="D130" s="6">
        <v>127</v>
      </c>
    </row>
    <row r="131" spans="1:4" ht="18" customHeight="1" x14ac:dyDescent="0.2">
      <c r="A131" s="33" t="s">
        <v>65</v>
      </c>
      <c r="B131" s="7">
        <v>165</v>
      </c>
      <c r="C131" s="8">
        <v>168</v>
      </c>
      <c r="D131" s="9">
        <v>33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8</v>
      </c>
      <c r="C5" s="37">
        <v>4</v>
      </c>
      <c r="D5" s="39">
        <v>12</v>
      </c>
    </row>
    <row r="6" spans="1:4" ht="18" customHeight="1" x14ac:dyDescent="0.2">
      <c r="A6" s="31">
        <v>1</v>
      </c>
      <c r="B6" s="35">
        <v>3</v>
      </c>
      <c r="C6" s="28">
        <v>6</v>
      </c>
      <c r="D6" s="29">
        <v>9</v>
      </c>
    </row>
    <row r="7" spans="1:4" ht="18" customHeight="1" x14ac:dyDescent="0.2">
      <c r="A7" s="31">
        <v>2</v>
      </c>
      <c r="B7" s="35">
        <v>5</v>
      </c>
      <c r="C7" s="28">
        <v>5</v>
      </c>
      <c r="D7" s="29">
        <v>10</v>
      </c>
    </row>
    <row r="8" spans="1:4" ht="18" customHeight="1" x14ac:dyDescent="0.2">
      <c r="A8" s="31">
        <v>3</v>
      </c>
      <c r="B8" s="35">
        <v>3</v>
      </c>
      <c r="C8" s="28">
        <v>9</v>
      </c>
      <c r="D8" s="29">
        <v>12</v>
      </c>
    </row>
    <row r="9" spans="1:4" ht="18" customHeight="1" x14ac:dyDescent="0.2">
      <c r="A9" s="31">
        <v>4</v>
      </c>
      <c r="B9" s="36">
        <v>5</v>
      </c>
      <c r="C9" s="38">
        <v>5</v>
      </c>
      <c r="D9" s="40">
        <v>10</v>
      </c>
    </row>
    <row r="10" spans="1:4" ht="18" customHeight="1" x14ac:dyDescent="0.2">
      <c r="A10" s="31" t="s">
        <v>66</v>
      </c>
      <c r="B10" s="27">
        <v>24</v>
      </c>
      <c r="C10" s="28">
        <v>29</v>
      </c>
      <c r="D10" s="29">
        <v>53</v>
      </c>
    </row>
    <row r="11" spans="1:4" ht="18" customHeight="1" x14ac:dyDescent="0.2">
      <c r="A11" s="31">
        <v>5</v>
      </c>
      <c r="B11" s="35">
        <v>10</v>
      </c>
      <c r="C11" s="28">
        <v>9</v>
      </c>
      <c r="D11" s="29">
        <v>19</v>
      </c>
    </row>
    <row r="12" spans="1:4" ht="18" customHeight="1" x14ac:dyDescent="0.2">
      <c r="A12" s="31">
        <v>6</v>
      </c>
      <c r="B12" s="35">
        <v>8</v>
      </c>
      <c r="C12" s="28">
        <v>6</v>
      </c>
      <c r="D12" s="29">
        <v>14</v>
      </c>
    </row>
    <row r="13" spans="1:4" ht="18" customHeight="1" x14ac:dyDescent="0.2">
      <c r="A13" s="31">
        <v>7</v>
      </c>
      <c r="B13" s="35">
        <v>8</v>
      </c>
      <c r="C13" s="28">
        <v>6</v>
      </c>
      <c r="D13" s="29">
        <v>14</v>
      </c>
    </row>
    <row r="14" spans="1:4" ht="18" customHeight="1" x14ac:dyDescent="0.2">
      <c r="A14" s="31">
        <v>8</v>
      </c>
      <c r="B14" s="35">
        <v>9</v>
      </c>
      <c r="C14" s="28">
        <v>6</v>
      </c>
      <c r="D14" s="29">
        <v>15</v>
      </c>
    </row>
    <row r="15" spans="1:4" ht="18" customHeight="1" x14ac:dyDescent="0.2">
      <c r="A15" s="31">
        <v>9</v>
      </c>
      <c r="B15" s="35">
        <v>4</v>
      </c>
      <c r="C15" s="28">
        <v>7</v>
      </c>
      <c r="D15" s="29">
        <v>11</v>
      </c>
    </row>
    <row r="16" spans="1:4" ht="18" customHeight="1" x14ac:dyDescent="0.2">
      <c r="A16" s="31" t="s">
        <v>67</v>
      </c>
      <c r="B16" s="27">
        <v>39</v>
      </c>
      <c r="C16" s="28">
        <v>34</v>
      </c>
      <c r="D16" s="29">
        <v>73</v>
      </c>
    </row>
    <row r="17" spans="1:4" ht="18" customHeight="1" x14ac:dyDescent="0.2">
      <c r="A17" s="31">
        <v>10</v>
      </c>
      <c r="B17" s="27">
        <v>6</v>
      </c>
      <c r="C17" s="28">
        <v>4</v>
      </c>
      <c r="D17" s="29">
        <v>10</v>
      </c>
    </row>
    <row r="18" spans="1:4" ht="18" customHeight="1" x14ac:dyDescent="0.2">
      <c r="A18" s="31">
        <v>11</v>
      </c>
      <c r="B18" s="27">
        <v>6</v>
      </c>
      <c r="C18" s="28">
        <v>4</v>
      </c>
      <c r="D18" s="29">
        <v>10</v>
      </c>
    </row>
    <row r="19" spans="1:4" ht="18" customHeight="1" x14ac:dyDescent="0.2">
      <c r="A19" s="31">
        <v>12</v>
      </c>
      <c r="B19" s="27">
        <v>13</v>
      </c>
      <c r="C19" s="28">
        <v>4</v>
      </c>
      <c r="D19" s="29">
        <v>17</v>
      </c>
    </row>
    <row r="20" spans="1:4" ht="18" customHeight="1" x14ac:dyDescent="0.2">
      <c r="A20" s="31">
        <v>13</v>
      </c>
      <c r="B20" s="27">
        <v>8</v>
      </c>
      <c r="C20" s="28">
        <v>4</v>
      </c>
      <c r="D20" s="29">
        <v>12</v>
      </c>
    </row>
    <row r="21" spans="1:4" ht="18" customHeight="1" x14ac:dyDescent="0.2">
      <c r="A21" s="31">
        <v>14</v>
      </c>
      <c r="B21" s="27">
        <v>6</v>
      </c>
      <c r="C21" s="28">
        <v>7</v>
      </c>
      <c r="D21" s="29">
        <v>13</v>
      </c>
    </row>
    <row r="22" spans="1:4" ht="18" customHeight="1" x14ac:dyDescent="0.2">
      <c r="A22" s="31" t="s">
        <v>68</v>
      </c>
      <c r="B22" s="27">
        <v>39</v>
      </c>
      <c r="C22" s="28">
        <v>23</v>
      </c>
      <c r="D22" s="29">
        <v>62</v>
      </c>
    </row>
    <row r="23" spans="1:4" ht="18" customHeight="1" x14ac:dyDescent="0.2">
      <c r="A23" s="31" t="s">
        <v>69</v>
      </c>
      <c r="B23" s="27">
        <v>102</v>
      </c>
      <c r="C23" s="28">
        <v>86</v>
      </c>
      <c r="D23" s="29">
        <v>188</v>
      </c>
    </row>
    <row r="24" spans="1:4" ht="18" customHeight="1" x14ac:dyDescent="0.2">
      <c r="A24" s="31">
        <v>15</v>
      </c>
      <c r="B24" s="27">
        <v>12</v>
      </c>
      <c r="C24" s="28">
        <v>9</v>
      </c>
      <c r="D24" s="29">
        <v>21</v>
      </c>
    </row>
    <row r="25" spans="1:4" ht="18" customHeight="1" x14ac:dyDescent="0.2">
      <c r="A25" s="31">
        <v>16</v>
      </c>
      <c r="B25" s="27">
        <v>6</v>
      </c>
      <c r="C25" s="28">
        <v>6</v>
      </c>
      <c r="D25" s="29">
        <v>12</v>
      </c>
    </row>
    <row r="26" spans="1:4" ht="18" customHeight="1" x14ac:dyDescent="0.2">
      <c r="A26" s="31">
        <v>17</v>
      </c>
      <c r="B26" s="27">
        <v>9</v>
      </c>
      <c r="C26" s="28">
        <v>4</v>
      </c>
      <c r="D26" s="29">
        <v>13</v>
      </c>
    </row>
    <row r="27" spans="1:4" ht="18" customHeight="1" x14ac:dyDescent="0.2">
      <c r="A27" s="31">
        <v>18</v>
      </c>
      <c r="B27" s="27">
        <v>13</v>
      </c>
      <c r="C27" s="28">
        <v>15</v>
      </c>
      <c r="D27" s="29">
        <v>28</v>
      </c>
    </row>
    <row r="28" spans="1:4" ht="18" customHeight="1" x14ac:dyDescent="0.2">
      <c r="A28" s="31">
        <v>19</v>
      </c>
      <c r="B28" s="27">
        <v>9</v>
      </c>
      <c r="C28" s="28">
        <v>11</v>
      </c>
      <c r="D28" s="29">
        <v>20</v>
      </c>
    </row>
    <row r="29" spans="1:4" ht="18" customHeight="1" x14ac:dyDescent="0.2">
      <c r="A29" s="31" t="s">
        <v>70</v>
      </c>
      <c r="B29" s="27">
        <v>49</v>
      </c>
      <c r="C29" s="28">
        <v>45</v>
      </c>
      <c r="D29" s="29">
        <v>94</v>
      </c>
    </row>
    <row r="30" spans="1:4" ht="18" customHeight="1" x14ac:dyDescent="0.2">
      <c r="A30" s="31">
        <v>20</v>
      </c>
      <c r="B30" s="27">
        <v>12</v>
      </c>
      <c r="C30" s="28">
        <v>12</v>
      </c>
      <c r="D30" s="29">
        <v>24</v>
      </c>
    </row>
    <row r="31" spans="1:4" ht="18" customHeight="1" x14ac:dyDescent="0.2">
      <c r="A31" s="31">
        <v>21</v>
      </c>
      <c r="B31" s="27">
        <v>16</v>
      </c>
      <c r="C31" s="28">
        <v>12</v>
      </c>
      <c r="D31" s="29">
        <v>28</v>
      </c>
    </row>
    <row r="32" spans="1:4" ht="18" customHeight="1" x14ac:dyDescent="0.2">
      <c r="A32" s="31">
        <v>22</v>
      </c>
      <c r="B32" s="27">
        <v>11</v>
      </c>
      <c r="C32" s="28">
        <v>14</v>
      </c>
      <c r="D32" s="29">
        <v>25</v>
      </c>
    </row>
    <row r="33" spans="1:4" ht="18" customHeight="1" x14ac:dyDescent="0.2">
      <c r="A33" s="31">
        <v>23</v>
      </c>
      <c r="B33" s="27">
        <v>14</v>
      </c>
      <c r="C33" s="28">
        <v>9</v>
      </c>
      <c r="D33" s="29">
        <v>23</v>
      </c>
    </row>
    <row r="34" spans="1:4" ht="18" customHeight="1" x14ac:dyDescent="0.2">
      <c r="A34" s="31">
        <v>24</v>
      </c>
      <c r="B34" s="27">
        <v>19</v>
      </c>
      <c r="C34" s="28">
        <v>8</v>
      </c>
      <c r="D34" s="29">
        <v>27</v>
      </c>
    </row>
    <row r="35" spans="1:4" ht="18" customHeight="1" x14ac:dyDescent="0.2">
      <c r="A35" s="31" t="s">
        <v>71</v>
      </c>
      <c r="B35" s="27">
        <v>72</v>
      </c>
      <c r="C35" s="28">
        <v>55</v>
      </c>
      <c r="D35" s="29">
        <v>127</v>
      </c>
    </row>
    <row r="36" spans="1:4" ht="18" customHeight="1" x14ac:dyDescent="0.2">
      <c r="A36" s="31">
        <v>25</v>
      </c>
      <c r="B36" s="27">
        <v>17</v>
      </c>
      <c r="C36" s="28">
        <v>9</v>
      </c>
      <c r="D36" s="29">
        <v>26</v>
      </c>
    </row>
    <row r="37" spans="1:4" ht="18" customHeight="1" x14ac:dyDescent="0.2">
      <c r="A37" s="31">
        <v>26</v>
      </c>
      <c r="B37" s="27">
        <v>17</v>
      </c>
      <c r="C37" s="28">
        <v>9</v>
      </c>
      <c r="D37" s="29">
        <v>26</v>
      </c>
    </row>
    <row r="38" spans="1:4" ht="18" customHeight="1" x14ac:dyDescent="0.2">
      <c r="A38" s="31">
        <v>27</v>
      </c>
      <c r="B38" s="27">
        <v>24</v>
      </c>
      <c r="C38" s="28">
        <v>15</v>
      </c>
      <c r="D38" s="29">
        <v>39</v>
      </c>
    </row>
    <row r="39" spans="1:4" ht="18" customHeight="1" x14ac:dyDescent="0.2">
      <c r="A39" s="31">
        <v>28</v>
      </c>
      <c r="B39" s="27">
        <v>15</v>
      </c>
      <c r="C39" s="28">
        <v>10</v>
      </c>
      <c r="D39" s="29">
        <v>25</v>
      </c>
    </row>
    <row r="40" spans="1:4" ht="18" customHeight="1" x14ac:dyDescent="0.2">
      <c r="A40" s="31">
        <v>29</v>
      </c>
      <c r="B40" s="27">
        <v>14</v>
      </c>
      <c r="C40" s="28">
        <v>10</v>
      </c>
      <c r="D40" s="29">
        <v>24</v>
      </c>
    </row>
    <row r="41" spans="1:4" ht="18" customHeight="1" x14ac:dyDescent="0.2">
      <c r="A41" s="31" t="s">
        <v>72</v>
      </c>
      <c r="B41" s="27">
        <v>87</v>
      </c>
      <c r="C41" s="28">
        <v>53</v>
      </c>
      <c r="D41" s="29">
        <v>140</v>
      </c>
    </row>
    <row r="42" spans="1:4" ht="18" customHeight="1" x14ac:dyDescent="0.2">
      <c r="A42" s="31">
        <v>30</v>
      </c>
      <c r="B42" s="27">
        <v>12</v>
      </c>
      <c r="C42" s="28">
        <v>9</v>
      </c>
      <c r="D42" s="29">
        <v>21</v>
      </c>
    </row>
    <row r="43" spans="1:4" ht="18" customHeight="1" x14ac:dyDescent="0.2">
      <c r="A43" s="31">
        <v>31</v>
      </c>
      <c r="B43" s="27">
        <v>14</v>
      </c>
      <c r="C43" s="28">
        <v>12</v>
      </c>
      <c r="D43" s="29">
        <v>26</v>
      </c>
    </row>
    <row r="44" spans="1:4" ht="18" customHeight="1" x14ac:dyDescent="0.2">
      <c r="A44" s="31">
        <v>32</v>
      </c>
      <c r="B44" s="27">
        <v>10</v>
      </c>
      <c r="C44" s="28">
        <v>10</v>
      </c>
      <c r="D44" s="29">
        <v>20</v>
      </c>
    </row>
    <row r="45" spans="1:4" ht="18" customHeight="1" x14ac:dyDescent="0.2">
      <c r="A45" s="31">
        <v>33</v>
      </c>
      <c r="B45" s="27">
        <v>18</v>
      </c>
      <c r="C45" s="28">
        <v>13</v>
      </c>
      <c r="D45" s="29">
        <v>31</v>
      </c>
    </row>
    <row r="46" spans="1:4" ht="18" customHeight="1" x14ac:dyDescent="0.2">
      <c r="A46" s="31">
        <v>34</v>
      </c>
      <c r="B46" s="27">
        <v>17</v>
      </c>
      <c r="C46" s="28">
        <v>10</v>
      </c>
      <c r="D46" s="29">
        <v>27</v>
      </c>
    </row>
    <row r="47" spans="1:4" ht="18" customHeight="1" x14ac:dyDescent="0.2">
      <c r="A47" s="31" t="s">
        <v>73</v>
      </c>
      <c r="B47" s="27">
        <v>71</v>
      </c>
      <c r="C47" s="28">
        <v>54</v>
      </c>
      <c r="D47" s="29">
        <v>125</v>
      </c>
    </row>
    <row r="48" spans="1:4" ht="18" customHeight="1" x14ac:dyDescent="0.2">
      <c r="A48" s="31">
        <v>35</v>
      </c>
      <c r="B48" s="27">
        <v>13</v>
      </c>
      <c r="C48" s="28">
        <v>7</v>
      </c>
      <c r="D48" s="29">
        <v>20</v>
      </c>
    </row>
    <row r="49" spans="1:4" ht="18" customHeight="1" x14ac:dyDescent="0.2">
      <c r="A49" s="31">
        <v>36</v>
      </c>
      <c r="B49" s="27">
        <v>16</v>
      </c>
      <c r="C49" s="28">
        <v>5</v>
      </c>
      <c r="D49" s="29">
        <v>21</v>
      </c>
    </row>
    <row r="50" spans="1:4" ht="18" customHeight="1" x14ac:dyDescent="0.2">
      <c r="A50" s="31">
        <v>37</v>
      </c>
      <c r="B50" s="27">
        <v>25</v>
      </c>
      <c r="C50" s="28">
        <v>10</v>
      </c>
      <c r="D50" s="29">
        <v>35</v>
      </c>
    </row>
    <row r="51" spans="1:4" ht="18" customHeight="1" x14ac:dyDescent="0.2">
      <c r="A51" s="31">
        <v>38</v>
      </c>
      <c r="B51" s="27">
        <v>21</v>
      </c>
      <c r="C51" s="28">
        <v>18</v>
      </c>
      <c r="D51" s="29">
        <v>39</v>
      </c>
    </row>
    <row r="52" spans="1:4" ht="18" customHeight="1" x14ac:dyDescent="0.2">
      <c r="A52" s="31">
        <v>39</v>
      </c>
      <c r="B52" s="27">
        <v>11</v>
      </c>
      <c r="C52" s="28">
        <v>11</v>
      </c>
      <c r="D52" s="29">
        <v>22</v>
      </c>
    </row>
    <row r="53" spans="1:4" ht="18" customHeight="1" x14ac:dyDescent="0.2">
      <c r="A53" s="31" t="s">
        <v>74</v>
      </c>
      <c r="B53" s="27">
        <v>86</v>
      </c>
      <c r="C53" s="28">
        <v>51</v>
      </c>
      <c r="D53" s="29">
        <v>137</v>
      </c>
    </row>
    <row r="54" spans="1:4" ht="18" customHeight="1" x14ac:dyDescent="0.2">
      <c r="A54" s="31">
        <v>40</v>
      </c>
      <c r="B54" s="27">
        <v>11</v>
      </c>
      <c r="C54" s="28">
        <v>10</v>
      </c>
      <c r="D54" s="29">
        <v>21</v>
      </c>
    </row>
    <row r="55" spans="1:4" ht="18" customHeight="1" x14ac:dyDescent="0.2">
      <c r="A55" s="31">
        <v>41</v>
      </c>
      <c r="B55" s="27">
        <v>11</v>
      </c>
      <c r="C55" s="28">
        <v>7</v>
      </c>
      <c r="D55" s="29">
        <v>18</v>
      </c>
    </row>
    <row r="56" spans="1:4" ht="18" customHeight="1" x14ac:dyDescent="0.2">
      <c r="A56" s="31">
        <v>42</v>
      </c>
      <c r="B56" s="27">
        <v>16</v>
      </c>
      <c r="C56" s="28">
        <v>13</v>
      </c>
      <c r="D56" s="29">
        <v>29</v>
      </c>
    </row>
    <row r="57" spans="1:4" ht="18" customHeight="1" x14ac:dyDescent="0.2">
      <c r="A57" s="31">
        <v>43</v>
      </c>
      <c r="B57" s="27">
        <v>10</v>
      </c>
      <c r="C57" s="28">
        <v>10</v>
      </c>
      <c r="D57" s="29">
        <v>20</v>
      </c>
    </row>
    <row r="58" spans="1:4" ht="18" customHeight="1" x14ac:dyDescent="0.2">
      <c r="A58" s="31">
        <v>44</v>
      </c>
      <c r="B58" s="27">
        <v>14</v>
      </c>
      <c r="C58" s="28">
        <v>15</v>
      </c>
      <c r="D58" s="29">
        <v>29</v>
      </c>
    </row>
    <row r="59" spans="1:4" ht="18" customHeight="1" x14ac:dyDescent="0.2">
      <c r="A59" s="31" t="s">
        <v>75</v>
      </c>
      <c r="B59" s="27">
        <v>62</v>
      </c>
      <c r="C59" s="28">
        <v>55</v>
      </c>
      <c r="D59" s="29">
        <v>117</v>
      </c>
    </row>
    <row r="60" spans="1:4" ht="18" customHeight="1" x14ac:dyDescent="0.2">
      <c r="A60" s="31">
        <v>45</v>
      </c>
      <c r="B60" s="27">
        <v>19</v>
      </c>
      <c r="C60" s="28">
        <v>9</v>
      </c>
      <c r="D60" s="29">
        <v>28</v>
      </c>
    </row>
    <row r="61" spans="1:4" ht="18" customHeight="1" x14ac:dyDescent="0.2">
      <c r="A61" s="31">
        <v>46</v>
      </c>
      <c r="B61" s="27">
        <v>15</v>
      </c>
      <c r="C61" s="28">
        <v>12</v>
      </c>
      <c r="D61" s="29">
        <v>27</v>
      </c>
    </row>
    <row r="62" spans="1:4" ht="18" customHeight="1" x14ac:dyDescent="0.2">
      <c r="A62" s="31">
        <v>47</v>
      </c>
      <c r="B62" s="27">
        <v>14</v>
      </c>
      <c r="C62" s="28">
        <v>14</v>
      </c>
      <c r="D62" s="29">
        <v>28</v>
      </c>
    </row>
    <row r="63" spans="1:4" ht="18" customHeight="1" x14ac:dyDescent="0.2">
      <c r="A63" s="31">
        <v>48</v>
      </c>
      <c r="B63" s="27">
        <v>15</v>
      </c>
      <c r="C63" s="28">
        <v>16</v>
      </c>
      <c r="D63" s="29">
        <v>31</v>
      </c>
    </row>
    <row r="64" spans="1:4" ht="18" customHeight="1" x14ac:dyDescent="0.2">
      <c r="A64" s="31">
        <v>49</v>
      </c>
      <c r="B64" s="27">
        <v>14</v>
      </c>
      <c r="C64" s="28">
        <v>13</v>
      </c>
      <c r="D64" s="29">
        <v>27</v>
      </c>
    </row>
    <row r="65" spans="1:4" ht="18" customHeight="1" x14ac:dyDescent="0.2">
      <c r="A65" s="31" t="s">
        <v>76</v>
      </c>
      <c r="B65" s="27">
        <v>77</v>
      </c>
      <c r="C65" s="28">
        <v>64</v>
      </c>
      <c r="D65" s="29">
        <v>141</v>
      </c>
    </row>
    <row r="66" spans="1:4" ht="18" customHeight="1" x14ac:dyDescent="0.2">
      <c r="A66" s="31">
        <v>50</v>
      </c>
      <c r="B66" s="27">
        <v>12</v>
      </c>
      <c r="C66" s="28">
        <v>26</v>
      </c>
      <c r="D66" s="29">
        <v>38</v>
      </c>
    </row>
    <row r="67" spans="1:4" ht="18" customHeight="1" x14ac:dyDescent="0.2">
      <c r="A67" s="31">
        <v>51</v>
      </c>
      <c r="B67" s="27">
        <v>25</v>
      </c>
      <c r="C67" s="28">
        <v>17</v>
      </c>
      <c r="D67" s="29">
        <v>42</v>
      </c>
    </row>
    <row r="68" spans="1:4" ht="18" customHeight="1" x14ac:dyDescent="0.2">
      <c r="A68" s="31">
        <v>52</v>
      </c>
      <c r="B68" s="27">
        <v>24</v>
      </c>
      <c r="C68" s="28">
        <v>28</v>
      </c>
      <c r="D68" s="29">
        <v>52</v>
      </c>
    </row>
    <row r="69" spans="1:4" ht="18" customHeight="1" x14ac:dyDescent="0.2">
      <c r="A69" s="31">
        <v>53</v>
      </c>
      <c r="B69" s="27">
        <v>17</v>
      </c>
      <c r="C69" s="28">
        <v>17</v>
      </c>
      <c r="D69" s="29">
        <v>34</v>
      </c>
    </row>
    <row r="70" spans="1:4" ht="18" customHeight="1" x14ac:dyDescent="0.2">
      <c r="A70" s="31">
        <v>54</v>
      </c>
      <c r="B70" s="27">
        <v>29</v>
      </c>
      <c r="C70" s="28">
        <v>21</v>
      </c>
      <c r="D70" s="29">
        <v>50</v>
      </c>
    </row>
    <row r="71" spans="1:4" ht="18" customHeight="1" x14ac:dyDescent="0.2">
      <c r="A71" s="31" t="s">
        <v>77</v>
      </c>
      <c r="B71" s="27">
        <v>107</v>
      </c>
      <c r="C71" s="28">
        <v>109</v>
      </c>
      <c r="D71" s="29">
        <v>216</v>
      </c>
    </row>
    <row r="72" spans="1:4" ht="18" customHeight="1" x14ac:dyDescent="0.2">
      <c r="A72" s="31">
        <v>55</v>
      </c>
      <c r="B72" s="27">
        <v>31</v>
      </c>
      <c r="C72" s="28">
        <v>20</v>
      </c>
      <c r="D72" s="29">
        <v>51</v>
      </c>
    </row>
    <row r="73" spans="1:4" ht="18" customHeight="1" x14ac:dyDescent="0.2">
      <c r="A73" s="31">
        <v>56</v>
      </c>
      <c r="B73" s="27">
        <v>26</v>
      </c>
      <c r="C73" s="28">
        <v>22</v>
      </c>
      <c r="D73" s="29">
        <v>48</v>
      </c>
    </row>
    <row r="74" spans="1:4" ht="18" customHeight="1" x14ac:dyDescent="0.2">
      <c r="A74" s="31">
        <v>57</v>
      </c>
      <c r="B74" s="27">
        <v>25</v>
      </c>
      <c r="C74" s="28">
        <v>16</v>
      </c>
      <c r="D74" s="29">
        <v>41</v>
      </c>
    </row>
    <row r="75" spans="1:4" ht="18" customHeight="1" x14ac:dyDescent="0.2">
      <c r="A75" s="31">
        <v>58</v>
      </c>
      <c r="B75" s="27">
        <v>32</v>
      </c>
      <c r="C75" s="28">
        <v>20</v>
      </c>
      <c r="D75" s="29">
        <v>52</v>
      </c>
    </row>
    <row r="76" spans="1:4" ht="18" customHeight="1" x14ac:dyDescent="0.2">
      <c r="A76" s="31">
        <v>59</v>
      </c>
      <c r="B76" s="27">
        <v>25</v>
      </c>
      <c r="C76" s="28">
        <v>29</v>
      </c>
      <c r="D76" s="29">
        <v>54</v>
      </c>
    </row>
    <row r="77" spans="1:4" ht="18" customHeight="1" x14ac:dyDescent="0.2">
      <c r="A77" s="31" t="s">
        <v>78</v>
      </c>
      <c r="B77" s="27">
        <v>139</v>
      </c>
      <c r="C77" s="28">
        <v>107</v>
      </c>
      <c r="D77" s="29">
        <v>246</v>
      </c>
    </row>
    <row r="78" spans="1:4" ht="18" customHeight="1" x14ac:dyDescent="0.2">
      <c r="A78" s="31">
        <v>60</v>
      </c>
      <c r="B78" s="27">
        <v>26</v>
      </c>
      <c r="C78" s="28">
        <v>18</v>
      </c>
      <c r="D78" s="29">
        <v>44</v>
      </c>
    </row>
    <row r="79" spans="1:4" ht="18" customHeight="1" x14ac:dyDescent="0.2">
      <c r="A79" s="31">
        <v>61</v>
      </c>
      <c r="B79" s="27">
        <v>28</v>
      </c>
      <c r="C79" s="28">
        <v>30</v>
      </c>
      <c r="D79" s="29">
        <v>58</v>
      </c>
    </row>
    <row r="80" spans="1:4" ht="18" customHeight="1" x14ac:dyDescent="0.2">
      <c r="A80" s="31">
        <v>62</v>
      </c>
      <c r="B80" s="27">
        <v>29</v>
      </c>
      <c r="C80" s="28">
        <v>21</v>
      </c>
      <c r="D80" s="29">
        <v>50</v>
      </c>
    </row>
    <row r="81" spans="1:4" ht="18" customHeight="1" x14ac:dyDescent="0.2">
      <c r="A81" s="31">
        <v>63</v>
      </c>
      <c r="B81" s="27">
        <v>11</v>
      </c>
      <c r="C81" s="28">
        <v>11</v>
      </c>
      <c r="D81" s="29">
        <v>22</v>
      </c>
    </row>
    <row r="82" spans="1:4" ht="18" customHeight="1" x14ac:dyDescent="0.2">
      <c r="A82" s="31">
        <v>64</v>
      </c>
      <c r="B82" s="27">
        <v>21</v>
      </c>
      <c r="C82" s="28">
        <v>22</v>
      </c>
      <c r="D82" s="29">
        <v>43</v>
      </c>
    </row>
    <row r="83" spans="1:4" ht="18" customHeight="1" x14ac:dyDescent="0.2">
      <c r="A83" s="31" t="s">
        <v>79</v>
      </c>
      <c r="B83" s="27">
        <v>115</v>
      </c>
      <c r="C83" s="28">
        <v>102</v>
      </c>
      <c r="D83" s="29">
        <v>217</v>
      </c>
    </row>
    <row r="84" spans="1:4" ht="18" customHeight="1" x14ac:dyDescent="0.2">
      <c r="A84" s="31" t="s">
        <v>80</v>
      </c>
      <c r="B84" s="27">
        <v>865</v>
      </c>
      <c r="C84" s="28">
        <v>695</v>
      </c>
      <c r="D84" s="29">
        <v>1560</v>
      </c>
    </row>
    <row r="85" spans="1:4" ht="18" customHeight="1" x14ac:dyDescent="0.2">
      <c r="A85" s="31">
        <v>65</v>
      </c>
      <c r="B85" s="27">
        <v>17</v>
      </c>
      <c r="C85" s="28">
        <v>16</v>
      </c>
      <c r="D85" s="29">
        <v>33</v>
      </c>
    </row>
    <row r="86" spans="1:4" ht="18" customHeight="1" x14ac:dyDescent="0.2">
      <c r="A86" s="31">
        <v>66</v>
      </c>
      <c r="B86" s="27">
        <v>14</v>
      </c>
      <c r="C86" s="28">
        <v>15</v>
      </c>
      <c r="D86" s="29">
        <v>29</v>
      </c>
    </row>
    <row r="87" spans="1:4" ht="18" customHeight="1" x14ac:dyDescent="0.2">
      <c r="A87" s="31">
        <v>67</v>
      </c>
      <c r="B87" s="27">
        <v>18</v>
      </c>
      <c r="C87" s="28">
        <v>16</v>
      </c>
      <c r="D87" s="29">
        <v>34</v>
      </c>
    </row>
    <row r="88" spans="1:4" ht="18" customHeight="1" x14ac:dyDescent="0.2">
      <c r="A88" s="31">
        <v>68</v>
      </c>
      <c r="B88" s="27">
        <v>9</v>
      </c>
      <c r="C88" s="28">
        <v>16</v>
      </c>
      <c r="D88" s="29">
        <v>25</v>
      </c>
    </row>
    <row r="89" spans="1:4" ht="18" customHeight="1" x14ac:dyDescent="0.2">
      <c r="A89" s="31">
        <v>69</v>
      </c>
      <c r="B89" s="27">
        <v>10</v>
      </c>
      <c r="C89" s="28">
        <v>12</v>
      </c>
      <c r="D89" s="29">
        <v>22</v>
      </c>
    </row>
    <row r="90" spans="1:4" ht="18" customHeight="1" x14ac:dyDescent="0.2">
      <c r="A90" s="31" t="s">
        <v>81</v>
      </c>
      <c r="B90" s="27">
        <v>68</v>
      </c>
      <c r="C90" s="28">
        <v>75</v>
      </c>
      <c r="D90" s="29">
        <v>143</v>
      </c>
    </row>
    <row r="91" spans="1:4" ht="18" customHeight="1" x14ac:dyDescent="0.2">
      <c r="A91" s="31">
        <v>70</v>
      </c>
      <c r="B91" s="27">
        <v>14</v>
      </c>
      <c r="C91" s="28">
        <v>8</v>
      </c>
      <c r="D91" s="29">
        <v>22</v>
      </c>
    </row>
    <row r="92" spans="1:4" ht="18" customHeight="1" x14ac:dyDescent="0.2">
      <c r="A92" s="31">
        <v>71</v>
      </c>
      <c r="B92" s="27">
        <v>14</v>
      </c>
      <c r="C92" s="28">
        <v>12</v>
      </c>
      <c r="D92" s="29">
        <v>26</v>
      </c>
    </row>
    <row r="93" spans="1:4" ht="18" customHeight="1" x14ac:dyDescent="0.2">
      <c r="A93" s="31">
        <v>72</v>
      </c>
      <c r="B93" s="27">
        <v>11</v>
      </c>
      <c r="C93" s="28">
        <v>20</v>
      </c>
      <c r="D93" s="29">
        <v>31</v>
      </c>
    </row>
    <row r="94" spans="1:4" ht="18" customHeight="1" x14ac:dyDescent="0.2">
      <c r="A94" s="31">
        <v>73</v>
      </c>
      <c r="B94" s="27">
        <v>10</v>
      </c>
      <c r="C94" s="28">
        <v>20</v>
      </c>
      <c r="D94" s="29">
        <v>30</v>
      </c>
    </row>
    <row r="95" spans="1:4" ht="18" customHeight="1" x14ac:dyDescent="0.2">
      <c r="A95" s="31">
        <v>74</v>
      </c>
      <c r="B95" s="27">
        <v>9</v>
      </c>
      <c r="C95" s="28">
        <v>19</v>
      </c>
      <c r="D95" s="29">
        <v>28</v>
      </c>
    </row>
    <row r="96" spans="1:4" ht="18" customHeight="1" x14ac:dyDescent="0.2">
      <c r="A96" s="31" t="s">
        <v>82</v>
      </c>
      <c r="B96" s="27">
        <v>58</v>
      </c>
      <c r="C96" s="28">
        <v>79</v>
      </c>
      <c r="D96" s="29">
        <v>137</v>
      </c>
    </row>
    <row r="97" spans="1:4" ht="18" customHeight="1" x14ac:dyDescent="0.2">
      <c r="A97" s="31">
        <v>75</v>
      </c>
      <c r="B97" s="27">
        <v>15</v>
      </c>
      <c r="C97" s="28">
        <v>18</v>
      </c>
      <c r="D97" s="29">
        <v>33</v>
      </c>
    </row>
    <row r="98" spans="1:4" ht="18" customHeight="1" x14ac:dyDescent="0.2">
      <c r="A98" s="31">
        <v>76</v>
      </c>
      <c r="B98" s="27">
        <v>10</v>
      </c>
      <c r="C98" s="28">
        <v>20</v>
      </c>
      <c r="D98" s="29">
        <v>30</v>
      </c>
    </row>
    <row r="99" spans="1:4" ht="18" customHeight="1" x14ac:dyDescent="0.2">
      <c r="A99" s="31">
        <v>77</v>
      </c>
      <c r="B99" s="27">
        <v>20</v>
      </c>
      <c r="C99" s="28">
        <v>24</v>
      </c>
      <c r="D99" s="29">
        <v>44</v>
      </c>
    </row>
    <row r="100" spans="1:4" ht="18" customHeight="1" x14ac:dyDescent="0.2">
      <c r="A100" s="31">
        <v>78</v>
      </c>
      <c r="B100" s="27">
        <v>13</v>
      </c>
      <c r="C100" s="28">
        <v>29</v>
      </c>
      <c r="D100" s="29">
        <v>42</v>
      </c>
    </row>
    <row r="101" spans="1:4" ht="18" customHeight="1" x14ac:dyDescent="0.2">
      <c r="A101" s="31">
        <v>79</v>
      </c>
      <c r="B101" s="27">
        <v>13</v>
      </c>
      <c r="C101" s="28">
        <v>22</v>
      </c>
      <c r="D101" s="29">
        <v>35</v>
      </c>
    </row>
    <row r="102" spans="1:4" ht="18" customHeight="1" x14ac:dyDescent="0.2">
      <c r="A102" s="31" t="s">
        <v>83</v>
      </c>
      <c r="B102" s="27">
        <v>71</v>
      </c>
      <c r="C102" s="28">
        <v>113</v>
      </c>
      <c r="D102" s="29">
        <v>184</v>
      </c>
    </row>
    <row r="103" spans="1:4" ht="18" customHeight="1" x14ac:dyDescent="0.2">
      <c r="A103" s="31">
        <v>80</v>
      </c>
      <c r="B103" s="27">
        <v>16</v>
      </c>
      <c r="C103" s="28">
        <v>14</v>
      </c>
      <c r="D103" s="29">
        <v>30</v>
      </c>
    </row>
    <row r="104" spans="1:4" ht="18" customHeight="1" x14ac:dyDescent="0.2">
      <c r="A104" s="31">
        <v>81</v>
      </c>
      <c r="B104" s="27">
        <v>13</v>
      </c>
      <c r="C104" s="28">
        <v>8</v>
      </c>
      <c r="D104" s="29">
        <v>21</v>
      </c>
    </row>
    <row r="105" spans="1:4" ht="18" customHeight="1" x14ac:dyDescent="0.2">
      <c r="A105" s="31">
        <v>82</v>
      </c>
      <c r="B105" s="27">
        <v>12</v>
      </c>
      <c r="C105" s="28">
        <v>9</v>
      </c>
      <c r="D105" s="29">
        <v>21</v>
      </c>
    </row>
    <row r="106" spans="1:4" ht="18" customHeight="1" x14ac:dyDescent="0.2">
      <c r="A106" s="31">
        <v>83</v>
      </c>
      <c r="B106" s="27">
        <v>7</v>
      </c>
      <c r="C106" s="28">
        <v>21</v>
      </c>
      <c r="D106" s="29">
        <v>28</v>
      </c>
    </row>
    <row r="107" spans="1:4" ht="18" customHeight="1" x14ac:dyDescent="0.2">
      <c r="A107" s="31">
        <v>84</v>
      </c>
      <c r="B107" s="27">
        <v>7</v>
      </c>
      <c r="C107" s="28">
        <v>6</v>
      </c>
      <c r="D107" s="29">
        <v>13</v>
      </c>
    </row>
    <row r="108" spans="1:4" ht="18" customHeight="1" x14ac:dyDescent="0.2">
      <c r="A108" s="31" t="s">
        <v>84</v>
      </c>
      <c r="B108" s="27">
        <v>55</v>
      </c>
      <c r="C108" s="28">
        <v>58</v>
      </c>
      <c r="D108" s="29">
        <v>113</v>
      </c>
    </row>
    <row r="109" spans="1:4" ht="18" customHeight="1" x14ac:dyDescent="0.2">
      <c r="A109" s="31">
        <v>85</v>
      </c>
      <c r="B109" s="27">
        <v>7</v>
      </c>
      <c r="C109" s="28">
        <v>11</v>
      </c>
      <c r="D109" s="29">
        <v>18</v>
      </c>
    </row>
    <row r="110" spans="1:4" ht="18" customHeight="1" x14ac:dyDescent="0.2">
      <c r="A110" s="31">
        <v>86</v>
      </c>
      <c r="B110" s="27">
        <v>8</v>
      </c>
      <c r="C110" s="28">
        <v>9</v>
      </c>
      <c r="D110" s="29">
        <v>17</v>
      </c>
    </row>
    <row r="111" spans="1:4" ht="18" customHeight="1" x14ac:dyDescent="0.2">
      <c r="A111" s="31">
        <v>87</v>
      </c>
      <c r="B111" s="27">
        <v>6</v>
      </c>
      <c r="C111" s="28">
        <v>6</v>
      </c>
      <c r="D111" s="29">
        <v>12</v>
      </c>
    </row>
    <row r="112" spans="1:4" ht="18" customHeight="1" x14ac:dyDescent="0.2">
      <c r="A112" s="31">
        <v>88</v>
      </c>
      <c r="B112" s="27">
        <v>9</v>
      </c>
      <c r="C112" s="28">
        <v>7</v>
      </c>
      <c r="D112" s="29">
        <v>16</v>
      </c>
    </row>
    <row r="113" spans="1:4" ht="18" customHeight="1" x14ac:dyDescent="0.2">
      <c r="A113" s="31">
        <v>89</v>
      </c>
      <c r="B113" s="27">
        <v>0</v>
      </c>
      <c r="C113" s="28">
        <v>7</v>
      </c>
      <c r="D113" s="29">
        <v>7</v>
      </c>
    </row>
    <row r="114" spans="1:4" ht="18" customHeight="1" x14ac:dyDescent="0.2">
      <c r="A114" s="31" t="s">
        <v>85</v>
      </c>
      <c r="B114" s="27">
        <v>30</v>
      </c>
      <c r="C114" s="28">
        <v>40</v>
      </c>
      <c r="D114" s="29">
        <v>70</v>
      </c>
    </row>
    <row r="115" spans="1:4" ht="18" customHeight="1" x14ac:dyDescent="0.2">
      <c r="A115" s="31">
        <v>90</v>
      </c>
      <c r="B115" s="27">
        <v>1</v>
      </c>
      <c r="C115" s="28">
        <v>4</v>
      </c>
      <c r="D115" s="29">
        <v>5</v>
      </c>
    </row>
    <row r="116" spans="1:4" ht="18" customHeight="1" x14ac:dyDescent="0.2">
      <c r="A116" s="31">
        <v>91</v>
      </c>
      <c r="B116" s="27">
        <v>1</v>
      </c>
      <c r="C116" s="28">
        <v>7</v>
      </c>
      <c r="D116" s="29">
        <v>8</v>
      </c>
    </row>
    <row r="117" spans="1:4" ht="18" customHeight="1" x14ac:dyDescent="0.2">
      <c r="A117" s="31">
        <v>92</v>
      </c>
      <c r="B117" s="27">
        <v>1</v>
      </c>
      <c r="C117" s="28">
        <v>2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86</v>
      </c>
      <c r="B120" s="27">
        <v>5</v>
      </c>
      <c r="C120" s="28">
        <v>20</v>
      </c>
      <c r="D120" s="29">
        <v>25</v>
      </c>
    </row>
    <row r="121" spans="1:4" ht="18" customHeight="1" x14ac:dyDescent="0.2">
      <c r="A121" s="31">
        <v>95</v>
      </c>
      <c r="B121" s="27">
        <v>0</v>
      </c>
      <c r="C121" s="28">
        <v>5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0</v>
      </c>
      <c r="C126" s="28">
        <v>9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90</v>
      </c>
      <c r="B130" s="4">
        <v>287</v>
      </c>
      <c r="C130" s="5">
        <v>396</v>
      </c>
      <c r="D130" s="6">
        <v>683</v>
      </c>
    </row>
    <row r="131" spans="1:4" ht="18" customHeight="1" x14ac:dyDescent="0.2">
      <c r="A131" s="33" t="s">
        <v>65</v>
      </c>
      <c r="B131" s="7">
        <v>1254</v>
      </c>
      <c r="C131" s="8">
        <v>1177</v>
      </c>
      <c r="D131" s="9">
        <v>243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53</v>
      </c>
      <c r="C5" s="37">
        <v>36</v>
      </c>
      <c r="D5" s="39">
        <v>89</v>
      </c>
    </row>
    <row r="6" spans="1:4" ht="18" customHeight="1" x14ac:dyDescent="0.2">
      <c r="A6" s="31">
        <v>1</v>
      </c>
      <c r="B6" s="35">
        <v>42</v>
      </c>
      <c r="C6" s="28">
        <v>44</v>
      </c>
      <c r="D6" s="29">
        <v>86</v>
      </c>
    </row>
    <row r="7" spans="1:4" ht="18" customHeight="1" x14ac:dyDescent="0.2">
      <c r="A7" s="31">
        <v>2</v>
      </c>
      <c r="B7" s="35">
        <v>36</v>
      </c>
      <c r="C7" s="28">
        <v>46</v>
      </c>
      <c r="D7" s="29">
        <v>82</v>
      </c>
    </row>
    <row r="8" spans="1:4" ht="18" customHeight="1" x14ac:dyDescent="0.2">
      <c r="A8" s="31">
        <v>3</v>
      </c>
      <c r="B8" s="35">
        <v>51</v>
      </c>
      <c r="C8" s="28">
        <v>47</v>
      </c>
      <c r="D8" s="29">
        <v>98</v>
      </c>
    </row>
    <row r="9" spans="1:4" ht="18" customHeight="1" x14ac:dyDescent="0.2">
      <c r="A9" s="31">
        <v>4</v>
      </c>
      <c r="B9" s="36">
        <v>52</v>
      </c>
      <c r="C9" s="38">
        <v>55</v>
      </c>
      <c r="D9" s="40">
        <v>107</v>
      </c>
    </row>
    <row r="10" spans="1:4" ht="18" customHeight="1" x14ac:dyDescent="0.2">
      <c r="A10" s="31" t="s">
        <v>66</v>
      </c>
      <c r="B10" s="27">
        <v>234</v>
      </c>
      <c r="C10" s="28">
        <v>228</v>
      </c>
      <c r="D10" s="29">
        <v>462</v>
      </c>
    </row>
    <row r="11" spans="1:4" ht="18" customHeight="1" x14ac:dyDescent="0.2">
      <c r="A11" s="31">
        <v>5</v>
      </c>
      <c r="B11" s="35">
        <v>62</v>
      </c>
      <c r="C11" s="28">
        <v>53</v>
      </c>
      <c r="D11" s="29">
        <v>115</v>
      </c>
    </row>
    <row r="12" spans="1:4" ht="18" customHeight="1" x14ac:dyDescent="0.2">
      <c r="A12" s="31">
        <v>6</v>
      </c>
      <c r="B12" s="35">
        <v>72</v>
      </c>
      <c r="C12" s="28">
        <v>52</v>
      </c>
      <c r="D12" s="29">
        <v>124</v>
      </c>
    </row>
    <row r="13" spans="1:4" ht="18" customHeight="1" x14ac:dyDescent="0.2">
      <c r="A13" s="31">
        <v>7</v>
      </c>
      <c r="B13" s="35">
        <v>65</v>
      </c>
      <c r="C13" s="28">
        <v>62</v>
      </c>
      <c r="D13" s="29">
        <v>127</v>
      </c>
    </row>
    <row r="14" spans="1:4" ht="18" customHeight="1" x14ac:dyDescent="0.2">
      <c r="A14" s="31">
        <v>8</v>
      </c>
      <c r="B14" s="35">
        <v>62</v>
      </c>
      <c r="C14" s="28">
        <v>63</v>
      </c>
      <c r="D14" s="29">
        <v>125</v>
      </c>
    </row>
    <row r="15" spans="1:4" ht="18" customHeight="1" x14ac:dyDescent="0.2">
      <c r="A15" s="31">
        <v>9</v>
      </c>
      <c r="B15" s="35">
        <v>62</v>
      </c>
      <c r="C15" s="28">
        <v>53</v>
      </c>
      <c r="D15" s="29">
        <v>115</v>
      </c>
    </row>
    <row r="16" spans="1:4" ht="18" customHeight="1" x14ac:dyDescent="0.2">
      <c r="A16" s="31" t="s">
        <v>67</v>
      </c>
      <c r="B16" s="27">
        <v>323</v>
      </c>
      <c r="C16" s="28">
        <v>283</v>
      </c>
      <c r="D16" s="29">
        <v>606</v>
      </c>
    </row>
    <row r="17" spans="1:4" ht="18" customHeight="1" x14ac:dyDescent="0.2">
      <c r="A17" s="31">
        <v>10</v>
      </c>
      <c r="B17" s="27">
        <v>60</v>
      </c>
      <c r="C17" s="28">
        <v>72</v>
      </c>
      <c r="D17" s="29">
        <v>132</v>
      </c>
    </row>
    <row r="18" spans="1:4" ht="18" customHeight="1" x14ac:dyDescent="0.2">
      <c r="A18" s="31">
        <v>11</v>
      </c>
      <c r="B18" s="27">
        <v>67</v>
      </c>
      <c r="C18" s="28">
        <v>56</v>
      </c>
      <c r="D18" s="29">
        <v>123</v>
      </c>
    </row>
    <row r="19" spans="1:4" ht="18" customHeight="1" x14ac:dyDescent="0.2">
      <c r="A19" s="31">
        <v>12</v>
      </c>
      <c r="B19" s="27">
        <v>64</v>
      </c>
      <c r="C19" s="28">
        <v>47</v>
      </c>
      <c r="D19" s="29">
        <v>111</v>
      </c>
    </row>
    <row r="20" spans="1:4" ht="18" customHeight="1" x14ac:dyDescent="0.2">
      <c r="A20" s="31">
        <v>13</v>
      </c>
      <c r="B20" s="27">
        <v>62</v>
      </c>
      <c r="C20" s="28">
        <v>58</v>
      </c>
      <c r="D20" s="29">
        <v>120</v>
      </c>
    </row>
    <row r="21" spans="1:4" ht="18" customHeight="1" x14ac:dyDescent="0.2">
      <c r="A21" s="31">
        <v>14</v>
      </c>
      <c r="B21" s="27">
        <v>92</v>
      </c>
      <c r="C21" s="28">
        <v>72</v>
      </c>
      <c r="D21" s="29">
        <v>164</v>
      </c>
    </row>
    <row r="22" spans="1:4" ht="18" customHeight="1" x14ac:dyDescent="0.2">
      <c r="A22" s="31" t="s">
        <v>68</v>
      </c>
      <c r="B22" s="27">
        <v>345</v>
      </c>
      <c r="C22" s="28">
        <v>305</v>
      </c>
      <c r="D22" s="29">
        <v>650</v>
      </c>
    </row>
    <row r="23" spans="1:4" ht="18" customHeight="1" x14ac:dyDescent="0.2">
      <c r="A23" s="31" t="s">
        <v>69</v>
      </c>
      <c r="B23" s="27">
        <v>902</v>
      </c>
      <c r="C23" s="28">
        <v>816</v>
      </c>
      <c r="D23" s="29">
        <v>1718</v>
      </c>
    </row>
    <row r="24" spans="1:4" ht="18" customHeight="1" x14ac:dyDescent="0.2">
      <c r="A24" s="31">
        <v>15</v>
      </c>
      <c r="B24" s="27">
        <v>61</v>
      </c>
      <c r="C24" s="28">
        <v>61</v>
      </c>
      <c r="D24" s="29">
        <v>122</v>
      </c>
    </row>
    <row r="25" spans="1:4" ht="18" customHeight="1" x14ac:dyDescent="0.2">
      <c r="A25" s="31">
        <v>16</v>
      </c>
      <c r="B25" s="27">
        <v>58</v>
      </c>
      <c r="C25" s="28">
        <v>62</v>
      </c>
      <c r="D25" s="29">
        <v>120</v>
      </c>
    </row>
    <row r="26" spans="1:4" ht="18" customHeight="1" x14ac:dyDescent="0.2">
      <c r="A26" s="31">
        <v>17</v>
      </c>
      <c r="B26" s="27">
        <v>72</v>
      </c>
      <c r="C26" s="28">
        <v>77</v>
      </c>
      <c r="D26" s="29">
        <v>149</v>
      </c>
    </row>
    <row r="27" spans="1:4" ht="18" customHeight="1" x14ac:dyDescent="0.2">
      <c r="A27" s="31">
        <v>18</v>
      </c>
      <c r="B27" s="27">
        <v>55</v>
      </c>
      <c r="C27" s="28">
        <v>55</v>
      </c>
      <c r="D27" s="29">
        <v>110</v>
      </c>
    </row>
    <row r="28" spans="1:4" ht="18" customHeight="1" x14ac:dyDescent="0.2">
      <c r="A28" s="31">
        <v>19</v>
      </c>
      <c r="B28" s="27">
        <v>64</v>
      </c>
      <c r="C28" s="28">
        <v>80</v>
      </c>
      <c r="D28" s="29">
        <v>144</v>
      </c>
    </row>
    <row r="29" spans="1:4" ht="18" customHeight="1" x14ac:dyDescent="0.2">
      <c r="A29" s="31" t="s">
        <v>70</v>
      </c>
      <c r="B29" s="27">
        <v>310</v>
      </c>
      <c r="C29" s="28">
        <v>335</v>
      </c>
      <c r="D29" s="29">
        <v>645</v>
      </c>
    </row>
    <row r="30" spans="1:4" ht="18" customHeight="1" x14ac:dyDescent="0.2">
      <c r="A30" s="31">
        <v>20</v>
      </c>
      <c r="B30" s="27">
        <v>68</v>
      </c>
      <c r="C30" s="28">
        <v>59</v>
      </c>
      <c r="D30" s="29">
        <v>127</v>
      </c>
    </row>
    <row r="31" spans="1:4" ht="18" customHeight="1" x14ac:dyDescent="0.2">
      <c r="A31" s="31">
        <v>21</v>
      </c>
      <c r="B31" s="27">
        <v>66</v>
      </c>
      <c r="C31" s="28">
        <v>71</v>
      </c>
      <c r="D31" s="29">
        <v>137</v>
      </c>
    </row>
    <row r="32" spans="1:4" ht="18" customHeight="1" x14ac:dyDescent="0.2">
      <c r="A32" s="31">
        <v>22</v>
      </c>
      <c r="B32" s="27">
        <v>77</v>
      </c>
      <c r="C32" s="28">
        <v>65</v>
      </c>
      <c r="D32" s="29">
        <v>142</v>
      </c>
    </row>
    <row r="33" spans="1:4" ht="18" customHeight="1" x14ac:dyDescent="0.2">
      <c r="A33" s="31">
        <v>23</v>
      </c>
      <c r="B33" s="27">
        <v>72</v>
      </c>
      <c r="C33" s="28">
        <v>74</v>
      </c>
      <c r="D33" s="29">
        <v>146</v>
      </c>
    </row>
    <row r="34" spans="1:4" ht="18" customHeight="1" x14ac:dyDescent="0.2">
      <c r="A34" s="31">
        <v>24</v>
      </c>
      <c r="B34" s="27">
        <v>74</v>
      </c>
      <c r="C34" s="28">
        <v>69</v>
      </c>
      <c r="D34" s="29">
        <v>143</v>
      </c>
    </row>
    <row r="35" spans="1:4" ht="18" customHeight="1" x14ac:dyDescent="0.2">
      <c r="A35" s="31" t="s">
        <v>71</v>
      </c>
      <c r="B35" s="27">
        <v>357</v>
      </c>
      <c r="C35" s="28">
        <v>338</v>
      </c>
      <c r="D35" s="29">
        <v>695</v>
      </c>
    </row>
    <row r="36" spans="1:4" ht="18" customHeight="1" x14ac:dyDescent="0.2">
      <c r="A36" s="31">
        <v>25</v>
      </c>
      <c r="B36" s="27">
        <v>76</v>
      </c>
      <c r="C36" s="28">
        <v>75</v>
      </c>
      <c r="D36" s="29">
        <v>151</v>
      </c>
    </row>
    <row r="37" spans="1:4" ht="18" customHeight="1" x14ac:dyDescent="0.2">
      <c r="A37" s="31">
        <v>26</v>
      </c>
      <c r="B37" s="27">
        <v>65</v>
      </c>
      <c r="C37" s="28">
        <v>65</v>
      </c>
      <c r="D37" s="29">
        <v>130</v>
      </c>
    </row>
    <row r="38" spans="1:4" ht="18" customHeight="1" x14ac:dyDescent="0.2">
      <c r="A38" s="31">
        <v>27</v>
      </c>
      <c r="B38" s="27">
        <v>74</v>
      </c>
      <c r="C38" s="28">
        <v>82</v>
      </c>
      <c r="D38" s="29">
        <v>156</v>
      </c>
    </row>
    <row r="39" spans="1:4" ht="18" customHeight="1" x14ac:dyDescent="0.2">
      <c r="A39" s="31">
        <v>28</v>
      </c>
      <c r="B39" s="27">
        <v>56</v>
      </c>
      <c r="C39" s="28">
        <v>49</v>
      </c>
      <c r="D39" s="29">
        <v>105</v>
      </c>
    </row>
    <row r="40" spans="1:4" ht="18" customHeight="1" x14ac:dyDescent="0.2">
      <c r="A40" s="31">
        <v>29</v>
      </c>
      <c r="B40" s="27">
        <v>76</v>
      </c>
      <c r="C40" s="28">
        <v>60</v>
      </c>
      <c r="D40" s="29">
        <v>136</v>
      </c>
    </row>
    <row r="41" spans="1:4" ht="18" customHeight="1" x14ac:dyDescent="0.2">
      <c r="A41" s="31" t="s">
        <v>72</v>
      </c>
      <c r="B41" s="27">
        <v>347</v>
      </c>
      <c r="C41" s="28">
        <v>331</v>
      </c>
      <c r="D41" s="29">
        <v>678</v>
      </c>
    </row>
    <row r="42" spans="1:4" ht="18" customHeight="1" x14ac:dyDescent="0.2">
      <c r="A42" s="31">
        <v>30</v>
      </c>
      <c r="B42" s="27">
        <v>54</v>
      </c>
      <c r="C42" s="28">
        <v>68</v>
      </c>
      <c r="D42" s="29">
        <v>122</v>
      </c>
    </row>
    <row r="43" spans="1:4" ht="18" customHeight="1" x14ac:dyDescent="0.2">
      <c r="A43" s="31">
        <v>31</v>
      </c>
      <c r="B43" s="27">
        <v>77</v>
      </c>
      <c r="C43" s="28">
        <v>69</v>
      </c>
      <c r="D43" s="29">
        <v>146</v>
      </c>
    </row>
    <row r="44" spans="1:4" ht="18" customHeight="1" x14ac:dyDescent="0.2">
      <c r="A44" s="31">
        <v>32</v>
      </c>
      <c r="B44" s="27">
        <v>74</v>
      </c>
      <c r="C44" s="28">
        <v>65</v>
      </c>
      <c r="D44" s="29">
        <v>139</v>
      </c>
    </row>
    <row r="45" spans="1:4" ht="18" customHeight="1" x14ac:dyDescent="0.2">
      <c r="A45" s="31">
        <v>33</v>
      </c>
      <c r="B45" s="27">
        <v>81</v>
      </c>
      <c r="C45" s="28">
        <v>70</v>
      </c>
      <c r="D45" s="29">
        <v>151</v>
      </c>
    </row>
    <row r="46" spans="1:4" ht="18" customHeight="1" x14ac:dyDescent="0.2">
      <c r="A46" s="31">
        <v>34</v>
      </c>
      <c r="B46" s="27">
        <v>82</v>
      </c>
      <c r="C46" s="28">
        <v>97</v>
      </c>
      <c r="D46" s="29">
        <v>179</v>
      </c>
    </row>
    <row r="47" spans="1:4" ht="18" customHeight="1" x14ac:dyDescent="0.2">
      <c r="A47" s="31" t="s">
        <v>73</v>
      </c>
      <c r="B47" s="27">
        <v>368</v>
      </c>
      <c r="C47" s="28">
        <v>369</v>
      </c>
      <c r="D47" s="29">
        <v>737</v>
      </c>
    </row>
    <row r="48" spans="1:4" ht="18" customHeight="1" x14ac:dyDescent="0.2">
      <c r="A48" s="31">
        <v>35</v>
      </c>
      <c r="B48" s="27">
        <v>89</v>
      </c>
      <c r="C48" s="28">
        <v>67</v>
      </c>
      <c r="D48" s="29">
        <v>156</v>
      </c>
    </row>
    <row r="49" spans="1:4" ht="18" customHeight="1" x14ac:dyDescent="0.2">
      <c r="A49" s="31">
        <v>36</v>
      </c>
      <c r="B49" s="27">
        <v>100</v>
      </c>
      <c r="C49" s="28">
        <v>91</v>
      </c>
      <c r="D49" s="29">
        <v>191</v>
      </c>
    </row>
    <row r="50" spans="1:4" ht="18" customHeight="1" x14ac:dyDescent="0.2">
      <c r="A50" s="31">
        <v>37</v>
      </c>
      <c r="B50" s="27">
        <v>89</v>
      </c>
      <c r="C50" s="28">
        <v>89</v>
      </c>
      <c r="D50" s="29">
        <v>178</v>
      </c>
    </row>
    <row r="51" spans="1:4" ht="18" customHeight="1" x14ac:dyDescent="0.2">
      <c r="A51" s="31">
        <v>38</v>
      </c>
      <c r="B51" s="27">
        <v>97</v>
      </c>
      <c r="C51" s="28">
        <v>104</v>
      </c>
      <c r="D51" s="29">
        <v>201</v>
      </c>
    </row>
    <row r="52" spans="1:4" ht="18" customHeight="1" x14ac:dyDescent="0.2">
      <c r="A52" s="31">
        <v>39</v>
      </c>
      <c r="B52" s="27">
        <v>79</v>
      </c>
      <c r="C52" s="28">
        <v>81</v>
      </c>
      <c r="D52" s="29">
        <v>160</v>
      </c>
    </row>
    <row r="53" spans="1:4" ht="18" customHeight="1" x14ac:dyDescent="0.2">
      <c r="A53" s="31" t="s">
        <v>74</v>
      </c>
      <c r="B53" s="27">
        <v>454</v>
      </c>
      <c r="C53" s="28">
        <v>432</v>
      </c>
      <c r="D53" s="29">
        <v>886</v>
      </c>
    </row>
    <row r="54" spans="1:4" ht="18" customHeight="1" x14ac:dyDescent="0.2">
      <c r="A54" s="31">
        <v>40</v>
      </c>
      <c r="B54" s="27">
        <v>94</v>
      </c>
      <c r="C54" s="28">
        <v>87</v>
      </c>
      <c r="D54" s="29">
        <v>181</v>
      </c>
    </row>
    <row r="55" spans="1:4" ht="18" customHeight="1" x14ac:dyDescent="0.2">
      <c r="A55" s="31">
        <v>41</v>
      </c>
      <c r="B55" s="27">
        <v>94</v>
      </c>
      <c r="C55" s="28">
        <v>83</v>
      </c>
      <c r="D55" s="29">
        <v>177</v>
      </c>
    </row>
    <row r="56" spans="1:4" ht="18" customHeight="1" x14ac:dyDescent="0.2">
      <c r="A56" s="31">
        <v>42</v>
      </c>
      <c r="B56" s="27">
        <v>90</v>
      </c>
      <c r="C56" s="28">
        <v>90</v>
      </c>
      <c r="D56" s="29">
        <v>180</v>
      </c>
    </row>
    <row r="57" spans="1:4" ht="18" customHeight="1" x14ac:dyDescent="0.2">
      <c r="A57" s="31">
        <v>43</v>
      </c>
      <c r="B57" s="27">
        <v>81</v>
      </c>
      <c r="C57" s="28">
        <v>71</v>
      </c>
      <c r="D57" s="29">
        <v>152</v>
      </c>
    </row>
    <row r="58" spans="1:4" ht="18" customHeight="1" x14ac:dyDescent="0.2">
      <c r="A58" s="31">
        <v>44</v>
      </c>
      <c r="B58" s="27">
        <v>75</v>
      </c>
      <c r="C58" s="28">
        <v>80</v>
      </c>
      <c r="D58" s="29">
        <v>155</v>
      </c>
    </row>
    <row r="59" spans="1:4" ht="18" customHeight="1" x14ac:dyDescent="0.2">
      <c r="A59" s="31" t="s">
        <v>75</v>
      </c>
      <c r="B59" s="27">
        <v>434</v>
      </c>
      <c r="C59" s="28">
        <v>411</v>
      </c>
      <c r="D59" s="29">
        <v>845</v>
      </c>
    </row>
    <row r="60" spans="1:4" ht="18" customHeight="1" x14ac:dyDescent="0.2">
      <c r="A60" s="31">
        <v>45</v>
      </c>
      <c r="B60" s="27">
        <v>83</v>
      </c>
      <c r="C60" s="28">
        <v>79</v>
      </c>
      <c r="D60" s="29">
        <v>162</v>
      </c>
    </row>
    <row r="61" spans="1:4" ht="18" customHeight="1" x14ac:dyDescent="0.2">
      <c r="A61" s="31">
        <v>46</v>
      </c>
      <c r="B61" s="27">
        <v>105</v>
      </c>
      <c r="C61" s="28">
        <v>71</v>
      </c>
      <c r="D61" s="29">
        <v>176</v>
      </c>
    </row>
    <row r="62" spans="1:4" ht="18" customHeight="1" x14ac:dyDescent="0.2">
      <c r="A62" s="31">
        <v>47</v>
      </c>
      <c r="B62" s="27">
        <v>67</v>
      </c>
      <c r="C62" s="28">
        <v>73</v>
      </c>
      <c r="D62" s="29">
        <v>140</v>
      </c>
    </row>
    <row r="63" spans="1:4" ht="18" customHeight="1" x14ac:dyDescent="0.2">
      <c r="A63" s="31">
        <v>48</v>
      </c>
      <c r="B63" s="27">
        <v>73</v>
      </c>
      <c r="C63" s="28">
        <v>96</v>
      </c>
      <c r="D63" s="29">
        <v>169</v>
      </c>
    </row>
    <row r="64" spans="1:4" ht="18" customHeight="1" x14ac:dyDescent="0.2">
      <c r="A64" s="31">
        <v>49</v>
      </c>
      <c r="B64" s="27">
        <v>89</v>
      </c>
      <c r="C64" s="28">
        <v>91</v>
      </c>
      <c r="D64" s="29">
        <v>180</v>
      </c>
    </row>
    <row r="65" spans="1:4" ht="18" customHeight="1" x14ac:dyDescent="0.2">
      <c r="A65" s="31" t="s">
        <v>76</v>
      </c>
      <c r="B65" s="27">
        <v>417</v>
      </c>
      <c r="C65" s="28">
        <v>410</v>
      </c>
      <c r="D65" s="29">
        <v>827</v>
      </c>
    </row>
    <row r="66" spans="1:4" ht="18" customHeight="1" x14ac:dyDescent="0.2">
      <c r="A66" s="31">
        <v>50</v>
      </c>
      <c r="B66" s="27">
        <v>85</v>
      </c>
      <c r="C66" s="28">
        <v>73</v>
      </c>
      <c r="D66" s="29">
        <v>158</v>
      </c>
    </row>
    <row r="67" spans="1:4" ht="18" customHeight="1" x14ac:dyDescent="0.2">
      <c r="A67" s="31">
        <v>51</v>
      </c>
      <c r="B67" s="27">
        <v>79</v>
      </c>
      <c r="C67" s="28">
        <v>85</v>
      </c>
      <c r="D67" s="29">
        <v>164</v>
      </c>
    </row>
    <row r="68" spans="1:4" ht="18" customHeight="1" x14ac:dyDescent="0.2">
      <c r="A68" s="31">
        <v>52</v>
      </c>
      <c r="B68" s="27">
        <v>78</v>
      </c>
      <c r="C68" s="28">
        <v>65</v>
      </c>
      <c r="D68" s="29">
        <v>143</v>
      </c>
    </row>
    <row r="69" spans="1:4" ht="18" customHeight="1" x14ac:dyDescent="0.2">
      <c r="A69" s="31">
        <v>53</v>
      </c>
      <c r="B69" s="27">
        <v>100</v>
      </c>
      <c r="C69" s="28">
        <v>89</v>
      </c>
      <c r="D69" s="29">
        <v>189</v>
      </c>
    </row>
    <row r="70" spans="1:4" ht="18" customHeight="1" x14ac:dyDescent="0.2">
      <c r="A70" s="31">
        <v>54</v>
      </c>
      <c r="B70" s="27">
        <v>75</v>
      </c>
      <c r="C70" s="28">
        <v>81</v>
      </c>
      <c r="D70" s="29">
        <v>156</v>
      </c>
    </row>
    <row r="71" spans="1:4" ht="18" customHeight="1" x14ac:dyDescent="0.2">
      <c r="A71" s="31" t="s">
        <v>77</v>
      </c>
      <c r="B71" s="27">
        <v>417</v>
      </c>
      <c r="C71" s="28">
        <v>393</v>
      </c>
      <c r="D71" s="29">
        <v>810</v>
      </c>
    </row>
    <row r="72" spans="1:4" ht="18" customHeight="1" x14ac:dyDescent="0.2">
      <c r="A72" s="31">
        <v>55</v>
      </c>
      <c r="B72" s="27">
        <v>87</v>
      </c>
      <c r="C72" s="28">
        <v>84</v>
      </c>
      <c r="D72" s="29">
        <v>171</v>
      </c>
    </row>
    <row r="73" spans="1:4" ht="18" customHeight="1" x14ac:dyDescent="0.2">
      <c r="A73" s="31">
        <v>56</v>
      </c>
      <c r="B73" s="27">
        <v>70</v>
      </c>
      <c r="C73" s="28">
        <v>101</v>
      </c>
      <c r="D73" s="29">
        <v>171</v>
      </c>
    </row>
    <row r="74" spans="1:4" ht="18" customHeight="1" x14ac:dyDescent="0.2">
      <c r="A74" s="31">
        <v>57</v>
      </c>
      <c r="B74" s="27">
        <v>87</v>
      </c>
      <c r="C74" s="28">
        <v>84</v>
      </c>
      <c r="D74" s="29">
        <v>171</v>
      </c>
    </row>
    <row r="75" spans="1:4" ht="18" customHeight="1" x14ac:dyDescent="0.2">
      <c r="A75" s="31">
        <v>58</v>
      </c>
      <c r="B75" s="27">
        <v>96</v>
      </c>
      <c r="C75" s="28">
        <v>95</v>
      </c>
      <c r="D75" s="29">
        <v>191</v>
      </c>
    </row>
    <row r="76" spans="1:4" ht="18" customHeight="1" x14ac:dyDescent="0.2">
      <c r="A76" s="31">
        <v>59</v>
      </c>
      <c r="B76" s="27">
        <v>91</v>
      </c>
      <c r="C76" s="28">
        <v>89</v>
      </c>
      <c r="D76" s="29">
        <v>180</v>
      </c>
    </row>
    <row r="77" spans="1:4" ht="18" customHeight="1" x14ac:dyDescent="0.2">
      <c r="A77" s="31" t="s">
        <v>78</v>
      </c>
      <c r="B77" s="27">
        <v>431</v>
      </c>
      <c r="C77" s="28">
        <v>453</v>
      </c>
      <c r="D77" s="29">
        <v>884</v>
      </c>
    </row>
    <row r="78" spans="1:4" ht="18" customHeight="1" x14ac:dyDescent="0.2">
      <c r="A78" s="31">
        <v>60</v>
      </c>
      <c r="B78" s="27">
        <v>100</v>
      </c>
      <c r="C78" s="28">
        <v>100</v>
      </c>
      <c r="D78" s="29">
        <v>200</v>
      </c>
    </row>
    <row r="79" spans="1:4" ht="18" customHeight="1" x14ac:dyDescent="0.2">
      <c r="A79" s="31">
        <v>61</v>
      </c>
      <c r="B79" s="27">
        <v>113</v>
      </c>
      <c r="C79" s="28">
        <v>125</v>
      </c>
      <c r="D79" s="29">
        <v>238</v>
      </c>
    </row>
    <row r="80" spans="1:4" ht="18" customHeight="1" x14ac:dyDescent="0.2">
      <c r="A80" s="31">
        <v>62</v>
      </c>
      <c r="B80" s="27">
        <v>96</v>
      </c>
      <c r="C80" s="28">
        <v>109</v>
      </c>
      <c r="D80" s="29">
        <v>205</v>
      </c>
    </row>
    <row r="81" spans="1:4" ht="18" customHeight="1" x14ac:dyDescent="0.2">
      <c r="A81" s="31">
        <v>63</v>
      </c>
      <c r="B81" s="27">
        <v>56</v>
      </c>
      <c r="C81" s="28">
        <v>58</v>
      </c>
      <c r="D81" s="29">
        <v>114</v>
      </c>
    </row>
    <row r="82" spans="1:4" ht="18" customHeight="1" x14ac:dyDescent="0.2">
      <c r="A82" s="31">
        <v>64</v>
      </c>
      <c r="B82" s="27">
        <v>71</v>
      </c>
      <c r="C82" s="28">
        <v>91</v>
      </c>
      <c r="D82" s="29">
        <v>162</v>
      </c>
    </row>
    <row r="83" spans="1:4" ht="18" customHeight="1" x14ac:dyDescent="0.2">
      <c r="A83" s="31" t="s">
        <v>79</v>
      </c>
      <c r="B83" s="27">
        <v>436</v>
      </c>
      <c r="C83" s="28">
        <v>483</v>
      </c>
      <c r="D83" s="29">
        <v>919</v>
      </c>
    </row>
    <row r="84" spans="1:4" ht="18" customHeight="1" x14ac:dyDescent="0.2">
      <c r="A84" s="31" t="s">
        <v>80</v>
      </c>
      <c r="B84" s="27">
        <v>3971</v>
      </c>
      <c r="C84" s="28">
        <v>3955</v>
      </c>
      <c r="D84" s="29">
        <v>7926</v>
      </c>
    </row>
    <row r="85" spans="1:4" ht="18" customHeight="1" x14ac:dyDescent="0.2">
      <c r="A85" s="31">
        <v>65</v>
      </c>
      <c r="B85" s="27">
        <v>80</v>
      </c>
      <c r="C85" s="28">
        <v>110</v>
      </c>
      <c r="D85" s="29">
        <v>190</v>
      </c>
    </row>
    <row r="86" spans="1:4" ht="18" customHeight="1" x14ac:dyDescent="0.2">
      <c r="A86" s="31">
        <v>66</v>
      </c>
      <c r="B86" s="27">
        <v>72</v>
      </c>
      <c r="C86" s="28">
        <v>87</v>
      </c>
      <c r="D86" s="29">
        <v>159</v>
      </c>
    </row>
    <row r="87" spans="1:4" ht="18" customHeight="1" x14ac:dyDescent="0.2">
      <c r="A87" s="31">
        <v>67</v>
      </c>
      <c r="B87" s="27">
        <v>96</v>
      </c>
      <c r="C87" s="28">
        <v>111</v>
      </c>
      <c r="D87" s="29">
        <v>207</v>
      </c>
    </row>
    <row r="88" spans="1:4" ht="18" customHeight="1" x14ac:dyDescent="0.2">
      <c r="A88" s="31">
        <v>68</v>
      </c>
      <c r="B88" s="27">
        <v>82</v>
      </c>
      <c r="C88" s="28">
        <v>88</v>
      </c>
      <c r="D88" s="29">
        <v>170</v>
      </c>
    </row>
    <row r="89" spans="1:4" ht="18" customHeight="1" x14ac:dyDescent="0.2">
      <c r="A89" s="31">
        <v>69</v>
      </c>
      <c r="B89" s="27">
        <v>70</v>
      </c>
      <c r="C89" s="28">
        <v>97</v>
      </c>
      <c r="D89" s="29">
        <v>167</v>
      </c>
    </row>
    <row r="90" spans="1:4" ht="18" customHeight="1" x14ac:dyDescent="0.2">
      <c r="A90" s="31" t="s">
        <v>81</v>
      </c>
      <c r="B90" s="27">
        <v>400</v>
      </c>
      <c r="C90" s="28">
        <v>493</v>
      </c>
      <c r="D90" s="29">
        <v>893</v>
      </c>
    </row>
    <row r="91" spans="1:4" ht="18" customHeight="1" x14ac:dyDescent="0.2">
      <c r="A91" s="31">
        <v>70</v>
      </c>
      <c r="B91" s="27">
        <v>58</v>
      </c>
      <c r="C91" s="28">
        <v>71</v>
      </c>
      <c r="D91" s="29">
        <v>129</v>
      </c>
    </row>
    <row r="92" spans="1:4" ht="18" customHeight="1" x14ac:dyDescent="0.2">
      <c r="A92" s="31">
        <v>71</v>
      </c>
      <c r="B92" s="27">
        <v>73</v>
      </c>
      <c r="C92" s="28">
        <v>62</v>
      </c>
      <c r="D92" s="29">
        <v>135</v>
      </c>
    </row>
    <row r="93" spans="1:4" ht="18" customHeight="1" x14ac:dyDescent="0.2">
      <c r="A93" s="31">
        <v>72</v>
      </c>
      <c r="B93" s="27">
        <v>71</v>
      </c>
      <c r="C93" s="28">
        <v>63</v>
      </c>
      <c r="D93" s="29">
        <v>134</v>
      </c>
    </row>
    <row r="94" spans="1:4" ht="18" customHeight="1" x14ac:dyDescent="0.2">
      <c r="A94" s="31">
        <v>73</v>
      </c>
      <c r="B94" s="27">
        <v>73</v>
      </c>
      <c r="C94" s="28">
        <v>82</v>
      </c>
      <c r="D94" s="29">
        <v>155</v>
      </c>
    </row>
    <row r="95" spans="1:4" ht="18" customHeight="1" x14ac:dyDescent="0.2">
      <c r="A95" s="31">
        <v>74</v>
      </c>
      <c r="B95" s="27">
        <v>56</v>
      </c>
      <c r="C95" s="28">
        <v>89</v>
      </c>
      <c r="D95" s="29">
        <v>145</v>
      </c>
    </row>
    <row r="96" spans="1:4" ht="18" customHeight="1" x14ac:dyDescent="0.2">
      <c r="A96" s="31" t="s">
        <v>82</v>
      </c>
      <c r="B96" s="27">
        <v>331</v>
      </c>
      <c r="C96" s="28">
        <v>367</v>
      </c>
      <c r="D96" s="29">
        <v>698</v>
      </c>
    </row>
    <row r="97" spans="1:4" ht="18" customHeight="1" x14ac:dyDescent="0.2">
      <c r="A97" s="31">
        <v>75</v>
      </c>
      <c r="B97" s="27">
        <v>62</v>
      </c>
      <c r="C97" s="28">
        <v>92</v>
      </c>
      <c r="D97" s="29">
        <v>154</v>
      </c>
    </row>
    <row r="98" spans="1:4" ht="18" customHeight="1" x14ac:dyDescent="0.2">
      <c r="A98" s="31">
        <v>76</v>
      </c>
      <c r="B98" s="27">
        <v>50</v>
      </c>
      <c r="C98" s="28">
        <v>81</v>
      </c>
      <c r="D98" s="29">
        <v>131</v>
      </c>
    </row>
    <row r="99" spans="1:4" ht="18" customHeight="1" x14ac:dyDescent="0.2">
      <c r="A99" s="31">
        <v>77</v>
      </c>
      <c r="B99" s="27">
        <v>70</v>
      </c>
      <c r="C99" s="28">
        <v>72</v>
      </c>
      <c r="D99" s="29">
        <v>142</v>
      </c>
    </row>
    <row r="100" spans="1:4" ht="18" customHeight="1" x14ac:dyDescent="0.2">
      <c r="A100" s="31">
        <v>78</v>
      </c>
      <c r="B100" s="27">
        <v>40</v>
      </c>
      <c r="C100" s="28">
        <v>83</v>
      </c>
      <c r="D100" s="29">
        <v>123</v>
      </c>
    </row>
    <row r="101" spans="1:4" ht="18" customHeight="1" x14ac:dyDescent="0.2">
      <c r="A101" s="31">
        <v>79</v>
      </c>
      <c r="B101" s="27">
        <v>48</v>
      </c>
      <c r="C101" s="28">
        <v>74</v>
      </c>
      <c r="D101" s="29">
        <v>122</v>
      </c>
    </row>
    <row r="102" spans="1:4" ht="18" customHeight="1" x14ac:dyDescent="0.2">
      <c r="A102" s="31" t="s">
        <v>83</v>
      </c>
      <c r="B102" s="27">
        <v>270</v>
      </c>
      <c r="C102" s="28">
        <v>402</v>
      </c>
      <c r="D102" s="29">
        <v>672</v>
      </c>
    </row>
    <row r="103" spans="1:4" ht="18" customHeight="1" x14ac:dyDescent="0.2">
      <c r="A103" s="31">
        <v>80</v>
      </c>
      <c r="B103" s="27">
        <v>40</v>
      </c>
      <c r="C103" s="28">
        <v>63</v>
      </c>
      <c r="D103" s="29">
        <v>103</v>
      </c>
    </row>
    <row r="104" spans="1:4" ht="18" customHeight="1" x14ac:dyDescent="0.2">
      <c r="A104" s="31">
        <v>81</v>
      </c>
      <c r="B104" s="27">
        <v>38</v>
      </c>
      <c r="C104" s="28">
        <v>56</v>
      </c>
      <c r="D104" s="29">
        <v>94</v>
      </c>
    </row>
    <row r="105" spans="1:4" ht="18" customHeight="1" x14ac:dyDescent="0.2">
      <c r="A105" s="31">
        <v>82</v>
      </c>
      <c r="B105" s="27">
        <v>34</v>
      </c>
      <c r="C105" s="28">
        <v>65</v>
      </c>
      <c r="D105" s="29">
        <v>99</v>
      </c>
    </row>
    <row r="106" spans="1:4" ht="18" customHeight="1" x14ac:dyDescent="0.2">
      <c r="A106" s="31">
        <v>83</v>
      </c>
      <c r="B106" s="27">
        <v>29</v>
      </c>
      <c r="C106" s="28">
        <v>41</v>
      </c>
      <c r="D106" s="29">
        <v>70</v>
      </c>
    </row>
    <row r="107" spans="1:4" ht="18" customHeight="1" x14ac:dyDescent="0.2">
      <c r="A107" s="31">
        <v>84</v>
      </c>
      <c r="B107" s="27">
        <v>32</v>
      </c>
      <c r="C107" s="28">
        <v>43</v>
      </c>
      <c r="D107" s="29">
        <v>75</v>
      </c>
    </row>
    <row r="108" spans="1:4" ht="18" customHeight="1" x14ac:dyDescent="0.2">
      <c r="A108" s="31" t="s">
        <v>84</v>
      </c>
      <c r="B108" s="27">
        <v>173</v>
      </c>
      <c r="C108" s="28">
        <v>268</v>
      </c>
      <c r="D108" s="29">
        <v>441</v>
      </c>
    </row>
    <row r="109" spans="1:4" ht="18" customHeight="1" x14ac:dyDescent="0.2">
      <c r="A109" s="31">
        <v>85</v>
      </c>
      <c r="B109" s="27">
        <v>19</v>
      </c>
      <c r="C109" s="28">
        <v>41</v>
      </c>
      <c r="D109" s="29">
        <v>60</v>
      </c>
    </row>
    <row r="110" spans="1:4" ht="18" customHeight="1" x14ac:dyDescent="0.2">
      <c r="A110" s="31">
        <v>86</v>
      </c>
      <c r="B110" s="27">
        <v>15</v>
      </c>
      <c r="C110" s="28">
        <v>34</v>
      </c>
      <c r="D110" s="29">
        <v>49</v>
      </c>
    </row>
    <row r="111" spans="1:4" ht="18" customHeight="1" x14ac:dyDescent="0.2">
      <c r="A111" s="31">
        <v>87</v>
      </c>
      <c r="B111" s="27">
        <v>15</v>
      </c>
      <c r="C111" s="28">
        <v>33</v>
      </c>
      <c r="D111" s="29">
        <v>48</v>
      </c>
    </row>
    <row r="112" spans="1:4" ht="18" customHeight="1" x14ac:dyDescent="0.2">
      <c r="A112" s="31">
        <v>88</v>
      </c>
      <c r="B112" s="27">
        <v>14</v>
      </c>
      <c r="C112" s="28">
        <v>34</v>
      </c>
      <c r="D112" s="29">
        <v>48</v>
      </c>
    </row>
    <row r="113" spans="1:4" ht="18" customHeight="1" x14ac:dyDescent="0.2">
      <c r="A113" s="31">
        <v>89</v>
      </c>
      <c r="B113" s="27">
        <v>11</v>
      </c>
      <c r="C113" s="28">
        <v>26</v>
      </c>
      <c r="D113" s="29">
        <v>37</v>
      </c>
    </row>
    <row r="114" spans="1:4" ht="18" customHeight="1" x14ac:dyDescent="0.2">
      <c r="A114" s="31" t="s">
        <v>85</v>
      </c>
      <c r="B114" s="27">
        <v>74</v>
      </c>
      <c r="C114" s="28">
        <v>168</v>
      </c>
      <c r="D114" s="29">
        <v>242</v>
      </c>
    </row>
    <row r="115" spans="1:4" ht="18" customHeight="1" x14ac:dyDescent="0.2">
      <c r="A115" s="31">
        <v>90</v>
      </c>
      <c r="B115" s="27">
        <v>5</v>
      </c>
      <c r="C115" s="28">
        <v>20</v>
      </c>
      <c r="D115" s="29">
        <v>25</v>
      </c>
    </row>
    <row r="116" spans="1:4" ht="18" customHeight="1" x14ac:dyDescent="0.2">
      <c r="A116" s="31">
        <v>91</v>
      </c>
      <c r="B116" s="27">
        <v>5</v>
      </c>
      <c r="C116" s="28">
        <v>19</v>
      </c>
      <c r="D116" s="29">
        <v>24</v>
      </c>
    </row>
    <row r="117" spans="1:4" ht="18" customHeight="1" x14ac:dyDescent="0.2">
      <c r="A117" s="31">
        <v>92</v>
      </c>
      <c r="B117" s="27">
        <v>4</v>
      </c>
      <c r="C117" s="28">
        <v>13</v>
      </c>
      <c r="D117" s="29">
        <v>17</v>
      </c>
    </row>
    <row r="118" spans="1:4" ht="18" customHeight="1" x14ac:dyDescent="0.2">
      <c r="A118" s="31">
        <v>93</v>
      </c>
      <c r="B118" s="27">
        <v>1</v>
      </c>
      <c r="C118" s="28">
        <v>8</v>
      </c>
      <c r="D118" s="29">
        <v>9</v>
      </c>
    </row>
    <row r="119" spans="1:4" ht="18" customHeight="1" x14ac:dyDescent="0.2">
      <c r="A119" s="31">
        <v>94</v>
      </c>
      <c r="B119" s="27">
        <v>5</v>
      </c>
      <c r="C119" s="28">
        <v>11</v>
      </c>
      <c r="D119" s="29">
        <v>16</v>
      </c>
    </row>
    <row r="120" spans="1:4" ht="18" customHeight="1" x14ac:dyDescent="0.2">
      <c r="A120" s="31" t="s">
        <v>86</v>
      </c>
      <c r="B120" s="27">
        <v>20</v>
      </c>
      <c r="C120" s="28">
        <v>71</v>
      </c>
      <c r="D120" s="29">
        <v>91</v>
      </c>
    </row>
    <row r="121" spans="1:4" ht="18" customHeight="1" x14ac:dyDescent="0.2">
      <c r="A121" s="31">
        <v>95</v>
      </c>
      <c r="B121" s="27">
        <v>4</v>
      </c>
      <c r="C121" s="28">
        <v>6</v>
      </c>
      <c r="D121" s="29">
        <v>10</v>
      </c>
    </row>
    <row r="122" spans="1:4" ht="18" customHeight="1" x14ac:dyDescent="0.2">
      <c r="A122" s="31">
        <v>96</v>
      </c>
      <c r="B122" s="27">
        <v>1</v>
      </c>
      <c r="C122" s="28">
        <v>8</v>
      </c>
      <c r="D122" s="29">
        <v>9</v>
      </c>
    </row>
    <row r="123" spans="1:4" ht="18" customHeight="1" x14ac:dyDescent="0.2">
      <c r="A123" s="31">
        <v>97</v>
      </c>
      <c r="B123" s="27">
        <v>0</v>
      </c>
      <c r="C123" s="28">
        <v>5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87</v>
      </c>
      <c r="B126" s="27">
        <v>5</v>
      </c>
      <c r="C126" s="28">
        <v>24</v>
      </c>
      <c r="D126" s="29">
        <v>29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88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89</v>
      </c>
      <c r="B129" s="27">
        <v>1</v>
      </c>
      <c r="C129" s="28">
        <v>4</v>
      </c>
      <c r="D129" s="29">
        <v>5</v>
      </c>
    </row>
    <row r="130" spans="1:4" ht="18" customHeight="1" x14ac:dyDescent="0.2">
      <c r="A130" s="31" t="s">
        <v>90</v>
      </c>
      <c r="B130" s="4">
        <v>1274</v>
      </c>
      <c r="C130" s="5">
        <v>1797</v>
      </c>
      <c r="D130" s="6">
        <v>3071</v>
      </c>
    </row>
    <row r="131" spans="1:4" ht="18" customHeight="1" x14ac:dyDescent="0.2">
      <c r="A131" s="33" t="s">
        <v>65</v>
      </c>
      <c r="B131" s="7">
        <v>6147</v>
      </c>
      <c r="C131" s="8">
        <v>6568</v>
      </c>
      <c r="D131" s="9">
        <v>1271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9</v>
      </c>
      <c r="C5" s="37">
        <v>29</v>
      </c>
      <c r="D5" s="39">
        <v>58</v>
      </c>
    </row>
    <row r="6" spans="1:4" ht="18" customHeight="1" x14ac:dyDescent="0.2">
      <c r="A6" s="31">
        <v>1</v>
      </c>
      <c r="B6" s="35">
        <v>37</v>
      </c>
      <c r="C6" s="28">
        <v>30</v>
      </c>
      <c r="D6" s="29">
        <v>67</v>
      </c>
    </row>
    <row r="7" spans="1:4" ht="18" customHeight="1" x14ac:dyDescent="0.2">
      <c r="A7" s="31">
        <v>2</v>
      </c>
      <c r="B7" s="35">
        <v>32</v>
      </c>
      <c r="C7" s="28">
        <v>29</v>
      </c>
      <c r="D7" s="29">
        <v>61</v>
      </c>
    </row>
    <row r="8" spans="1:4" ht="18" customHeight="1" x14ac:dyDescent="0.2">
      <c r="A8" s="31">
        <v>3</v>
      </c>
      <c r="B8" s="35">
        <v>41</v>
      </c>
      <c r="C8" s="28">
        <v>32</v>
      </c>
      <c r="D8" s="29">
        <v>73</v>
      </c>
    </row>
    <row r="9" spans="1:4" ht="18" customHeight="1" x14ac:dyDescent="0.2">
      <c r="A9" s="31">
        <v>4</v>
      </c>
      <c r="B9" s="36">
        <v>35</v>
      </c>
      <c r="C9" s="38">
        <v>35</v>
      </c>
      <c r="D9" s="40">
        <v>70</v>
      </c>
    </row>
    <row r="10" spans="1:4" ht="18" customHeight="1" x14ac:dyDescent="0.2">
      <c r="A10" s="31" t="s">
        <v>66</v>
      </c>
      <c r="B10" s="27">
        <v>174</v>
      </c>
      <c r="C10" s="28">
        <v>155</v>
      </c>
      <c r="D10" s="29">
        <v>329</v>
      </c>
    </row>
    <row r="11" spans="1:4" ht="18" customHeight="1" x14ac:dyDescent="0.2">
      <c r="A11" s="31">
        <v>5</v>
      </c>
      <c r="B11" s="35">
        <v>40</v>
      </c>
      <c r="C11" s="28">
        <v>39</v>
      </c>
      <c r="D11" s="29">
        <v>79</v>
      </c>
    </row>
    <row r="12" spans="1:4" ht="18" customHeight="1" x14ac:dyDescent="0.2">
      <c r="A12" s="31">
        <v>6</v>
      </c>
      <c r="B12" s="35">
        <v>40</v>
      </c>
      <c r="C12" s="28">
        <v>31</v>
      </c>
      <c r="D12" s="29">
        <v>71</v>
      </c>
    </row>
    <row r="13" spans="1:4" ht="18" customHeight="1" x14ac:dyDescent="0.2">
      <c r="A13" s="31">
        <v>7</v>
      </c>
      <c r="B13" s="35">
        <v>40</v>
      </c>
      <c r="C13" s="28">
        <v>46</v>
      </c>
      <c r="D13" s="29">
        <v>86</v>
      </c>
    </row>
    <row r="14" spans="1:4" ht="18" customHeight="1" x14ac:dyDescent="0.2">
      <c r="A14" s="31">
        <v>8</v>
      </c>
      <c r="B14" s="35">
        <v>40</v>
      </c>
      <c r="C14" s="28">
        <v>43</v>
      </c>
      <c r="D14" s="29">
        <v>83</v>
      </c>
    </row>
    <row r="15" spans="1:4" ht="18" customHeight="1" x14ac:dyDescent="0.2">
      <c r="A15" s="31">
        <v>9</v>
      </c>
      <c r="B15" s="35">
        <v>42</v>
      </c>
      <c r="C15" s="28">
        <v>54</v>
      </c>
      <c r="D15" s="29">
        <v>96</v>
      </c>
    </row>
    <row r="16" spans="1:4" ht="18" customHeight="1" x14ac:dyDescent="0.2">
      <c r="A16" s="31" t="s">
        <v>67</v>
      </c>
      <c r="B16" s="27">
        <v>202</v>
      </c>
      <c r="C16" s="28">
        <v>213</v>
      </c>
      <c r="D16" s="29">
        <v>415</v>
      </c>
    </row>
    <row r="17" spans="1:4" ht="18" customHeight="1" x14ac:dyDescent="0.2">
      <c r="A17" s="31">
        <v>10</v>
      </c>
      <c r="B17" s="27">
        <v>44</v>
      </c>
      <c r="C17" s="28">
        <v>30</v>
      </c>
      <c r="D17" s="29">
        <v>74</v>
      </c>
    </row>
    <row r="18" spans="1:4" ht="18" customHeight="1" x14ac:dyDescent="0.2">
      <c r="A18" s="31">
        <v>11</v>
      </c>
      <c r="B18" s="27">
        <v>31</v>
      </c>
      <c r="C18" s="28">
        <v>36</v>
      </c>
      <c r="D18" s="29">
        <v>67</v>
      </c>
    </row>
    <row r="19" spans="1:4" ht="18" customHeight="1" x14ac:dyDescent="0.2">
      <c r="A19" s="31">
        <v>12</v>
      </c>
      <c r="B19" s="27">
        <v>31</v>
      </c>
      <c r="C19" s="28">
        <v>34</v>
      </c>
      <c r="D19" s="29">
        <v>65</v>
      </c>
    </row>
    <row r="20" spans="1:4" ht="18" customHeight="1" x14ac:dyDescent="0.2">
      <c r="A20" s="31">
        <v>13</v>
      </c>
      <c r="B20" s="27">
        <v>39</v>
      </c>
      <c r="C20" s="28">
        <v>25</v>
      </c>
      <c r="D20" s="29">
        <v>64</v>
      </c>
    </row>
    <row r="21" spans="1:4" ht="18" customHeight="1" x14ac:dyDescent="0.2">
      <c r="A21" s="31">
        <v>14</v>
      </c>
      <c r="B21" s="27">
        <v>45</v>
      </c>
      <c r="C21" s="28">
        <v>37</v>
      </c>
      <c r="D21" s="29">
        <v>82</v>
      </c>
    </row>
    <row r="22" spans="1:4" ht="18" customHeight="1" x14ac:dyDescent="0.2">
      <c r="A22" s="31" t="s">
        <v>68</v>
      </c>
      <c r="B22" s="27">
        <v>190</v>
      </c>
      <c r="C22" s="28">
        <v>162</v>
      </c>
      <c r="D22" s="29">
        <v>352</v>
      </c>
    </row>
    <row r="23" spans="1:4" ht="18" customHeight="1" x14ac:dyDescent="0.2">
      <c r="A23" s="31" t="s">
        <v>69</v>
      </c>
      <c r="B23" s="27">
        <v>566</v>
      </c>
      <c r="C23" s="28">
        <v>530</v>
      </c>
      <c r="D23" s="29">
        <v>1096</v>
      </c>
    </row>
    <row r="24" spans="1:4" ht="18" customHeight="1" x14ac:dyDescent="0.2">
      <c r="A24" s="31">
        <v>15</v>
      </c>
      <c r="B24" s="27">
        <v>33</v>
      </c>
      <c r="C24" s="28">
        <v>33</v>
      </c>
      <c r="D24" s="29">
        <v>66</v>
      </c>
    </row>
    <row r="25" spans="1:4" ht="18" customHeight="1" x14ac:dyDescent="0.2">
      <c r="A25" s="31">
        <v>16</v>
      </c>
      <c r="B25" s="27">
        <v>27</v>
      </c>
      <c r="C25" s="28">
        <v>31</v>
      </c>
      <c r="D25" s="29">
        <v>58</v>
      </c>
    </row>
    <row r="26" spans="1:4" ht="18" customHeight="1" x14ac:dyDescent="0.2">
      <c r="A26" s="31">
        <v>17</v>
      </c>
      <c r="B26" s="27">
        <v>46</v>
      </c>
      <c r="C26" s="28">
        <v>32</v>
      </c>
      <c r="D26" s="29">
        <v>78</v>
      </c>
    </row>
    <row r="27" spans="1:4" ht="18" customHeight="1" x14ac:dyDescent="0.2">
      <c r="A27" s="31">
        <v>18</v>
      </c>
      <c r="B27" s="27">
        <v>29</v>
      </c>
      <c r="C27" s="28">
        <v>31</v>
      </c>
      <c r="D27" s="29">
        <v>60</v>
      </c>
    </row>
    <row r="28" spans="1:4" ht="18" customHeight="1" x14ac:dyDescent="0.2">
      <c r="A28" s="31">
        <v>19</v>
      </c>
      <c r="B28" s="27">
        <v>26</v>
      </c>
      <c r="C28" s="28">
        <v>31</v>
      </c>
      <c r="D28" s="29">
        <v>57</v>
      </c>
    </row>
    <row r="29" spans="1:4" ht="18" customHeight="1" x14ac:dyDescent="0.2">
      <c r="A29" s="31" t="s">
        <v>70</v>
      </c>
      <c r="B29" s="27">
        <v>161</v>
      </c>
      <c r="C29" s="28">
        <v>158</v>
      </c>
      <c r="D29" s="29">
        <v>319</v>
      </c>
    </row>
    <row r="30" spans="1:4" ht="18" customHeight="1" x14ac:dyDescent="0.2">
      <c r="A30" s="31">
        <v>20</v>
      </c>
      <c r="B30" s="27">
        <v>45</v>
      </c>
      <c r="C30" s="28">
        <v>29</v>
      </c>
      <c r="D30" s="29">
        <v>74</v>
      </c>
    </row>
    <row r="31" spans="1:4" ht="18" customHeight="1" x14ac:dyDescent="0.2">
      <c r="A31" s="31">
        <v>21</v>
      </c>
      <c r="B31" s="27">
        <v>36</v>
      </c>
      <c r="C31" s="28">
        <v>32</v>
      </c>
      <c r="D31" s="29">
        <v>68</v>
      </c>
    </row>
    <row r="32" spans="1:4" ht="18" customHeight="1" x14ac:dyDescent="0.2">
      <c r="A32" s="31">
        <v>22</v>
      </c>
      <c r="B32" s="27">
        <v>34</v>
      </c>
      <c r="C32" s="28">
        <v>35</v>
      </c>
      <c r="D32" s="29">
        <v>69</v>
      </c>
    </row>
    <row r="33" spans="1:4" ht="18" customHeight="1" x14ac:dyDescent="0.2">
      <c r="A33" s="31">
        <v>23</v>
      </c>
      <c r="B33" s="27">
        <v>40</v>
      </c>
      <c r="C33" s="28">
        <v>29</v>
      </c>
      <c r="D33" s="29">
        <v>69</v>
      </c>
    </row>
    <row r="34" spans="1:4" ht="18" customHeight="1" x14ac:dyDescent="0.2">
      <c r="A34" s="31">
        <v>24</v>
      </c>
      <c r="B34" s="27">
        <v>40</v>
      </c>
      <c r="C34" s="28">
        <v>22</v>
      </c>
      <c r="D34" s="29">
        <v>62</v>
      </c>
    </row>
    <row r="35" spans="1:4" ht="18" customHeight="1" x14ac:dyDescent="0.2">
      <c r="A35" s="31" t="s">
        <v>71</v>
      </c>
      <c r="B35" s="27">
        <v>195</v>
      </c>
      <c r="C35" s="28">
        <v>147</v>
      </c>
      <c r="D35" s="29">
        <v>342</v>
      </c>
    </row>
    <row r="36" spans="1:4" ht="18" customHeight="1" x14ac:dyDescent="0.2">
      <c r="A36" s="31">
        <v>25</v>
      </c>
      <c r="B36" s="27">
        <v>32</v>
      </c>
      <c r="C36" s="28">
        <v>28</v>
      </c>
      <c r="D36" s="29">
        <v>60</v>
      </c>
    </row>
    <row r="37" spans="1:4" ht="18" customHeight="1" x14ac:dyDescent="0.2">
      <c r="A37" s="31">
        <v>26</v>
      </c>
      <c r="B37" s="27">
        <v>38</v>
      </c>
      <c r="C37" s="28">
        <v>32</v>
      </c>
      <c r="D37" s="29">
        <v>70</v>
      </c>
    </row>
    <row r="38" spans="1:4" ht="18" customHeight="1" x14ac:dyDescent="0.2">
      <c r="A38" s="31">
        <v>27</v>
      </c>
      <c r="B38" s="27">
        <v>42</v>
      </c>
      <c r="C38" s="28">
        <v>36</v>
      </c>
      <c r="D38" s="29">
        <v>78</v>
      </c>
    </row>
    <row r="39" spans="1:4" ht="18" customHeight="1" x14ac:dyDescent="0.2">
      <c r="A39" s="31">
        <v>28</v>
      </c>
      <c r="B39" s="27">
        <v>40</v>
      </c>
      <c r="C39" s="28">
        <v>38</v>
      </c>
      <c r="D39" s="29">
        <v>78</v>
      </c>
    </row>
    <row r="40" spans="1:4" ht="18" customHeight="1" x14ac:dyDescent="0.2">
      <c r="A40" s="31">
        <v>29</v>
      </c>
      <c r="B40" s="27">
        <v>44</v>
      </c>
      <c r="C40" s="28">
        <v>31</v>
      </c>
      <c r="D40" s="29">
        <v>75</v>
      </c>
    </row>
    <row r="41" spans="1:4" ht="18" customHeight="1" x14ac:dyDescent="0.2">
      <c r="A41" s="31" t="s">
        <v>72</v>
      </c>
      <c r="B41" s="27">
        <v>196</v>
      </c>
      <c r="C41" s="28">
        <v>165</v>
      </c>
      <c r="D41" s="29">
        <v>361</v>
      </c>
    </row>
    <row r="42" spans="1:4" ht="18" customHeight="1" x14ac:dyDescent="0.2">
      <c r="A42" s="31">
        <v>30</v>
      </c>
      <c r="B42" s="27">
        <v>37</v>
      </c>
      <c r="C42" s="28">
        <v>37</v>
      </c>
      <c r="D42" s="29">
        <v>74</v>
      </c>
    </row>
    <row r="43" spans="1:4" ht="18" customHeight="1" x14ac:dyDescent="0.2">
      <c r="A43" s="31">
        <v>31</v>
      </c>
      <c r="B43" s="27">
        <v>43</v>
      </c>
      <c r="C43" s="28">
        <v>45</v>
      </c>
      <c r="D43" s="29">
        <v>88</v>
      </c>
    </row>
    <row r="44" spans="1:4" ht="18" customHeight="1" x14ac:dyDescent="0.2">
      <c r="A44" s="31">
        <v>32</v>
      </c>
      <c r="B44" s="27">
        <v>42</v>
      </c>
      <c r="C44" s="28">
        <v>42</v>
      </c>
      <c r="D44" s="29">
        <v>84</v>
      </c>
    </row>
    <row r="45" spans="1:4" ht="18" customHeight="1" x14ac:dyDescent="0.2">
      <c r="A45" s="31">
        <v>33</v>
      </c>
      <c r="B45" s="27">
        <v>64</v>
      </c>
      <c r="C45" s="28">
        <v>48</v>
      </c>
      <c r="D45" s="29">
        <v>112</v>
      </c>
    </row>
    <row r="46" spans="1:4" ht="18" customHeight="1" x14ac:dyDescent="0.2">
      <c r="A46" s="31">
        <v>34</v>
      </c>
      <c r="B46" s="27">
        <v>52</v>
      </c>
      <c r="C46" s="28">
        <v>57</v>
      </c>
      <c r="D46" s="29">
        <v>109</v>
      </c>
    </row>
    <row r="47" spans="1:4" ht="18" customHeight="1" x14ac:dyDescent="0.2">
      <c r="A47" s="31" t="s">
        <v>73</v>
      </c>
      <c r="B47" s="27">
        <v>238</v>
      </c>
      <c r="C47" s="28">
        <v>229</v>
      </c>
      <c r="D47" s="29">
        <v>467</v>
      </c>
    </row>
    <row r="48" spans="1:4" ht="18" customHeight="1" x14ac:dyDescent="0.2">
      <c r="A48" s="31">
        <v>35</v>
      </c>
      <c r="B48" s="27">
        <v>46</v>
      </c>
      <c r="C48" s="28">
        <v>60</v>
      </c>
      <c r="D48" s="29">
        <v>106</v>
      </c>
    </row>
    <row r="49" spans="1:4" ht="18" customHeight="1" x14ac:dyDescent="0.2">
      <c r="A49" s="31">
        <v>36</v>
      </c>
      <c r="B49" s="27">
        <v>67</v>
      </c>
      <c r="C49" s="28">
        <v>52</v>
      </c>
      <c r="D49" s="29">
        <v>119</v>
      </c>
    </row>
    <row r="50" spans="1:4" ht="18" customHeight="1" x14ac:dyDescent="0.2">
      <c r="A50" s="31">
        <v>37</v>
      </c>
      <c r="B50" s="27">
        <v>54</v>
      </c>
      <c r="C50" s="28">
        <v>46</v>
      </c>
      <c r="D50" s="29">
        <v>100</v>
      </c>
    </row>
    <row r="51" spans="1:4" ht="18" customHeight="1" x14ac:dyDescent="0.2">
      <c r="A51" s="31">
        <v>38</v>
      </c>
      <c r="B51" s="27">
        <v>41</v>
      </c>
      <c r="C51" s="28">
        <v>43</v>
      </c>
      <c r="D51" s="29">
        <v>84</v>
      </c>
    </row>
    <row r="52" spans="1:4" ht="18" customHeight="1" x14ac:dyDescent="0.2">
      <c r="A52" s="31">
        <v>39</v>
      </c>
      <c r="B52" s="27">
        <v>36</v>
      </c>
      <c r="C52" s="28">
        <v>55</v>
      </c>
      <c r="D52" s="29">
        <v>91</v>
      </c>
    </row>
    <row r="53" spans="1:4" ht="18" customHeight="1" x14ac:dyDescent="0.2">
      <c r="A53" s="31" t="s">
        <v>74</v>
      </c>
      <c r="B53" s="27">
        <v>244</v>
      </c>
      <c r="C53" s="28">
        <v>256</v>
      </c>
      <c r="D53" s="29">
        <v>500</v>
      </c>
    </row>
    <row r="54" spans="1:4" ht="18" customHeight="1" x14ac:dyDescent="0.2">
      <c r="A54" s="31">
        <v>40</v>
      </c>
      <c r="B54" s="27">
        <v>50</v>
      </c>
      <c r="C54" s="28">
        <v>45</v>
      </c>
      <c r="D54" s="29">
        <v>95</v>
      </c>
    </row>
    <row r="55" spans="1:4" ht="18" customHeight="1" x14ac:dyDescent="0.2">
      <c r="A55" s="31">
        <v>41</v>
      </c>
      <c r="B55" s="27">
        <v>59</v>
      </c>
      <c r="C55" s="28">
        <v>40</v>
      </c>
      <c r="D55" s="29">
        <v>99</v>
      </c>
    </row>
    <row r="56" spans="1:4" ht="18" customHeight="1" x14ac:dyDescent="0.2">
      <c r="A56" s="31">
        <v>42</v>
      </c>
      <c r="B56" s="27">
        <v>42</v>
      </c>
      <c r="C56" s="28">
        <v>56</v>
      </c>
      <c r="D56" s="29">
        <v>98</v>
      </c>
    </row>
    <row r="57" spans="1:4" ht="18" customHeight="1" x14ac:dyDescent="0.2">
      <c r="A57" s="31">
        <v>43</v>
      </c>
      <c r="B57" s="27">
        <v>50</v>
      </c>
      <c r="C57" s="28">
        <v>36</v>
      </c>
      <c r="D57" s="29">
        <v>86</v>
      </c>
    </row>
    <row r="58" spans="1:4" ht="18" customHeight="1" x14ac:dyDescent="0.2">
      <c r="A58" s="31">
        <v>44</v>
      </c>
      <c r="B58" s="27">
        <v>42</v>
      </c>
      <c r="C58" s="28">
        <v>49</v>
      </c>
      <c r="D58" s="29">
        <v>91</v>
      </c>
    </row>
    <row r="59" spans="1:4" ht="18" customHeight="1" x14ac:dyDescent="0.2">
      <c r="A59" s="31" t="s">
        <v>75</v>
      </c>
      <c r="B59" s="27">
        <v>243</v>
      </c>
      <c r="C59" s="28">
        <v>226</v>
      </c>
      <c r="D59" s="29">
        <v>469</v>
      </c>
    </row>
    <row r="60" spans="1:4" ht="18" customHeight="1" x14ac:dyDescent="0.2">
      <c r="A60" s="31">
        <v>45</v>
      </c>
      <c r="B60" s="27">
        <v>57</v>
      </c>
      <c r="C60" s="28">
        <v>53</v>
      </c>
      <c r="D60" s="29">
        <v>110</v>
      </c>
    </row>
    <row r="61" spans="1:4" ht="18" customHeight="1" x14ac:dyDescent="0.2">
      <c r="A61" s="31">
        <v>46</v>
      </c>
      <c r="B61" s="27">
        <v>41</v>
      </c>
      <c r="C61" s="28">
        <v>42</v>
      </c>
      <c r="D61" s="29">
        <v>83</v>
      </c>
    </row>
    <row r="62" spans="1:4" ht="18" customHeight="1" x14ac:dyDescent="0.2">
      <c r="A62" s="31">
        <v>47</v>
      </c>
      <c r="B62" s="27">
        <v>31</v>
      </c>
      <c r="C62" s="28">
        <v>31</v>
      </c>
      <c r="D62" s="29">
        <v>62</v>
      </c>
    </row>
    <row r="63" spans="1:4" ht="18" customHeight="1" x14ac:dyDescent="0.2">
      <c r="A63" s="31">
        <v>48</v>
      </c>
      <c r="B63" s="27">
        <v>45</v>
      </c>
      <c r="C63" s="28">
        <v>36</v>
      </c>
      <c r="D63" s="29">
        <v>81</v>
      </c>
    </row>
    <row r="64" spans="1:4" ht="18" customHeight="1" x14ac:dyDescent="0.2">
      <c r="A64" s="31">
        <v>49</v>
      </c>
      <c r="B64" s="27">
        <v>32</v>
      </c>
      <c r="C64" s="28">
        <v>38</v>
      </c>
      <c r="D64" s="29">
        <v>70</v>
      </c>
    </row>
    <row r="65" spans="1:4" ht="18" customHeight="1" x14ac:dyDescent="0.2">
      <c r="A65" s="31" t="s">
        <v>76</v>
      </c>
      <c r="B65" s="27">
        <v>206</v>
      </c>
      <c r="C65" s="28">
        <v>200</v>
      </c>
      <c r="D65" s="29">
        <v>406</v>
      </c>
    </row>
    <row r="66" spans="1:4" ht="18" customHeight="1" x14ac:dyDescent="0.2">
      <c r="A66" s="31">
        <v>50</v>
      </c>
      <c r="B66" s="27">
        <v>46</v>
      </c>
      <c r="C66" s="28">
        <v>35</v>
      </c>
      <c r="D66" s="29">
        <v>81</v>
      </c>
    </row>
    <row r="67" spans="1:4" ht="18" customHeight="1" x14ac:dyDescent="0.2">
      <c r="A67" s="31">
        <v>51</v>
      </c>
      <c r="B67" s="27">
        <v>46</v>
      </c>
      <c r="C67" s="28">
        <v>41</v>
      </c>
      <c r="D67" s="29">
        <v>87</v>
      </c>
    </row>
    <row r="68" spans="1:4" ht="18" customHeight="1" x14ac:dyDescent="0.2">
      <c r="A68" s="31">
        <v>52</v>
      </c>
      <c r="B68" s="27">
        <v>24</v>
      </c>
      <c r="C68" s="28">
        <v>38</v>
      </c>
      <c r="D68" s="29">
        <v>62</v>
      </c>
    </row>
    <row r="69" spans="1:4" ht="18" customHeight="1" x14ac:dyDescent="0.2">
      <c r="A69" s="31">
        <v>53</v>
      </c>
      <c r="B69" s="27">
        <v>35</v>
      </c>
      <c r="C69" s="28">
        <v>44</v>
      </c>
      <c r="D69" s="29">
        <v>79</v>
      </c>
    </row>
    <row r="70" spans="1:4" ht="18" customHeight="1" x14ac:dyDescent="0.2">
      <c r="A70" s="31">
        <v>54</v>
      </c>
      <c r="B70" s="27">
        <v>49</v>
      </c>
      <c r="C70" s="28">
        <v>51</v>
      </c>
      <c r="D70" s="29">
        <v>100</v>
      </c>
    </row>
    <row r="71" spans="1:4" ht="18" customHeight="1" x14ac:dyDescent="0.2">
      <c r="A71" s="31" t="s">
        <v>77</v>
      </c>
      <c r="B71" s="27">
        <v>200</v>
      </c>
      <c r="C71" s="28">
        <v>209</v>
      </c>
      <c r="D71" s="29">
        <v>409</v>
      </c>
    </row>
    <row r="72" spans="1:4" ht="18" customHeight="1" x14ac:dyDescent="0.2">
      <c r="A72" s="31">
        <v>55</v>
      </c>
      <c r="B72" s="27">
        <v>36</v>
      </c>
      <c r="C72" s="28">
        <v>46</v>
      </c>
      <c r="D72" s="29">
        <v>82</v>
      </c>
    </row>
    <row r="73" spans="1:4" ht="18" customHeight="1" x14ac:dyDescent="0.2">
      <c r="A73" s="31">
        <v>56</v>
      </c>
      <c r="B73" s="27">
        <v>48</v>
      </c>
      <c r="C73" s="28">
        <v>41</v>
      </c>
      <c r="D73" s="29">
        <v>89</v>
      </c>
    </row>
    <row r="74" spans="1:4" ht="18" customHeight="1" x14ac:dyDescent="0.2">
      <c r="A74" s="31">
        <v>57</v>
      </c>
      <c r="B74" s="27">
        <v>48</v>
      </c>
      <c r="C74" s="28">
        <v>41</v>
      </c>
      <c r="D74" s="29">
        <v>89</v>
      </c>
    </row>
    <row r="75" spans="1:4" ht="18" customHeight="1" x14ac:dyDescent="0.2">
      <c r="A75" s="31">
        <v>58</v>
      </c>
      <c r="B75" s="27">
        <v>58</v>
      </c>
      <c r="C75" s="28">
        <v>48</v>
      </c>
      <c r="D75" s="29">
        <v>106</v>
      </c>
    </row>
    <row r="76" spans="1:4" ht="18" customHeight="1" x14ac:dyDescent="0.2">
      <c r="A76" s="31">
        <v>59</v>
      </c>
      <c r="B76" s="27">
        <v>55</v>
      </c>
      <c r="C76" s="28">
        <v>58</v>
      </c>
      <c r="D76" s="29">
        <v>113</v>
      </c>
    </row>
    <row r="77" spans="1:4" ht="18" customHeight="1" x14ac:dyDescent="0.2">
      <c r="A77" s="31" t="s">
        <v>78</v>
      </c>
      <c r="B77" s="27">
        <v>245</v>
      </c>
      <c r="C77" s="28">
        <v>234</v>
      </c>
      <c r="D77" s="29">
        <v>479</v>
      </c>
    </row>
    <row r="78" spans="1:4" ht="18" customHeight="1" x14ac:dyDescent="0.2">
      <c r="A78" s="31">
        <v>60</v>
      </c>
      <c r="B78" s="27">
        <v>49</v>
      </c>
      <c r="C78" s="28">
        <v>59</v>
      </c>
      <c r="D78" s="29">
        <v>108</v>
      </c>
    </row>
    <row r="79" spans="1:4" ht="18" customHeight="1" x14ac:dyDescent="0.2">
      <c r="A79" s="31">
        <v>61</v>
      </c>
      <c r="B79" s="27">
        <v>63</v>
      </c>
      <c r="C79" s="28">
        <v>55</v>
      </c>
      <c r="D79" s="29">
        <v>118</v>
      </c>
    </row>
    <row r="80" spans="1:4" ht="18" customHeight="1" x14ac:dyDescent="0.2">
      <c r="A80" s="31">
        <v>62</v>
      </c>
      <c r="B80" s="27">
        <v>46</v>
      </c>
      <c r="C80" s="28">
        <v>53</v>
      </c>
      <c r="D80" s="29">
        <v>99</v>
      </c>
    </row>
    <row r="81" spans="1:4" ht="18" customHeight="1" x14ac:dyDescent="0.2">
      <c r="A81" s="31">
        <v>63</v>
      </c>
      <c r="B81" s="27">
        <v>22</v>
      </c>
      <c r="C81" s="28">
        <v>40</v>
      </c>
      <c r="D81" s="29">
        <v>62</v>
      </c>
    </row>
    <row r="82" spans="1:4" ht="18" customHeight="1" x14ac:dyDescent="0.2">
      <c r="A82" s="31">
        <v>64</v>
      </c>
      <c r="B82" s="27">
        <v>45</v>
      </c>
      <c r="C82" s="28">
        <v>39</v>
      </c>
      <c r="D82" s="29">
        <v>84</v>
      </c>
    </row>
    <row r="83" spans="1:4" ht="18" customHeight="1" x14ac:dyDescent="0.2">
      <c r="A83" s="31" t="s">
        <v>79</v>
      </c>
      <c r="B83" s="27">
        <v>225</v>
      </c>
      <c r="C83" s="28">
        <v>246</v>
      </c>
      <c r="D83" s="29">
        <v>471</v>
      </c>
    </row>
    <row r="84" spans="1:4" ht="18" customHeight="1" x14ac:dyDescent="0.2">
      <c r="A84" s="31" t="s">
        <v>80</v>
      </c>
      <c r="B84" s="27">
        <v>2153</v>
      </c>
      <c r="C84" s="28">
        <v>2070</v>
      </c>
      <c r="D84" s="29">
        <v>4223</v>
      </c>
    </row>
    <row r="85" spans="1:4" ht="18" customHeight="1" x14ac:dyDescent="0.2">
      <c r="A85" s="31">
        <v>65</v>
      </c>
      <c r="B85" s="27">
        <v>48</v>
      </c>
      <c r="C85" s="28">
        <v>52</v>
      </c>
      <c r="D85" s="29">
        <v>100</v>
      </c>
    </row>
    <row r="86" spans="1:4" ht="18" customHeight="1" x14ac:dyDescent="0.2">
      <c r="A86" s="31">
        <v>66</v>
      </c>
      <c r="B86" s="27">
        <v>45</v>
      </c>
      <c r="C86" s="28">
        <v>49</v>
      </c>
      <c r="D86" s="29">
        <v>94</v>
      </c>
    </row>
    <row r="87" spans="1:4" ht="18" customHeight="1" x14ac:dyDescent="0.2">
      <c r="A87" s="31">
        <v>67</v>
      </c>
      <c r="B87" s="27">
        <v>47</v>
      </c>
      <c r="C87" s="28">
        <v>52</v>
      </c>
      <c r="D87" s="29">
        <v>99</v>
      </c>
    </row>
    <row r="88" spans="1:4" ht="18" customHeight="1" x14ac:dyDescent="0.2">
      <c r="A88" s="31">
        <v>68</v>
      </c>
      <c r="B88" s="27">
        <v>40</v>
      </c>
      <c r="C88" s="28">
        <v>45</v>
      </c>
      <c r="D88" s="29">
        <v>85</v>
      </c>
    </row>
    <row r="89" spans="1:4" ht="18" customHeight="1" x14ac:dyDescent="0.2">
      <c r="A89" s="31">
        <v>69</v>
      </c>
      <c r="B89" s="27">
        <v>32</v>
      </c>
      <c r="C89" s="28">
        <v>38</v>
      </c>
      <c r="D89" s="29">
        <v>70</v>
      </c>
    </row>
    <row r="90" spans="1:4" ht="18" customHeight="1" x14ac:dyDescent="0.2">
      <c r="A90" s="31" t="s">
        <v>81</v>
      </c>
      <c r="B90" s="27">
        <v>212</v>
      </c>
      <c r="C90" s="28">
        <v>236</v>
      </c>
      <c r="D90" s="29">
        <v>448</v>
      </c>
    </row>
    <row r="91" spans="1:4" ht="18" customHeight="1" x14ac:dyDescent="0.2">
      <c r="A91" s="31">
        <v>70</v>
      </c>
      <c r="B91" s="27">
        <v>34</v>
      </c>
      <c r="C91" s="28">
        <v>23</v>
      </c>
      <c r="D91" s="29">
        <v>57</v>
      </c>
    </row>
    <row r="92" spans="1:4" ht="18" customHeight="1" x14ac:dyDescent="0.2">
      <c r="A92" s="31">
        <v>71</v>
      </c>
      <c r="B92" s="27">
        <v>46</v>
      </c>
      <c r="C92" s="28">
        <v>33</v>
      </c>
      <c r="D92" s="29">
        <v>79</v>
      </c>
    </row>
    <row r="93" spans="1:4" ht="18" customHeight="1" x14ac:dyDescent="0.2">
      <c r="A93" s="31">
        <v>72</v>
      </c>
      <c r="B93" s="27">
        <v>31</v>
      </c>
      <c r="C93" s="28">
        <v>37</v>
      </c>
      <c r="D93" s="29">
        <v>68</v>
      </c>
    </row>
    <row r="94" spans="1:4" ht="18" customHeight="1" x14ac:dyDescent="0.2">
      <c r="A94" s="31">
        <v>73</v>
      </c>
      <c r="B94" s="27">
        <v>29</v>
      </c>
      <c r="C94" s="28">
        <v>47</v>
      </c>
      <c r="D94" s="29">
        <v>76</v>
      </c>
    </row>
    <row r="95" spans="1:4" ht="18" customHeight="1" x14ac:dyDescent="0.2">
      <c r="A95" s="31">
        <v>74</v>
      </c>
      <c r="B95" s="27">
        <v>27</v>
      </c>
      <c r="C95" s="28">
        <v>31</v>
      </c>
      <c r="D95" s="29">
        <v>58</v>
      </c>
    </row>
    <row r="96" spans="1:4" ht="18" customHeight="1" x14ac:dyDescent="0.2">
      <c r="A96" s="31" t="s">
        <v>82</v>
      </c>
      <c r="B96" s="27">
        <v>167</v>
      </c>
      <c r="C96" s="28">
        <v>171</v>
      </c>
      <c r="D96" s="29">
        <v>338</v>
      </c>
    </row>
    <row r="97" spans="1:4" ht="18" customHeight="1" x14ac:dyDescent="0.2">
      <c r="A97" s="31">
        <v>75</v>
      </c>
      <c r="B97" s="27">
        <v>31</v>
      </c>
      <c r="C97" s="28">
        <v>39</v>
      </c>
      <c r="D97" s="29">
        <v>70</v>
      </c>
    </row>
    <row r="98" spans="1:4" ht="18" customHeight="1" x14ac:dyDescent="0.2">
      <c r="A98" s="31">
        <v>76</v>
      </c>
      <c r="B98" s="27">
        <v>16</v>
      </c>
      <c r="C98" s="28">
        <v>25</v>
      </c>
      <c r="D98" s="29">
        <v>41</v>
      </c>
    </row>
    <row r="99" spans="1:4" ht="18" customHeight="1" x14ac:dyDescent="0.2">
      <c r="A99" s="31">
        <v>77</v>
      </c>
      <c r="B99" s="27">
        <v>30</v>
      </c>
      <c r="C99" s="28">
        <v>43</v>
      </c>
      <c r="D99" s="29">
        <v>73</v>
      </c>
    </row>
    <row r="100" spans="1:4" ht="18" customHeight="1" x14ac:dyDescent="0.2">
      <c r="A100" s="31">
        <v>78</v>
      </c>
      <c r="B100" s="27">
        <v>17</v>
      </c>
      <c r="C100" s="28">
        <v>29</v>
      </c>
      <c r="D100" s="29">
        <v>46</v>
      </c>
    </row>
    <row r="101" spans="1:4" ht="18" customHeight="1" x14ac:dyDescent="0.2">
      <c r="A101" s="31">
        <v>79</v>
      </c>
      <c r="B101" s="27">
        <v>23</v>
      </c>
      <c r="C101" s="28">
        <v>38</v>
      </c>
      <c r="D101" s="29">
        <v>61</v>
      </c>
    </row>
    <row r="102" spans="1:4" ht="18" customHeight="1" x14ac:dyDescent="0.2">
      <c r="A102" s="31" t="s">
        <v>83</v>
      </c>
      <c r="B102" s="27">
        <v>117</v>
      </c>
      <c r="C102" s="28">
        <v>174</v>
      </c>
      <c r="D102" s="29">
        <v>291</v>
      </c>
    </row>
    <row r="103" spans="1:4" ht="18" customHeight="1" x14ac:dyDescent="0.2">
      <c r="A103" s="31">
        <v>80</v>
      </c>
      <c r="B103" s="27">
        <v>27</v>
      </c>
      <c r="C103" s="28">
        <v>36</v>
      </c>
      <c r="D103" s="29">
        <v>63</v>
      </c>
    </row>
    <row r="104" spans="1:4" ht="18" customHeight="1" x14ac:dyDescent="0.2">
      <c r="A104" s="31">
        <v>81</v>
      </c>
      <c r="B104" s="27">
        <v>14</v>
      </c>
      <c r="C104" s="28">
        <v>32</v>
      </c>
      <c r="D104" s="29">
        <v>46</v>
      </c>
    </row>
    <row r="105" spans="1:4" ht="18" customHeight="1" x14ac:dyDescent="0.2">
      <c r="A105" s="31">
        <v>82</v>
      </c>
      <c r="B105" s="27">
        <v>21</v>
      </c>
      <c r="C105" s="28">
        <v>23</v>
      </c>
      <c r="D105" s="29">
        <v>44</v>
      </c>
    </row>
    <row r="106" spans="1:4" ht="18" customHeight="1" x14ac:dyDescent="0.2">
      <c r="A106" s="31">
        <v>83</v>
      </c>
      <c r="B106" s="27">
        <v>16</v>
      </c>
      <c r="C106" s="28">
        <v>30</v>
      </c>
      <c r="D106" s="29">
        <v>46</v>
      </c>
    </row>
    <row r="107" spans="1:4" ht="18" customHeight="1" x14ac:dyDescent="0.2">
      <c r="A107" s="31">
        <v>84</v>
      </c>
      <c r="B107" s="27">
        <v>11</v>
      </c>
      <c r="C107" s="28">
        <v>19</v>
      </c>
      <c r="D107" s="29">
        <v>30</v>
      </c>
    </row>
    <row r="108" spans="1:4" ht="18" customHeight="1" x14ac:dyDescent="0.2">
      <c r="A108" s="31" t="s">
        <v>84</v>
      </c>
      <c r="B108" s="27">
        <v>89</v>
      </c>
      <c r="C108" s="28">
        <v>140</v>
      </c>
      <c r="D108" s="29">
        <v>229</v>
      </c>
    </row>
    <row r="109" spans="1:4" ht="18" customHeight="1" x14ac:dyDescent="0.2">
      <c r="A109" s="31">
        <v>85</v>
      </c>
      <c r="B109" s="27">
        <v>8</v>
      </c>
      <c r="C109" s="28">
        <v>23</v>
      </c>
      <c r="D109" s="29">
        <v>31</v>
      </c>
    </row>
    <row r="110" spans="1:4" ht="18" customHeight="1" x14ac:dyDescent="0.2">
      <c r="A110" s="31">
        <v>86</v>
      </c>
      <c r="B110" s="27">
        <v>5</v>
      </c>
      <c r="C110" s="28">
        <v>22</v>
      </c>
      <c r="D110" s="29">
        <v>27</v>
      </c>
    </row>
    <row r="111" spans="1:4" ht="18" customHeight="1" x14ac:dyDescent="0.2">
      <c r="A111" s="31">
        <v>87</v>
      </c>
      <c r="B111" s="27">
        <v>6</v>
      </c>
      <c r="C111" s="28">
        <v>12</v>
      </c>
      <c r="D111" s="29">
        <v>18</v>
      </c>
    </row>
    <row r="112" spans="1:4" ht="18" customHeight="1" x14ac:dyDescent="0.2">
      <c r="A112" s="31">
        <v>88</v>
      </c>
      <c r="B112" s="27">
        <v>9</v>
      </c>
      <c r="C112" s="28">
        <v>13</v>
      </c>
      <c r="D112" s="29">
        <v>22</v>
      </c>
    </row>
    <row r="113" spans="1:4" ht="18" customHeight="1" x14ac:dyDescent="0.2">
      <c r="A113" s="31">
        <v>89</v>
      </c>
      <c r="B113" s="27">
        <v>7</v>
      </c>
      <c r="C113" s="28">
        <v>2</v>
      </c>
      <c r="D113" s="29">
        <v>9</v>
      </c>
    </row>
    <row r="114" spans="1:4" ht="18" customHeight="1" x14ac:dyDescent="0.2">
      <c r="A114" s="31" t="s">
        <v>85</v>
      </c>
      <c r="B114" s="27">
        <v>35</v>
      </c>
      <c r="C114" s="28">
        <v>72</v>
      </c>
      <c r="D114" s="29">
        <v>107</v>
      </c>
    </row>
    <row r="115" spans="1:4" ht="18" customHeight="1" x14ac:dyDescent="0.2">
      <c r="A115" s="31">
        <v>90</v>
      </c>
      <c r="B115" s="27">
        <v>3</v>
      </c>
      <c r="C115" s="28">
        <v>6</v>
      </c>
      <c r="D115" s="29">
        <v>9</v>
      </c>
    </row>
    <row r="116" spans="1:4" ht="18" customHeight="1" x14ac:dyDescent="0.2">
      <c r="A116" s="31">
        <v>91</v>
      </c>
      <c r="B116" s="27">
        <v>2</v>
      </c>
      <c r="C116" s="28">
        <v>9</v>
      </c>
      <c r="D116" s="29">
        <v>11</v>
      </c>
    </row>
    <row r="117" spans="1:4" ht="18" customHeight="1" x14ac:dyDescent="0.2">
      <c r="A117" s="31">
        <v>92</v>
      </c>
      <c r="B117" s="27">
        <v>5</v>
      </c>
      <c r="C117" s="28">
        <v>6</v>
      </c>
      <c r="D117" s="29">
        <v>11</v>
      </c>
    </row>
    <row r="118" spans="1:4" ht="18" customHeight="1" x14ac:dyDescent="0.2">
      <c r="A118" s="31">
        <v>93</v>
      </c>
      <c r="B118" s="27">
        <v>0</v>
      </c>
      <c r="C118" s="28">
        <v>5</v>
      </c>
      <c r="D118" s="29">
        <v>5</v>
      </c>
    </row>
    <row r="119" spans="1:4" ht="18" customHeight="1" x14ac:dyDescent="0.2">
      <c r="A119" s="31">
        <v>94</v>
      </c>
      <c r="B119" s="27">
        <v>2</v>
      </c>
      <c r="C119" s="28">
        <v>11</v>
      </c>
      <c r="D119" s="29">
        <v>13</v>
      </c>
    </row>
    <row r="120" spans="1:4" ht="18" customHeight="1" x14ac:dyDescent="0.2">
      <c r="A120" s="31" t="s">
        <v>86</v>
      </c>
      <c r="B120" s="27">
        <v>12</v>
      </c>
      <c r="C120" s="28">
        <v>37</v>
      </c>
      <c r="D120" s="29">
        <v>49</v>
      </c>
    </row>
    <row r="121" spans="1:4" ht="18" customHeight="1" x14ac:dyDescent="0.2">
      <c r="A121" s="31">
        <v>95</v>
      </c>
      <c r="B121" s="27">
        <v>2</v>
      </c>
      <c r="C121" s="28">
        <v>3</v>
      </c>
      <c r="D121" s="29">
        <v>5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87</v>
      </c>
      <c r="B126" s="27">
        <v>2</v>
      </c>
      <c r="C126" s="28">
        <v>8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89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90</v>
      </c>
      <c r="B130" s="4">
        <v>634</v>
      </c>
      <c r="C130" s="5">
        <v>841</v>
      </c>
      <c r="D130" s="6">
        <v>1475</v>
      </c>
    </row>
    <row r="131" spans="1:4" ht="18" customHeight="1" x14ac:dyDescent="0.2">
      <c r="A131" s="33" t="s">
        <v>65</v>
      </c>
      <c r="B131" s="7">
        <v>3353</v>
      </c>
      <c r="C131" s="8">
        <v>3441</v>
      </c>
      <c r="D131" s="9">
        <v>679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90</v>
      </c>
      <c r="C5" s="37">
        <v>70</v>
      </c>
      <c r="D5" s="39">
        <v>160</v>
      </c>
    </row>
    <row r="6" spans="1:4" ht="18" customHeight="1" x14ac:dyDescent="0.2">
      <c r="A6" s="31">
        <v>1</v>
      </c>
      <c r="B6" s="35">
        <v>83</v>
      </c>
      <c r="C6" s="28">
        <v>84</v>
      </c>
      <c r="D6" s="29">
        <v>167</v>
      </c>
    </row>
    <row r="7" spans="1:4" ht="18" customHeight="1" x14ac:dyDescent="0.2">
      <c r="A7" s="31">
        <v>2</v>
      </c>
      <c r="B7" s="35">
        <v>73</v>
      </c>
      <c r="C7" s="28">
        <v>82</v>
      </c>
      <c r="D7" s="29">
        <v>155</v>
      </c>
    </row>
    <row r="8" spans="1:4" ht="18" customHeight="1" x14ac:dyDescent="0.2">
      <c r="A8" s="31">
        <v>3</v>
      </c>
      <c r="B8" s="35">
        <v>97</v>
      </c>
      <c r="C8" s="28">
        <v>90</v>
      </c>
      <c r="D8" s="29">
        <v>187</v>
      </c>
    </row>
    <row r="9" spans="1:4" ht="18" customHeight="1" x14ac:dyDescent="0.2">
      <c r="A9" s="31">
        <v>4</v>
      </c>
      <c r="B9" s="36">
        <v>95</v>
      </c>
      <c r="C9" s="38">
        <v>97</v>
      </c>
      <c r="D9" s="40">
        <v>192</v>
      </c>
    </row>
    <row r="10" spans="1:4" ht="18" customHeight="1" x14ac:dyDescent="0.2">
      <c r="A10" s="31" t="s">
        <v>66</v>
      </c>
      <c r="B10" s="27">
        <v>438</v>
      </c>
      <c r="C10" s="28">
        <v>423</v>
      </c>
      <c r="D10" s="29">
        <v>861</v>
      </c>
    </row>
    <row r="11" spans="1:4" ht="18" customHeight="1" x14ac:dyDescent="0.2">
      <c r="A11" s="31">
        <v>5</v>
      </c>
      <c r="B11" s="35">
        <v>115</v>
      </c>
      <c r="C11" s="28">
        <v>103</v>
      </c>
      <c r="D11" s="29">
        <v>218</v>
      </c>
    </row>
    <row r="12" spans="1:4" ht="18" customHeight="1" x14ac:dyDescent="0.2">
      <c r="A12" s="31">
        <v>6</v>
      </c>
      <c r="B12" s="35">
        <v>122</v>
      </c>
      <c r="C12" s="28">
        <v>91</v>
      </c>
      <c r="D12" s="29">
        <v>213</v>
      </c>
    </row>
    <row r="13" spans="1:4" ht="18" customHeight="1" x14ac:dyDescent="0.2">
      <c r="A13" s="31">
        <v>7</v>
      </c>
      <c r="B13" s="35">
        <v>116</v>
      </c>
      <c r="C13" s="28">
        <v>117</v>
      </c>
      <c r="D13" s="29">
        <v>233</v>
      </c>
    </row>
    <row r="14" spans="1:4" ht="18" customHeight="1" x14ac:dyDescent="0.2">
      <c r="A14" s="31">
        <v>8</v>
      </c>
      <c r="B14" s="35">
        <v>114</v>
      </c>
      <c r="C14" s="28">
        <v>115</v>
      </c>
      <c r="D14" s="29">
        <v>229</v>
      </c>
    </row>
    <row r="15" spans="1:4" ht="18" customHeight="1" x14ac:dyDescent="0.2">
      <c r="A15" s="31">
        <v>9</v>
      </c>
      <c r="B15" s="35">
        <v>108</v>
      </c>
      <c r="C15" s="28">
        <v>118</v>
      </c>
      <c r="D15" s="29">
        <v>226</v>
      </c>
    </row>
    <row r="16" spans="1:4" ht="18" customHeight="1" x14ac:dyDescent="0.2">
      <c r="A16" s="31" t="s">
        <v>67</v>
      </c>
      <c r="B16" s="27">
        <v>575</v>
      </c>
      <c r="C16" s="28">
        <v>544</v>
      </c>
      <c r="D16" s="29">
        <v>1119</v>
      </c>
    </row>
    <row r="17" spans="1:4" ht="18" customHeight="1" x14ac:dyDescent="0.2">
      <c r="A17" s="31">
        <v>10</v>
      </c>
      <c r="B17" s="27">
        <v>113</v>
      </c>
      <c r="C17" s="28">
        <v>108</v>
      </c>
      <c r="D17" s="29">
        <v>221</v>
      </c>
    </row>
    <row r="18" spans="1:4" ht="18" customHeight="1" x14ac:dyDescent="0.2">
      <c r="A18" s="31">
        <v>11</v>
      </c>
      <c r="B18" s="27">
        <v>106</v>
      </c>
      <c r="C18" s="28">
        <v>98</v>
      </c>
      <c r="D18" s="29">
        <v>204</v>
      </c>
    </row>
    <row r="19" spans="1:4" ht="18" customHeight="1" x14ac:dyDescent="0.2">
      <c r="A19" s="31">
        <v>12</v>
      </c>
      <c r="B19" s="27">
        <v>112</v>
      </c>
      <c r="C19" s="28">
        <v>86</v>
      </c>
      <c r="D19" s="29">
        <v>198</v>
      </c>
    </row>
    <row r="20" spans="1:4" ht="18" customHeight="1" x14ac:dyDescent="0.2">
      <c r="A20" s="31">
        <v>13</v>
      </c>
      <c r="B20" s="27">
        <v>114</v>
      </c>
      <c r="C20" s="28">
        <v>91</v>
      </c>
      <c r="D20" s="29">
        <v>205</v>
      </c>
    </row>
    <row r="21" spans="1:4" ht="18" customHeight="1" x14ac:dyDescent="0.2">
      <c r="A21" s="31">
        <v>14</v>
      </c>
      <c r="B21" s="27">
        <v>145</v>
      </c>
      <c r="C21" s="28">
        <v>117</v>
      </c>
      <c r="D21" s="29">
        <v>262</v>
      </c>
    </row>
    <row r="22" spans="1:4" ht="18" customHeight="1" x14ac:dyDescent="0.2">
      <c r="A22" s="31" t="s">
        <v>68</v>
      </c>
      <c r="B22" s="27">
        <v>590</v>
      </c>
      <c r="C22" s="28">
        <v>500</v>
      </c>
      <c r="D22" s="29">
        <v>1090</v>
      </c>
    </row>
    <row r="23" spans="1:4" ht="18" customHeight="1" x14ac:dyDescent="0.2">
      <c r="A23" s="31" t="s">
        <v>69</v>
      </c>
      <c r="B23" s="27">
        <v>1603</v>
      </c>
      <c r="C23" s="28">
        <v>1467</v>
      </c>
      <c r="D23" s="29">
        <v>3070</v>
      </c>
    </row>
    <row r="24" spans="1:4" ht="18" customHeight="1" x14ac:dyDescent="0.2">
      <c r="A24" s="31">
        <v>15</v>
      </c>
      <c r="B24" s="27">
        <v>109</v>
      </c>
      <c r="C24" s="28">
        <v>106</v>
      </c>
      <c r="D24" s="29">
        <v>215</v>
      </c>
    </row>
    <row r="25" spans="1:4" ht="18" customHeight="1" x14ac:dyDescent="0.2">
      <c r="A25" s="31">
        <v>16</v>
      </c>
      <c r="B25" s="27">
        <v>94</v>
      </c>
      <c r="C25" s="28">
        <v>102</v>
      </c>
      <c r="D25" s="29">
        <v>196</v>
      </c>
    </row>
    <row r="26" spans="1:4" ht="18" customHeight="1" x14ac:dyDescent="0.2">
      <c r="A26" s="31">
        <v>17</v>
      </c>
      <c r="B26" s="27">
        <v>130</v>
      </c>
      <c r="C26" s="28">
        <v>116</v>
      </c>
      <c r="D26" s="29">
        <v>246</v>
      </c>
    </row>
    <row r="27" spans="1:4" ht="18" customHeight="1" x14ac:dyDescent="0.2">
      <c r="A27" s="31">
        <v>18</v>
      </c>
      <c r="B27" s="27">
        <v>98</v>
      </c>
      <c r="C27" s="28">
        <v>103</v>
      </c>
      <c r="D27" s="29">
        <v>201</v>
      </c>
    </row>
    <row r="28" spans="1:4" ht="18" customHeight="1" x14ac:dyDescent="0.2">
      <c r="A28" s="31">
        <v>19</v>
      </c>
      <c r="B28" s="27">
        <v>103</v>
      </c>
      <c r="C28" s="28">
        <v>125</v>
      </c>
      <c r="D28" s="29">
        <v>228</v>
      </c>
    </row>
    <row r="29" spans="1:4" ht="18" customHeight="1" x14ac:dyDescent="0.2">
      <c r="A29" s="31" t="s">
        <v>70</v>
      </c>
      <c r="B29" s="27">
        <v>534</v>
      </c>
      <c r="C29" s="28">
        <v>552</v>
      </c>
      <c r="D29" s="29">
        <v>1086</v>
      </c>
    </row>
    <row r="30" spans="1:4" ht="18" customHeight="1" x14ac:dyDescent="0.2">
      <c r="A30" s="31">
        <v>20</v>
      </c>
      <c r="B30" s="27">
        <v>132</v>
      </c>
      <c r="C30" s="28">
        <v>103</v>
      </c>
      <c r="D30" s="29">
        <v>235</v>
      </c>
    </row>
    <row r="31" spans="1:4" ht="18" customHeight="1" x14ac:dyDescent="0.2">
      <c r="A31" s="31">
        <v>21</v>
      </c>
      <c r="B31" s="27">
        <v>123</v>
      </c>
      <c r="C31" s="28">
        <v>120</v>
      </c>
      <c r="D31" s="29">
        <v>243</v>
      </c>
    </row>
    <row r="32" spans="1:4" ht="18" customHeight="1" x14ac:dyDescent="0.2">
      <c r="A32" s="31">
        <v>22</v>
      </c>
      <c r="B32" s="27">
        <v>124</v>
      </c>
      <c r="C32" s="28">
        <v>115</v>
      </c>
      <c r="D32" s="29">
        <v>239</v>
      </c>
    </row>
    <row r="33" spans="1:4" ht="18" customHeight="1" x14ac:dyDescent="0.2">
      <c r="A33" s="31">
        <v>23</v>
      </c>
      <c r="B33" s="27">
        <v>130</v>
      </c>
      <c r="C33" s="28">
        <v>115</v>
      </c>
      <c r="D33" s="29">
        <v>245</v>
      </c>
    </row>
    <row r="34" spans="1:4" ht="18" customHeight="1" x14ac:dyDescent="0.2">
      <c r="A34" s="31">
        <v>24</v>
      </c>
      <c r="B34" s="27">
        <v>137</v>
      </c>
      <c r="C34" s="28">
        <v>102</v>
      </c>
      <c r="D34" s="29">
        <v>239</v>
      </c>
    </row>
    <row r="35" spans="1:4" ht="18" customHeight="1" x14ac:dyDescent="0.2">
      <c r="A35" s="31" t="s">
        <v>71</v>
      </c>
      <c r="B35" s="27">
        <v>646</v>
      </c>
      <c r="C35" s="28">
        <v>555</v>
      </c>
      <c r="D35" s="29">
        <v>1201</v>
      </c>
    </row>
    <row r="36" spans="1:4" ht="18" customHeight="1" x14ac:dyDescent="0.2">
      <c r="A36" s="31">
        <v>25</v>
      </c>
      <c r="B36" s="27">
        <v>129</v>
      </c>
      <c r="C36" s="28">
        <v>114</v>
      </c>
      <c r="D36" s="29">
        <v>243</v>
      </c>
    </row>
    <row r="37" spans="1:4" ht="18" customHeight="1" x14ac:dyDescent="0.2">
      <c r="A37" s="31">
        <v>26</v>
      </c>
      <c r="B37" s="27">
        <v>122</v>
      </c>
      <c r="C37" s="28">
        <v>113</v>
      </c>
      <c r="D37" s="29">
        <v>235</v>
      </c>
    </row>
    <row r="38" spans="1:4" ht="18" customHeight="1" x14ac:dyDescent="0.2">
      <c r="A38" s="31">
        <v>27</v>
      </c>
      <c r="B38" s="27">
        <v>143</v>
      </c>
      <c r="C38" s="28">
        <v>138</v>
      </c>
      <c r="D38" s="29">
        <v>281</v>
      </c>
    </row>
    <row r="39" spans="1:4" ht="18" customHeight="1" x14ac:dyDescent="0.2">
      <c r="A39" s="31">
        <v>28</v>
      </c>
      <c r="B39" s="27">
        <v>113</v>
      </c>
      <c r="C39" s="28">
        <v>97</v>
      </c>
      <c r="D39" s="29">
        <v>210</v>
      </c>
    </row>
    <row r="40" spans="1:4" ht="18" customHeight="1" x14ac:dyDescent="0.2">
      <c r="A40" s="31">
        <v>29</v>
      </c>
      <c r="B40" s="27">
        <v>140</v>
      </c>
      <c r="C40" s="28">
        <v>103</v>
      </c>
      <c r="D40" s="29">
        <v>243</v>
      </c>
    </row>
    <row r="41" spans="1:4" ht="18" customHeight="1" x14ac:dyDescent="0.2">
      <c r="A41" s="31" t="s">
        <v>72</v>
      </c>
      <c r="B41" s="27">
        <v>647</v>
      </c>
      <c r="C41" s="28">
        <v>565</v>
      </c>
      <c r="D41" s="29">
        <v>1212</v>
      </c>
    </row>
    <row r="42" spans="1:4" ht="18" customHeight="1" x14ac:dyDescent="0.2">
      <c r="A42" s="31">
        <v>30</v>
      </c>
      <c r="B42" s="27">
        <v>109</v>
      </c>
      <c r="C42" s="28">
        <v>116</v>
      </c>
      <c r="D42" s="29">
        <v>225</v>
      </c>
    </row>
    <row r="43" spans="1:4" ht="18" customHeight="1" x14ac:dyDescent="0.2">
      <c r="A43" s="31">
        <v>31</v>
      </c>
      <c r="B43" s="27">
        <v>135</v>
      </c>
      <c r="C43" s="28">
        <v>130</v>
      </c>
      <c r="D43" s="29">
        <v>265</v>
      </c>
    </row>
    <row r="44" spans="1:4" ht="18" customHeight="1" x14ac:dyDescent="0.2">
      <c r="A44" s="31">
        <v>32</v>
      </c>
      <c r="B44" s="27">
        <v>128</v>
      </c>
      <c r="C44" s="28">
        <v>121</v>
      </c>
      <c r="D44" s="29">
        <v>249</v>
      </c>
    </row>
    <row r="45" spans="1:4" ht="18" customHeight="1" x14ac:dyDescent="0.2">
      <c r="A45" s="31">
        <v>33</v>
      </c>
      <c r="B45" s="27">
        <v>169</v>
      </c>
      <c r="C45" s="28">
        <v>137</v>
      </c>
      <c r="D45" s="29">
        <v>306</v>
      </c>
    </row>
    <row r="46" spans="1:4" ht="18" customHeight="1" x14ac:dyDescent="0.2">
      <c r="A46" s="31">
        <v>34</v>
      </c>
      <c r="B46" s="27">
        <v>152</v>
      </c>
      <c r="C46" s="28">
        <v>164</v>
      </c>
      <c r="D46" s="29">
        <v>316</v>
      </c>
    </row>
    <row r="47" spans="1:4" ht="18" customHeight="1" x14ac:dyDescent="0.2">
      <c r="A47" s="31" t="s">
        <v>73</v>
      </c>
      <c r="B47" s="27">
        <v>693</v>
      </c>
      <c r="C47" s="28">
        <v>668</v>
      </c>
      <c r="D47" s="29">
        <v>1361</v>
      </c>
    </row>
    <row r="48" spans="1:4" ht="18" customHeight="1" x14ac:dyDescent="0.2">
      <c r="A48" s="31">
        <v>35</v>
      </c>
      <c r="B48" s="27">
        <v>151</v>
      </c>
      <c r="C48" s="28">
        <v>138</v>
      </c>
      <c r="D48" s="29">
        <v>289</v>
      </c>
    </row>
    <row r="49" spans="1:4" ht="18" customHeight="1" x14ac:dyDescent="0.2">
      <c r="A49" s="31">
        <v>36</v>
      </c>
      <c r="B49" s="27">
        <v>185</v>
      </c>
      <c r="C49" s="28">
        <v>152</v>
      </c>
      <c r="D49" s="29">
        <v>337</v>
      </c>
    </row>
    <row r="50" spans="1:4" ht="18" customHeight="1" x14ac:dyDescent="0.2">
      <c r="A50" s="31">
        <v>37</v>
      </c>
      <c r="B50" s="27">
        <v>172</v>
      </c>
      <c r="C50" s="28">
        <v>146</v>
      </c>
      <c r="D50" s="29">
        <v>318</v>
      </c>
    </row>
    <row r="51" spans="1:4" ht="18" customHeight="1" x14ac:dyDescent="0.2">
      <c r="A51" s="31">
        <v>38</v>
      </c>
      <c r="B51" s="27">
        <v>162</v>
      </c>
      <c r="C51" s="28">
        <v>167</v>
      </c>
      <c r="D51" s="29">
        <v>329</v>
      </c>
    </row>
    <row r="52" spans="1:4" ht="18" customHeight="1" x14ac:dyDescent="0.2">
      <c r="A52" s="31">
        <v>39</v>
      </c>
      <c r="B52" s="27">
        <v>128</v>
      </c>
      <c r="C52" s="28">
        <v>149</v>
      </c>
      <c r="D52" s="29">
        <v>277</v>
      </c>
    </row>
    <row r="53" spans="1:4" ht="18" customHeight="1" x14ac:dyDescent="0.2">
      <c r="A53" s="31" t="s">
        <v>74</v>
      </c>
      <c r="B53" s="27">
        <v>798</v>
      </c>
      <c r="C53" s="28">
        <v>752</v>
      </c>
      <c r="D53" s="29">
        <v>1550</v>
      </c>
    </row>
    <row r="54" spans="1:4" ht="18" customHeight="1" x14ac:dyDescent="0.2">
      <c r="A54" s="31">
        <v>40</v>
      </c>
      <c r="B54" s="27">
        <v>161</v>
      </c>
      <c r="C54" s="28">
        <v>144</v>
      </c>
      <c r="D54" s="29">
        <v>305</v>
      </c>
    </row>
    <row r="55" spans="1:4" ht="18" customHeight="1" x14ac:dyDescent="0.2">
      <c r="A55" s="31">
        <v>41</v>
      </c>
      <c r="B55" s="27">
        <v>167</v>
      </c>
      <c r="C55" s="28">
        <v>135</v>
      </c>
      <c r="D55" s="29">
        <v>302</v>
      </c>
    </row>
    <row r="56" spans="1:4" ht="18" customHeight="1" x14ac:dyDescent="0.2">
      <c r="A56" s="31">
        <v>42</v>
      </c>
      <c r="B56" s="27">
        <v>149</v>
      </c>
      <c r="C56" s="28">
        <v>160</v>
      </c>
      <c r="D56" s="29">
        <v>309</v>
      </c>
    </row>
    <row r="57" spans="1:4" ht="18" customHeight="1" x14ac:dyDescent="0.2">
      <c r="A57" s="31">
        <v>43</v>
      </c>
      <c r="B57" s="27">
        <v>143</v>
      </c>
      <c r="C57" s="28">
        <v>119</v>
      </c>
      <c r="D57" s="29">
        <v>262</v>
      </c>
    </row>
    <row r="58" spans="1:4" ht="18" customHeight="1" x14ac:dyDescent="0.2">
      <c r="A58" s="31">
        <v>44</v>
      </c>
      <c r="B58" s="27">
        <v>133</v>
      </c>
      <c r="C58" s="28">
        <v>148</v>
      </c>
      <c r="D58" s="29">
        <v>281</v>
      </c>
    </row>
    <row r="59" spans="1:4" ht="18" customHeight="1" x14ac:dyDescent="0.2">
      <c r="A59" s="31" t="s">
        <v>75</v>
      </c>
      <c r="B59" s="27">
        <v>753</v>
      </c>
      <c r="C59" s="28">
        <v>706</v>
      </c>
      <c r="D59" s="29">
        <v>1459</v>
      </c>
    </row>
    <row r="60" spans="1:4" ht="18" customHeight="1" x14ac:dyDescent="0.2">
      <c r="A60" s="31">
        <v>45</v>
      </c>
      <c r="B60" s="27">
        <v>162</v>
      </c>
      <c r="C60" s="28">
        <v>141</v>
      </c>
      <c r="D60" s="29">
        <v>303</v>
      </c>
    </row>
    <row r="61" spans="1:4" ht="18" customHeight="1" x14ac:dyDescent="0.2">
      <c r="A61" s="31">
        <v>46</v>
      </c>
      <c r="B61" s="27">
        <v>166</v>
      </c>
      <c r="C61" s="28">
        <v>130</v>
      </c>
      <c r="D61" s="29">
        <v>296</v>
      </c>
    </row>
    <row r="62" spans="1:4" ht="18" customHeight="1" x14ac:dyDescent="0.2">
      <c r="A62" s="31">
        <v>47</v>
      </c>
      <c r="B62" s="27">
        <v>120</v>
      </c>
      <c r="C62" s="28">
        <v>124</v>
      </c>
      <c r="D62" s="29">
        <v>244</v>
      </c>
    </row>
    <row r="63" spans="1:4" ht="18" customHeight="1" x14ac:dyDescent="0.2">
      <c r="A63" s="31">
        <v>48</v>
      </c>
      <c r="B63" s="27">
        <v>137</v>
      </c>
      <c r="C63" s="28">
        <v>153</v>
      </c>
      <c r="D63" s="29">
        <v>290</v>
      </c>
    </row>
    <row r="64" spans="1:4" ht="18" customHeight="1" x14ac:dyDescent="0.2">
      <c r="A64" s="31">
        <v>49</v>
      </c>
      <c r="B64" s="27">
        <v>143</v>
      </c>
      <c r="C64" s="28">
        <v>145</v>
      </c>
      <c r="D64" s="29">
        <v>288</v>
      </c>
    </row>
    <row r="65" spans="1:4" ht="18" customHeight="1" x14ac:dyDescent="0.2">
      <c r="A65" s="31" t="s">
        <v>76</v>
      </c>
      <c r="B65" s="27">
        <v>728</v>
      </c>
      <c r="C65" s="28">
        <v>693</v>
      </c>
      <c r="D65" s="29">
        <v>1421</v>
      </c>
    </row>
    <row r="66" spans="1:4" ht="18" customHeight="1" x14ac:dyDescent="0.2">
      <c r="A66" s="31">
        <v>50</v>
      </c>
      <c r="B66" s="27">
        <v>150</v>
      </c>
      <c r="C66" s="28">
        <v>138</v>
      </c>
      <c r="D66" s="29">
        <v>288</v>
      </c>
    </row>
    <row r="67" spans="1:4" ht="18" customHeight="1" x14ac:dyDescent="0.2">
      <c r="A67" s="31">
        <v>51</v>
      </c>
      <c r="B67" s="27">
        <v>153</v>
      </c>
      <c r="C67" s="28">
        <v>146</v>
      </c>
      <c r="D67" s="29">
        <v>299</v>
      </c>
    </row>
    <row r="68" spans="1:4" ht="18" customHeight="1" x14ac:dyDescent="0.2">
      <c r="A68" s="31">
        <v>52</v>
      </c>
      <c r="B68" s="27">
        <v>133</v>
      </c>
      <c r="C68" s="28">
        <v>131</v>
      </c>
      <c r="D68" s="29">
        <v>264</v>
      </c>
    </row>
    <row r="69" spans="1:4" ht="18" customHeight="1" x14ac:dyDescent="0.2">
      <c r="A69" s="31">
        <v>53</v>
      </c>
      <c r="B69" s="27">
        <v>152</v>
      </c>
      <c r="C69" s="28">
        <v>157</v>
      </c>
      <c r="D69" s="29">
        <v>309</v>
      </c>
    </row>
    <row r="70" spans="1:4" ht="18" customHeight="1" x14ac:dyDescent="0.2">
      <c r="A70" s="31">
        <v>54</v>
      </c>
      <c r="B70" s="27">
        <v>156</v>
      </c>
      <c r="C70" s="28">
        <v>161</v>
      </c>
      <c r="D70" s="29">
        <v>317</v>
      </c>
    </row>
    <row r="71" spans="1:4" ht="18" customHeight="1" x14ac:dyDescent="0.2">
      <c r="A71" s="31" t="s">
        <v>77</v>
      </c>
      <c r="B71" s="27">
        <v>744</v>
      </c>
      <c r="C71" s="28">
        <v>733</v>
      </c>
      <c r="D71" s="29">
        <v>1477</v>
      </c>
    </row>
    <row r="72" spans="1:4" ht="18" customHeight="1" x14ac:dyDescent="0.2">
      <c r="A72" s="31">
        <v>55</v>
      </c>
      <c r="B72" s="27">
        <v>163</v>
      </c>
      <c r="C72" s="28">
        <v>154</v>
      </c>
      <c r="D72" s="29">
        <v>317</v>
      </c>
    </row>
    <row r="73" spans="1:4" ht="18" customHeight="1" x14ac:dyDescent="0.2">
      <c r="A73" s="31">
        <v>56</v>
      </c>
      <c r="B73" s="27">
        <v>152</v>
      </c>
      <c r="C73" s="28">
        <v>171</v>
      </c>
      <c r="D73" s="29">
        <v>323</v>
      </c>
    </row>
    <row r="74" spans="1:4" ht="18" customHeight="1" x14ac:dyDescent="0.2">
      <c r="A74" s="31">
        <v>57</v>
      </c>
      <c r="B74" s="27">
        <v>168</v>
      </c>
      <c r="C74" s="28">
        <v>145</v>
      </c>
      <c r="D74" s="29">
        <v>313</v>
      </c>
    </row>
    <row r="75" spans="1:4" ht="18" customHeight="1" x14ac:dyDescent="0.2">
      <c r="A75" s="31">
        <v>58</v>
      </c>
      <c r="B75" s="27">
        <v>194</v>
      </c>
      <c r="C75" s="28">
        <v>165</v>
      </c>
      <c r="D75" s="29">
        <v>359</v>
      </c>
    </row>
    <row r="76" spans="1:4" ht="18" customHeight="1" x14ac:dyDescent="0.2">
      <c r="A76" s="31">
        <v>59</v>
      </c>
      <c r="B76" s="27">
        <v>181</v>
      </c>
      <c r="C76" s="28">
        <v>183</v>
      </c>
      <c r="D76" s="29">
        <v>364</v>
      </c>
    </row>
    <row r="77" spans="1:4" ht="18" customHeight="1" x14ac:dyDescent="0.2">
      <c r="A77" s="31" t="s">
        <v>78</v>
      </c>
      <c r="B77" s="27">
        <v>858</v>
      </c>
      <c r="C77" s="28">
        <v>818</v>
      </c>
      <c r="D77" s="29">
        <v>1676</v>
      </c>
    </row>
    <row r="78" spans="1:4" ht="18" customHeight="1" x14ac:dyDescent="0.2">
      <c r="A78" s="31">
        <v>60</v>
      </c>
      <c r="B78" s="27">
        <v>184</v>
      </c>
      <c r="C78" s="28">
        <v>184</v>
      </c>
      <c r="D78" s="29">
        <v>368</v>
      </c>
    </row>
    <row r="79" spans="1:4" ht="18" customHeight="1" x14ac:dyDescent="0.2">
      <c r="A79" s="31">
        <v>61</v>
      </c>
      <c r="B79" s="27">
        <v>212</v>
      </c>
      <c r="C79" s="28">
        <v>219</v>
      </c>
      <c r="D79" s="29">
        <v>431</v>
      </c>
    </row>
    <row r="80" spans="1:4" ht="18" customHeight="1" x14ac:dyDescent="0.2">
      <c r="A80" s="31">
        <v>62</v>
      </c>
      <c r="B80" s="27">
        <v>181</v>
      </c>
      <c r="C80" s="28">
        <v>192</v>
      </c>
      <c r="D80" s="29">
        <v>373</v>
      </c>
    </row>
    <row r="81" spans="1:4" ht="18" customHeight="1" x14ac:dyDescent="0.2">
      <c r="A81" s="31">
        <v>63</v>
      </c>
      <c r="B81" s="27">
        <v>92</v>
      </c>
      <c r="C81" s="28">
        <v>114</v>
      </c>
      <c r="D81" s="29">
        <v>206</v>
      </c>
    </row>
    <row r="82" spans="1:4" ht="18" customHeight="1" x14ac:dyDescent="0.2">
      <c r="A82" s="31">
        <v>64</v>
      </c>
      <c r="B82" s="27">
        <v>141</v>
      </c>
      <c r="C82" s="28">
        <v>157</v>
      </c>
      <c r="D82" s="29">
        <v>298</v>
      </c>
    </row>
    <row r="83" spans="1:4" ht="18" customHeight="1" x14ac:dyDescent="0.2">
      <c r="A83" s="31" t="s">
        <v>79</v>
      </c>
      <c r="B83" s="27">
        <v>810</v>
      </c>
      <c r="C83" s="28">
        <v>866</v>
      </c>
      <c r="D83" s="29">
        <v>1676</v>
      </c>
    </row>
    <row r="84" spans="1:4" ht="18" customHeight="1" x14ac:dyDescent="0.2">
      <c r="A84" s="31" t="s">
        <v>80</v>
      </c>
      <c r="B84" s="27">
        <v>7211</v>
      </c>
      <c r="C84" s="28">
        <v>6908</v>
      </c>
      <c r="D84" s="29">
        <v>14119</v>
      </c>
    </row>
    <row r="85" spans="1:4" ht="18" customHeight="1" x14ac:dyDescent="0.2">
      <c r="A85" s="31">
        <v>65</v>
      </c>
      <c r="B85" s="27">
        <v>150</v>
      </c>
      <c r="C85" s="28">
        <v>183</v>
      </c>
      <c r="D85" s="29">
        <v>333</v>
      </c>
    </row>
    <row r="86" spans="1:4" ht="18" customHeight="1" x14ac:dyDescent="0.2">
      <c r="A86" s="31">
        <v>66</v>
      </c>
      <c r="B86" s="27">
        <v>135</v>
      </c>
      <c r="C86" s="28">
        <v>160</v>
      </c>
      <c r="D86" s="29">
        <v>295</v>
      </c>
    </row>
    <row r="87" spans="1:4" ht="18" customHeight="1" x14ac:dyDescent="0.2">
      <c r="A87" s="31">
        <v>67</v>
      </c>
      <c r="B87" s="27">
        <v>168</v>
      </c>
      <c r="C87" s="28">
        <v>183</v>
      </c>
      <c r="D87" s="29">
        <v>351</v>
      </c>
    </row>
    <row r="88" spans="1:4" ht="18" customHeight="1" x14ac:dyDescent="0.2">
      <c r="A88" s="31">
        <v>68</v>
      </c>
      <c r="B88" s="27">
        <v>137</v>
      </c>
      <c r="C88" s="28">
        <v>155</v>
      </c>
      <c r="D88" s="29">
        <v>292</v>
      </c>
    </row>
    <row r="89" spans="1:4" ht="18" customHeight="1" x14ac:dyDescent="0.2">
      <c r="A89" s="31">
        <v>69</v>
      </c>
      <c r="B89" s="27">
        <v>115</v>
      </c>
      <c r="C89" s="28">
        <v>152</v>
      </c>
      <c r="D89" s="29">
        <v>267</v>
      </c>
    </row>
    <row r="90" spans="1:4" ht="18" customHeight="1" x14ac:dyDescent="0.2">
      <c r="A90" s="31" t="s">
        <v>81</v>
      </c>
      <c r="B90" s="27">
        <v>705</v>
      </c>
      <c r="C90" s="28">
        <v>833</v>
      </c>
      <c r="D90" s="29">
        <v>1538</v>
      </c>
    </row>
    <row r="91" spans="1:4" ht="18" customHeight="1" x14ac:dyDescent="0.2">
      <c r="A91" s="31">
        <v>70</v>
      </c>
      <c r="B91" s="27">
        <v>112</v>
      </c>
      <c r="C91" s="28">
        <v>105</v>
      </c>
      <c r="D91" s="29">
        <v>217</v>
      </c>
    </row>
    <row r="92" spans="1:4" ht="18" customHeight="1" x14ac:dyDescent="0.2">
      <c r="A92" s="31">
        <v>71</v>
      </c>
      <c r="B92" s="27">
        <v>135</v>
      </c>
      <c r="C92" s="28">
        <v>117</v>
      </c>
      <c r="D92" s="29">
        <v>252</v>
      </c>
    </row>
    <row r="93" spans="1:4" ht="18" customHeight="1" x14ac:dyDescent="0.2">
      <c r="A93" s="31">
        <v>72</v>
      </c>
      <c r="B93" s="27">
        <v>119</v>
      </c>
      <c r="C93" s="28">
        <v>129</v>
      </c>
      <c r="D93" s="29">
        <v>248</v>
      </c>
    </row>
    <row r="94" spans="1:4" ht="18" customHeight="1" x14ac:dyDescent="0.2">
      <c r="A94" s="31">
        <v>73</v>
      </c>
      <c r="B94" s="27">
        <v>119</v>
      </c>
      <c r="C94" s="28">
        <v>163</v>
      </c>
      <c r="D94" s="29">
        <v>282</v>
      </c>
    </row>
    <row r="95" spans="1:4" ht="18" customHeight="1" x14ac:dyDescent="0.2">
      <c r="A95" s="31">
        <v>74</v>
      </c>
      <c r="B95" s="27">
        <v>97</v>
      </c>
      <c r="C95" s="28">
        <v>146</v>
      </c>
      <c r="D95" s="29">
        <v>243</v>
      </c>
    </row>
    <row r="96" spans="1:4" ht="18" customHeight="1" x14ac:dyDescent="0.2">
      <c r="A96" s="31" t="s">
        <v>82</v>
      </c>
      <c r="B96" s="27">
        <v>582</v>
      </c>
      <c r="C96" s="28">
        <v>660</v>
      </c>
      <c r="D96" s="29">
        <v>1242</v>
      </c>
    </row>
    <row r="97" spans="1:4" ht="18" customHeight="1" x14ac:dyDescent="0.2">
      <c r="A97" s="31">
        <v>75</v>
      </c>
      <c r="B97" s="27">
        <v>113</v>
      </c>
      <c r="C97" s="28">
        <v>155</v>
      </c>
      <c r="D97" s="29">
        <v>268</v>
      </c>
    </row>
    <row r="98" spans="1:4" ht="18" customHeight="1" x14ac:dyDescent="0.2">
      <c r="A98" s="31">
        <v>76</v>
      </c>
      <c r="B98" s="27">
        <v>80</v>
      </c>
      <c r="C98" s="28">
        <v>135</v>
      </c>
      <c r="D98" s="29">
        <v>215</v>
      </c>
    </row>
    <row r="99" spans="1:4" ht="18" customHeight="1" x14ac:dyDescent="0.2">
      <c r="A99" s="31">
        <v>77</v>
      </c>
      <c r="B99" s="27">
        <v>127</v>
      </c>
      <c r="C99" s="28">
        <v>143</v>
      </c>
      <c r="D99" s="29">
        <v>270</v>
      </c>
    </row>
    <row r="100" spans="1:4" ht="18" customHeight="1" x14ac:dyDescent="0.2">
      <c r="A100" s="31">
        <v>78</v>
      </c>
      <c r="B100" s="27">
        <v>79</v>
      </c>
      <c r="C100" s="28">
        <v>151</v>
      </c>
      <c r="D100" s="29">
        <v>230</v>
      </c>
    </row>
    <row r="101" spans="1:4" ht="18" customHeight="1" x14ac:dyDescent="0.2">
      <c r="A101" s="31">
        <v>79</v>
      </c>
      <c r="B101" s="27">
        <v>93</v>
      </c>
      <c r="C101" s="28">
        <v>148</v>
      </c>
      <c r="D101" s="29">
        <v>241</v>
      </c>
    </row>
    <row r="102" spans="1:4" ht="18" customHeight="1" x14ac:dyDescent="0.2">
      <c r="A102" s="31" t="s">
        <v>83</v>
      </c>
      <c r="B102" s="27">
        <v>492</v>
      </c>
      <c r="C102" s="28">
        <v>732</v>
      </c>
      <c r="D102" s="29">
        <v>1224</v>
      </c>
    </row>
    <row r="103" spans="1:4" ht="18" customHeight="1" x14ac:dyDescent="0.2">
      <c r="A103" s="31">
        <v>80</v>
      </c>
      <c r="B103" s="27">
        <v>89</v>
      </c>
      <c r="C103" s="28">
        <v>126</v>
      </c>
      <c r="D103" s="29">
        <v>215</v>
      </c>
    </row>
    <row r="104" spans="1:4" ht="18" customHeight="1" x14ac:dyDescent="0.2">
      <c r="A104" s="31">
        <v>81</v>
      </c>
      <c r="B104" s="27">
        <v>67</v>
      </c>
      <c r="C104" s="28">
        <v>100</v>
      </c>
      <c r="D104" s="29">
        <v>167</v>
      </c>
    </row>
    <row r="105" spans="1:4" ht="18" customHeight="1" x14ac:dyDescent="0.2">
      <c r="A105" s="31">
        <v>82</v>
      </c>
      <c r="B105" s="27">
        <v>71</v>
      </c>
      <c r="C105" s="28">
        <v>103</v>
      </c>
      <c r="D105" s="29">
        <v>174</v>
      </c>
    </row>
    <row r="106" spans="1:4" ht="18" customHeight="1" x14ac:dyDescent="0.2">
      <c r="A106" s="31">
        <v>83</v>
      </c>
      <c r="B106" s="27">
        <v>58</v>
      </c>
      <c r="C106" s="28">
        <v>98</v>
      </c>
      <c r="D106" s="29">
        <v>156</v>
      </c>
    </row>
    <row r="107" spans="1:4" ht="18" customHeight="1" x14ac:dyDescent="0.2">
      <c r="A107" s="31">
        <v>84</v>
      </c>
      <c r="B107" s="27">
        <v>56</v>
      </c>
      <c r="C107" s="28">
        <v>73</v>
      </c>
      <c r="D107" s="29">
        <v>129</v>
      </c>
    </row>
    <row r="108" spans="1:4" ht="18" customHeight="1" x14ac:dyDescent="0.2">
      <c r="A108" s="31" t="s">
        <v>84</v>
      </c>
      <c r="B108" s="27">
        <v>341</v>
      </c>
      <c r="C108" s="28">
        <v>500</v>
      </c>
      <c r="D108" s="29">
        <v>841</v>
      </c>
    </row>
    <row r="109" spans="1:4" ht="18" customHeight="1" x14ac:dyDescent="0.2">
      <c r="A109" s="31">
        <v>85</v>
      </c>
      <c r="B109" s="27">
        <v>36</v>
      </c>
      <c r="C109" s="28">
        <v>82</v>
      </c>
      <c r="D109" s="29">
        <v>118</v>
      </c>
    </row>
    <row r="110" spans="1:4" ht="18" customHeight="1" x14ac:dyDescent="0.2">
      <c r="A110" s="31">
        <v>86</v>
      </c>
      <c r="B110" s="27">
        <v>30</v>
      </c>
      <c r="C110" s="28">
        <v>69</v>
      </c>
      <c r="D110" s="29">
        <v>99</v>
      </c>
    </row>
    <row r="111" spans="1:4" ht="18" customHeight="1" x14ac:dyDescent="0.2">
      <c r="A111" s="31">
        <v>87</v>
      </c>
      <c r="B111" s="27">
        <v>28</v>
      </c>
      <c r="C111" s="28">
        <v>55</v>
      </c>
      <c r="D111" s="29">
        <v>83</v>
      </c>
    </row>
    <row r="112" spans="1:4" ht="18" customHeight="1" x14ac:dyDescent="0.2">
      <c r="A112" s="31">
        <v>88</v>
      </c>
      <c r="B112" s="27">
        <v>35</v>
      </c>
      <c r="C112" s="28">
        <v>60</v>
      </c>
      <c r="D112" s="29">
        <v>95</v>
      </c>
    </row>
    <row r="113" spans="1:4" ht="18" customHeight="1" x14ac:dyDescent="0.2">
      <c r="A113" s="31">
        <v>89</v>
      </c>
      <c r="B113" s="27">
        <v>18</v>
      </c>
      <c r="C113" s="28">
        <v>37</v>
      </c>
      <c r="D113" s="29">
        <v>55</v>
      </c>
    </row>
    <row r="114" spans="1:4" ht="18" customHeight="1" x14ac:dyDescent="0.2">
      <c r="A114" s="31" t="s">
        <v>85</v>
      </c>
      <c r="B114" s="27">
        <v>147</v>
      </c>
      <c r="C114" s="28">
        <v>303</v>
      </c>
      <c r="D114" s="29">
        <v>450</v>
      </c>
    </row>
    <row r="115" spans="1:4" ht="18" customHeight="1" x14ac:dyDescent="0.2">
      <c r="A115" s="31">
        <v>90</v>
      </c>
      <c r="B115" s="27">
        <v>12</v>
      </c>
      <c r="C115" s="28">
        <v>35</v>
      </c>
      <c r="D115" s="29">
        <v>47</v>
      </c>
    </row>
    <row r="116" spans="1:4" ht="18" customHeight="1" x14ac:dyDescent="0.2">
      <c r="A116" s="31">
        <v>91</v>
      </c>
      <c r="B116" s="27">
        <v>9</v>
      </c>
      <c r="C116" s="28">
        <v>38</v>
      </c>
      <c r="D116" s="29">
        <v>47</v>
      </c>
    </row>
    <row r="117" spans="1:4" ht="18" customHeight="1" x14ac:dyDescent="0.2">
      <c r="A117" s="31">
        <v>92</v>
      </c>
      <c r="B117" s="27">
        <v>12</v>
      </c>
      <c r="C117" s="28">
        <v>23</v>
      </c>
      <c r="D117" s="29">
        <v>35</v>
      </c>
    </row>
    <row r="118" spans="1:4" ht="18" customHeight="1" x14ac:dyDescent="0.2">
      <c r="A118" s="31">
        <v>93</v>
      </c>
      <c r="B118" s="27">
        <v>2</v>
      </c>
      <c r="C118" s="28">
        <v>20</v>
      </c>
      <c r="D118" s="29">
        <v>22</v>
      </c>
    </row>
    <row r="119" spans="1:4" ht="18" customHeight="1" x14ac:dyDescent="0.2">
      <c r="A119" s="31">
        <v>94</v>
      </c>
      <c r="B119" s="27">
        <v>8</v>
      </c>
      <c r="C119" s="28">
        <v>28</v>
      </c>
      <c r="D119" s="29">
        <v>36</v>
      </c>
    </row>
    <row r="120" spans="1:4" ht="18" customHeight="1" x14ac:dyDescent="0.2">
      <c r="A120" s="31" t="s">
        <v>86</v>
      </c>
      <c r="B120" s="27">
        <v>43</v>
      </c>
      <c r="C120" s="28">
        <v>144</v>
      </c>
      <c r="D120" s="29">
        <v>187</v>
      </c>
    </row>
    <row r="121" spans="1:4" ht="18" customHeight="1" x14ac:dyDescent="0.2">
      <c r="A121" s="31">
        <v>95</v>
      </c>
      <c r="B121" s="27">
        <v>6</v>
      </c>
      <c r="C121" s="28">
        <v>17</v>
      </c>
      <c r="D121" s="29">
        <v>23</v>
      </c>
    </row>
    <row r="122" spans="1:4" ht="18" customHeight="1" x14ac:dyDescent="0.2">
      <c r="A122" s="31">
        <v>96</v>
      </c>
      <c r="B122" s="27">
        <v>1</v>
      </c>
      <c r="C122" s="28">
        <v>11</v>
      </c>
      <c r="D122" s="29">
        <v>12</v>
      </c>
    </row>
    <row r="123" spans="1:4" ht="18" customHeight="1" x14ac:dyDescent="0.2">
      <c r="A123" s="31">
        <v>97</v>
      </c>
      <c r="B123" s="27">
        <v>1</v>
      </c>
      <c r="C123" s="28">
        <v>9</v>
      </c>
      <c r="D123" s="29">
        <v>10</v>
      </c>
    </row>
    <row r="124" spans="1:4" ht="18" customHeight="1" x14ac:dyDescent="0.2">
      <c r="A124" s="31">
        <v>98</v>
      </c>
      <c r="B124" s="27">
        <v>0</v>
      </c>
      <c r="C124" s="28">
        <v>4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5</v>
      </c>
      <c r="D125" s="29">
        <v>5</v>
      </c>
    </row>
    <row r="126" spans="1:4" ht="18" customHeight="1" x14ac:dyDescent="0.2">
      <c r="A126" s="31" t="s">
        <v>87</v>
      </c>
      <c r="B126" s="27">
        <v>8</v>
      </c>
      <c r="C126" s="28">
        <v>46</v>
      </c>
      <c r="D126" s="29">
        <v>54</v>
      </c>
    </row>
    <row r="127" spans="1:4" ht="18" customHeight="1" x14ac:dyDescent="0.2">
      <c r="A127" s="31">
        <v>100</v>
      </c>
      <c r="B127" s="27">
        <v>0</v>
      </c>
      <c r="C127" s="28">
        <v>6</v>
      </c>
      <c r="D127" s="29">
        <v>6</v>
      </c>
    </row>
    <row r="128" spans="1:4" ht="18" customHeight="1" x14ac:dyDescent="0.2">
      <c r="A128" s="32" t="s">
        <v>88</v>
      </c>
      <c r="B128" s="27">
        <v>1</v>
      </c>
      <c r="C128" s="28">
        <v>3</v>
      </c>
      <c r="D128" s="29">
        <v>4</v>
      </c>
    </row>
    <row r="129" spans="1:4" ht="18" customHeight="1" x14ac:dyDescent="0.2">
      <c r="A129" s="31" t="s">
        <v>89</v>
      </c>
      <c r="B129" s="27">
        <v>1</v>
      </c>
      <c r="C129" s="28">
        <v>9</v>
      </c>
      <c r="D129" s="29">
        <v>10</v>
      </c>
    </row>
    <row r="130" spans="1:4" ht="18" customHeight="1" x14ac:dyDescent="0.2">
      <c r="A130" s="31" t="s">
        <v>90</v>
      </c>
      <c r="B130" s="4">
        <v>2319</v>
      </c>
      <c r="C130" s="5">
        <v>3227</v>
      </c>
      <c r="D130" s="6">
        <v>5546</v>
      </c>
    </row>
    <row r="131" spans="1:4" ht="18" customHeight="1" x14ac:dyDescent="0.2">
      <c r="A131" s="33" t="s">
        <v>65</v>
      </c>
      <c r="B131" s="7">
        <v>11133</v>
      </c>
      <c r="C131" s="8">
        <v>11602</v>
      </c>
      <c r="D131" s="9">
        <v>2273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8</v>
      </c>
      <c r="C5" s="37">
        <v>5</v>
      </c>
      <c r="D5" s="39">
        <v>13</v>
      </c>
    </row>
    <row r="6" spans="1:4" ht="18" customHeight="1" x14ac:dyDescent="0.2">
      <c r="A6" s="31">
        <v>1</v>
      </c>
      <c r="B6" s="35">
        <v>10</v>
      </c>
      <c r="C6" s="28">
        <v>10</v>
      </c>
      <c r="D6" s="29">
        <v>20</v>
      </c>
    </row>
    <row r="7" spans="1:4" ht="18" customHeight="1" x14ac:dyDescent="0.2">
      <c r="A7" s="31">
        <v>2</v>
      </c>
      <c r="B7" s="35">
        <v>9</v>
      </c>
      <c r="C7" s="28">
        <v>11</v>
      </c>
      <c r="D7" s="29">
        <v>20</v>
      </c>
    </row>
    <row r="8" spans="1:4" ht="18" customHeight="1" x14ac:dyDescent="0.2">
      <c r="A8" s="31">
        <v>3</v>
      </c>
      <c r="B8" s="35">
        <v>16</v>
      </c>
      <c r="C8" s="28">
        <v>12</v>
      </c>
      <c r="D8" s="29">
        <v>28</v>
      </c>
    </row>
    <row r="9" spans="1:4" ht="18" customHeight="1" x14ac:dyDescent="0.2">
      <c r="A9" s="31">
        <v>4</v>
      </c>
      <c r="B9" s="36">
        <v>8</v>
      </c>
      <c r="C9" s="38">
        <v>11</v>
      </c>
      <c r="D9" s="40">
        <v>19</v>
      </c>
    </row>
    <row r="10" spans="1:4" ht="18" customHeight="1" x14ac:dyDescent="0.2">
      <c r="A10" s="31" t="s">
        <v>66</v>
      </c>
      <c r="B10" s="27">
        <v>51</v>
      </c>
      <c r="C10" s="28">
        <v>49</v>
      </c>
      <c r="D10" s="29">
        <v>100</v>
      </c>
    </row>
    <row r="11" spans="1:4" ht="18" customHeight="1" x14ac:dyDescent="0.2">
      <c r="A11" s="31">
        <v>5</v>
      </c>
      <c r="B11" s="35">
        <v>9</v>
      </c>
      <c r="C11" s="28">
        <v>11</v>
      </c>
      <c r="D11" s="29">
        <v>20</v>
      </c>
    </row>
    <row r="12" spans="1:4" ht="18" customHeight="1" x14ac:dyDescent="0.2">
      <c r="A12" s="31">
        <v>6</v>
      </c>
      <c r="B12" s="35">
        <v>14</v>
      </c>
      <c r="C12" s="28">
        <v>12</v>
      </c>
      <c r="D12" s="29">
        <v>26</v>
      </c>
    </row>
    <row r="13" spans="1:4" ht="18" customHeight="1" x14ac:dyDescent="0.2">
      <c r="A13" s="31">
        <v>7</v>
      </c>
      <c r="B13" s="35">
        <v>15</v>
      </c>
      <c r="C13" s="28">
        <v>19</v>
      </c>
      <c r="D13" s="29">
        <v>34</v>
      </c>
    </row>
    <row r="14" spans="1:4" ht="18" customHeight="1" x14ac:dyDescent="0.2">
      <c r="A14" s="31">
        <v>8</v>
      </c>
      <c r="B14" s="35">
        <v>15</v>
      </c>
      <c r="C14" s="28">
        <v>14</v>
      </c>
      <c r="D14" s="29">
        <v>29</v>
      </c>
    </row>
    <row r="15" spans="1:4" ht="18" customHeight="1" x14ac:dyDescent="0.2">
      <c r="A15" s="31">
        <v>9</v>
      </c>
      <c r="B15" s="35">
        <v>19</v>
      </c>
      <c r="C15" s="28">
        <v>18</v>
      </c>
      <c r="D15" s="29">
        <v>37</v>
      </c>
    </row>
    <row r="16" spans="1:4" ht="18" customHeight="1" x14ac:dyDescent="0.2">
      <c r="A16" s="31" t="s">
        <v>67</v>
      </c>
      <c r="B16" s="27">
        <v>72</v>
      </c>
      <c r="C16" s="28">
        <v>74</v>
      </c>
      <c r="D16" s="29">
        <v>146</v>
      </c>
    </row>
    <row r="17" spans="1:4" ht="18" customHeight="1" x14ac:dyDescent="0.2">
      <c r="A17" s="31">
        <v>10</v>
      </c>
      <c r="B17" s="27">
        <v>21</v>
      </c>
      <c r="C17" s="28">
        <v>22</v>
      </c>
      <c r="D17" s="29">
        <v>43</v>
      </c>
    </row>
    <row r="18" spans="1:4" ht="18" customHeight="1" x14ac:dyDescent="0.2">
      <c r="A18" s="31">
        <v>11</v>
      </c>
      <c r="B18" s="27">
        <v>12</v>
      </c>
      <c r="C18" s="28">
        <v>17</v>
      </c>
      <c r="D18" s="29">
        <v>29</v>
      </c>
    </row>
    <row r="19" spans="1:4" ht="18" customHeight="1" x14ac:dyDescent="0.2">
      <c r="A19" s="31">
        <v>12</v>
      </c>
      <c r="B19" s="27">
        <v>20</v>
      </c>
      <c r="C19" s="28">
        <v>15</v>
      </c>
      <c r="D19" s="29">
        <v>35</v>
      </c>
    </row>
    <row r="20" spans="1:4" ht="18" customHeight="1" x14ac:dyDescent="0.2">
      <c r="A20" s="31">
        <v>13</v>
      </c>
      <c r="B20" s="27">
        <v>16</v>
      </c>
      <c r="C20" s="28">
        <v>16</v>
      </c>
      <c r="D20" s="29">
        <v>32</v>
      </c>
    </row>
    <row r="21" spans="1:4" ht="18" customHeight="1" x14ac:dyDescent="0.2">
      <c r="A21" s="31">
        <v>14</v>
      </c>
      <c r="B21" s="27">
        <v>20</v>
      </c>
      <c r="C21" s="28">
        <v>15</v>
      </c>
      <c r="D21" s="29">
        <v>35</v>
      </c>
    </row>
    <row r="22" spans="1:4" ht="18" customHeight="1" x14ac:dyDescent="0.2">
      <c r="A22" s="31" t="s">
        <v>68</v>
      </c>
      <c r="B22" s="27">
        <v>89</v>
      </c>
      <c r="C22" s="28">
        <v>85</v>
      </c>
      <c r="D22" s="29">
        <v>174</v>
      </c>
    </row>
    <row r="23" spans="1:4" ht="18" customHeight="1" x14ac:dyDescent="0.2">
      <c r="A23" s="31" t="s">
        <v>69</v>
      </c>
      <c r="B23" s="27">
        <v>212</v>
      </c>
      <c r="C23" s="28">
        <v>208</v>
      </c>
      <c r="D23" s="29">
        <v>420</v>
      </c>
    </row>
    <row r="24" spans="1:4" ht="18" customHeight="1" x14ac:dyDescent="0.2">
      <c r="A24" s="31">
        <v>15</v>
      </c>
      <c r="B24" s="27">
        <v>14</v>
      </c>
      <c r="C24" s="28">
        <v>16</v>
      </c>
      <c r="D24" s="29">
        <v>30</v>
      </c>
    </row>
    <row r="25" spans="1:4" ht="18" customHeight="1" x14ac:dyDescent="0.2">
      <c r="A25" s="31">
        <v>16</v>
      </c>
      <c r="B25" s="27">
        <v>24</v>
      </c>
      <c r="C25" s="28">
        <v>21</v>
      </c>
      <c r="D25" s="29">
        <v>45</v>
      </c>
    </row>
    <row r="26" spans="1:4" ht="18" customHeight="1" x14ac:dyDescent="0.2">
      <c r="A26" s="31">
        <v>17</v>
      </c>
      <c r="B26" s="27">
        <v>12</v>
      </c>
      <c r="C26" s="28">
        <v>16</v>
      </c>
      <c r="D26" s="29">
        <v>28</v>
      </c>
    </row>
    <row r="27" spans="1:4" ht="18" customHeight="1" x14ac:dyDescent="0.2">
      <c r="A27" s="31">
        <v>18</v>
      </c>
      <c r="B27" s="27">
        <v>15</v>
      </c>
      <c r="C27" s="28">
        <v>14</v>
      </c>
      <c r="D27" s="29">
        <v>29</v>
      </c>
    </row>
    <row r="28" spans="1:4" ht="18" customHeight="1" x14ac:dyDescent="0.2">
      <c r="A28" s="31">
        <v>19</v>
      </c>
      <c r="B28" s="27">
        <v>20</v>
      </c>
      <c r="C28" s="28">
        <v>10</v>
      </c>
      <c r="D28" s="29">
        <v>30</v>
      </c>
    </row>
    <row r="29" spans="1:4" ht="18" customHeight="1" x14ac:dyDescent="0.2">
      <c r="A29" s="31" t="s">
        <v>70</v>
      </c>
      <c r="B29" s="27">
        <v>85</v>
      </c>
      <c r="C29" s="28">
        <v>77</v>
      </c>
      <c r="D29" s="29">
        <v>162</v>
      </c>
    </row>
    <row r="30" spans="1:4" ht="18" customHeight="1" x14ac:dyDescent="0.2">
      <c r="A30" s="31">
        <v>20</v>
      </c>
      <c r="B30" s="27">
        <v>13</v>
      </c>
      <c r="C30" s="28">
        <v>9</v>
      </c>
      <c r="D30" s="29">
        <v>22</v>
      </c>
    </row>
    <row r="31" spans="1:4" ht="18" customHeight="1" x14ac:dyDescent="0.2">
      <c r="A31" s="31">
        <v>21</v>
      </c>
      <c r="B31" s="27">
        <v>20</v>
      </c>
      <c r="C31" s="28">
        <v>12</v>
      </c>
      <c r="D31" s="29">
        <v>32</v>
      </c>
    </row>
    <row r="32" spans="1:4" ht="18" customHeight="1" x14ac:dyDescent="0.2">
      <c r="A32" s="31">
        <v>22</v>
      </c>
      <c r="B32" s="27">
        <v>14</v>
      </c>
      <c r="C32" s="28">
        <v>17</v>
      </c>
      <c r="D32" s="29">
        <v>31</v>
      </c>
    </row>
    <row r="33" spans="1:4" ht="18" customHeight="1" x14ac:dyDescent="0.2">
      <c r="A33" s="31">
        <v>23</v>
      </c>
      <c r="B33" s="27">
        <v>12</v>
      </c>
      <c r="C33" s="28">
        <v>14</v>
      </c>
      <c r="D33" s="29">
        <v>26</v>
      </c>
    </row>
    <row r="34" spans="1:4" ht="18" customHeight="1" x14ac:dyDescent="0.2">
      <c r="A34" s="31">
        <v>24</v>
      </c>
      <c r="B34" s="27">
        <v>20</v>
      </c>
      <c r="C34" s="28">
        <v>14</v>
      </c>
      <c r="D34" s="29">
        <v>34</v>
      </c>
    </row>
    <row r="35" spans="1:4" ht="18" customHeight="1" x14ac:dyDescent="0.2">
      <c r="A35" s="31" t="s">
        <v>71</v>
      </c>
      <c r="B35" s="27">
        <v>79</v>
      </c>
      <c r="C35" s="28">
        <v>66</v>
      </c>
      <c r="D35" s="29">
        <v>145</v>
      </c>
    </row>
    <row r="36" spans="1:4" ht="18" customHeight="1" x14ac:dyDescent="0.2">
      <c r="A36" s="31">
        <v>25</v>
      </c>
      <c r="B36" s="27">
        <v>17</v>
      </c>
      <c r="C36" s="28">
        <v>16</v>
      </c>
      <c r="D36" s="29">
        <v>33</v>
      </c>
    </row>
    <row r="37" spans="1:4" ht="18" customHeight="1" x14ac:dyDescent="0.2">
      <c r="A37" s="31">
        <v>26</v>
      </c>
      <c r="B37" s="27">
        <v>18</v>
      </c>
      <c r="C37" s="28">
        <v>11</v>
      </c>
      <c r="D37" s="29">
        <v>29</v>
      </c>
    </row>
    <row r="38" spans="1:4" ht="18" customHeight="1" x14ac:dyDescent="0.2">
      <c r="A38" s="31">
        <v>27</v>
      </c>
      <c r="B38" s="27">
        <v>7</v>
      </c>
      <c r="C38" s="28">
        <v>14</v>
      </c>
      <c r="D38" s="29">
        <v>21</v>
      </c>
    </row>
    <row r="39" spans="1:4" ht="18" customHeight="1" x14ac:dyDescent="0.2">
      <c r="A39" s="31">
        <v>28</v>
      </c>
      <c r="B39" s="27">
        <v>14</v>
      </c>
      <c r="C39" s="28">
        <v>15</v>
      </c>
      <c r="D39" s="29">
        <v>29</v>
      </c>
    </row>
    <row r="40" spans="1:4" ht="18" customHeight="1" x14ac:dyDescent="0.2">
      <c r="A40" s="31">
        <v>29</v>
      </c>
      <c r="B40" s="27">
        <v>15</v>
      </c>
      <c r="C40" s="28">
        <v>16</v>
      </c>
      <c r="D40" s="29">
        <v>31</v>
      </c>
    </row>
    <row r="41" spans="1:4" ht="18" customHeight="1" x14ac:dyDescent="0.2">
      <c r="A41" s="31" t="s">
        <v>72</v>
      </c>
      <c r="B41" s="27">
        <v>71</v>
      </c>
      <c r="C41" s="28">
        <v>72</v>
      </c>
      <c r="D41" s="29">
        <v>143</v>
      </c>
    </row>
    <row r="42" spans="1:4" ht="18" customHeight="1" x14ac:dyDescent="0.2">
      <c r="A42" s="31">
        <v>30</v>
      </c>
      <c r="B42" s="27">
        <v>18</v>
      </c>
      <c r="C42" s="28">
        <v>17</v>
      </c>
      <c r="D42" s="29">
        <v>35</v>
      </c>
    </row>
    <row r="43" spans="1:4" ht="18" customHeight="1" x14ac:dyDescent="0.2">
      <c r="A43" s="31">
        <v>31</v>
      </c>
      <c r="B43" s="27">
        <v>17</v>
      </c>
      <c r="C43" s="28">
        <v>14</v>
      </c>
      <c r="D43" s="29">
        <v>31</v>
      </c>
    </row>
    <row r="44" spans="1:4" ht="18" customHeight="1" x14ac:dyDescent="0.2">
      <c r="A44" s="31">
        <v>32</v>
      </c>
      <c r="B44" s="27">
        <v>17</v>
      </c>
      <c r="C44" s="28">
        <v>14</v>
      </c>
      <c r="D44" s="29">
        <v>31</v>
      </c>
    </row>
    <row r="45" spans="1:4" ht="18" customHeight="1" x14ac:dyDescent="0.2">
      <c r="A45" s="31">
        <v>33</v>
      </c>
      <c r="B45" s="27">
        <v>18</v>
      </c>
      <c r="C45" s="28">
        <v>22</v>
      </c>
      <c r="D45" s="29">
        <v>40</v>
      </c>
    </row>
    <row r="46" spans="1:4" ht="18" customHeight="1" x14ac:dyDescent="0.2">
      <c r="A46" s="31">
        <v>34</v>
      </c>
      <c r="B46" s="27">
        <v>12</v>
      </c>
      <c r="C46" s="28">
        <v>18</v>
      </c>
      <c r="D46" s="29">
        <v>30</v>
      </c>
    </row>
    <row r="47" spans="1:4" ht="18" customHeight="1" x14ac:dyDescent="0.2">
      <c r="A47" s="31" t="s">
        <v>73</v>
      </c>
      <c r="B47" s="27">
        <v>82</v>
      </c>
      <c r="C47" s="28">
        <v>85</v>
      </c>
      <c r="D47" s="29">
        <v>167</v>
      </c>
    </row>
    <row r="48" spans="1:4" ht="18" customHeight="1" x14ac:dyDescent="0.2">
      <c r="A48" s="31">
        <v>35</v>
      </c>
      <c r="B48" s="27">
        <v>20</v>
      </c>
      <c r="C48" s="28">
        <v>20</v>
      </c>
      <c r="D48" s="29">
        <v>40</v>
      </c>
    </row>
    <row r="49" spans="1:4" ht="18" customHeight="1" x14ac:dyDescent="0.2">
      <c r="A49" s="31">
        <v>36</v>
      </c>
      <c r="B49" s="27">
        <v>16</v>
      </c>
      <c r="C49" s="28">
        <v>28</v>
      </c>
      <c r="D49" s="29">
        <v>44</v>
      </c>
    </row>
    <row r="50" spans="1:4" ht="18" customHeight="1" x14ac:dyDescent="0.2">
      <c r="A50" s="31">
        <v>37</v>
      </c>
      <c r="B50" s="27">
        <v>29</v>
      </c>
      <c r="C50" s="28">
        <v>27</v>
      </c>
      <c r="D50" s="29">
        <v>56</v>
      </c>
    </row>
    <row r="51" spans="1:4" ht="18" customHeight="1" x14ac:dyDescent="0.2">
      <c r="A51" s="31">
        <v>38</v>
      </c>
      <c r="B51" s="27">
        <v>28</v>
      </c>
      <c r="C51" s="28">
        <v>22</v>
      </c>
      <c r="D51" s="29">
        <v>50</v>
      </c>
    </row>
    <row r="52" spans="1:4" ht="18" customHeight="1" x14ac:dyDescent="0.2">
      <c r="A52" s="31">
        <v>39</v>
      </c>
      <c r="B52" s="27">
        <v>15</v>
      </c>
      <c r="C52" s="28">
        <v>20</v>
      </c>
      <c r="D52" s="29">
        <v>35</v>
      </c>
    </row>
    <row r="53" spans="1:4" ht="18" customHeight="1" x14ac:dyDescent="0.2">
      <c r="A53" s="31" t="s">
        <v>74</v>
      </c>
      <c r="B53" s="27">
        <v>108</v>
      </c>
      <c r="C53" s="28">
        <v>117</v>
      </c>
      <c r="D53" s="29">
        <v>225</v>
      </c>
    </row>
    <row r="54" spans="1:4" ht="18" customHeight="1" x14ac:dyDescent="0.2">
      <c r="A54" s="31">
        <v>40</v>
      </c>
      <c r="B54" s="27">
        <v>24</v>
      </c>
      <c r="C54" s="28">
        <v>22</v>
      </c>
      <c r="D54" s="29">
        <v>46</v>
      </c>
    </row>
    <row r="55" spans="1:4" ht="18" customHeight="1" x14ac:dyDescent="0.2">
      <c r="A55" s="31">
        <v>41</v>
      </c>
      <c r="B55" s="27">
        <v>12</v>
      </c>
      <c r="C55" s="28">
        <v>16</v>
      </c>
      <c r="D55" s="29">
        <v>28</v>
      </c>
    </row>
    <row r="56" spans="1:4" ht="18" customHeight="1" x14ac:dyDescent="0.2">
      <c r="A56" s="31">
        <v>42</v>
      </c>
      <c r="B56" s="27">
        <v>16</v>
      </c>
      <c r="C56" s="28">
        <v>20</v>
      </c>
      <c r="D56" s="29">
        <v>36</v>
      </c>
    </row>
    <row r="57" spans="1:4" ht="18" customHeight="1" x14ac:dyDescent="0.2">
      <c r="A57" s="31">
        <v>43</v>
      </c>
      <c r="B57" s="27">
        <v>15</v>
      </c>
      <c r="C57" s="28">
        <v>12</v>
      </c>
      <c r="D57" s="29">
        <v>27</v>
      </c>
    </row>
    <row r="58" spans="1:4" ht="18" customHeight="1" x14ac:dyDescent="0.2">
      <c r="A58" s="31">
        <v>44</v>
      </c>
      <c r="B58" s="27">
        <v>15</v>
      </c>
      <c r="C58" s="28">
        <v>19</v>
      </c>
      <c r="D58" s="29">
        <v>34</v>
      </c>
    </row>
    <row r="59" spans="1:4" ht="18" customHeight="1" x14ac:dyDescent="0.2">
      <c r="A59" s="31" t="s">
        <v>75</v>
      </c>
      <c r="B59" s="27">
        <v>82</v>
      </c>
      <c r="C59" s="28">
        <v>89</v>
      </c>
      <c r="D59" s="29">
        <v>171</v>
      </c>
    </row>
    <row r="60" spans="1:4" ht="18" customHeight="1" x14ac:dyDescent="0.2">
      <c r="A60" s="31">
        <v>45</v>
      </c>
      <c r="B60" s="27">
        <v>20</v>
      </c>
      <c r="C60" s="28">
        <v>21</v>
      </c>
      <c r="D60" s="29">
        <v>41</v>
      </c>
    </row>
    <row r="61" spans="1:4" ht="18" customHeight="1" x14ac:dyDescent="0.2">
      <c r="A61" s="31">
        <v>46</v>
      </c>
      <c r="B61" s="27">
        <v>14</v>
      </c>
      <c r="C61" s="28">
        <v>12</v>
      </c>
      <c r="D61" s="29">
        <v>26</v>
      </c>
    </row>
    <row r="62" spans="1:4" ht="18" customHeight="1" x14ac:dyDescent="0.2">
      <c r="A62" s="31">
        <v>47</v>
      </c>
      <c r="B62" s="27">
        <v>20</v>
      </c>
      <c r="C62" s="28">
        <v>12</v>
      </c>
      <c r="D62" s="29">
        <v>32</v>
      </c>
    </row>
    <row r="63" spans="1:4" ht="18" customHeight="1" x14ac:dyDescent="0.2">
      <c r="A63" s="31">
        <v>48</v>
      </c>
      <c r="B63" s="27">
        <v>15</v>
      </c>
      <c r="C63" s="28">
        <v>13</v>
      </c>
      <c r="D63" s="29">
        <v>28</v>
      </c>
    </row>
    <row r="64" spans="1:4" ht="18" customHeight="1" x14ac:dyDescent="0.2">
      <c r="A64" s="31">
        <v>49</v>
      </c>
      <c r="B64" s="27">
        <v>23</v>
      </c>
      <c r="C64" s="28">
        <v>17</v>
      </c>
      <c r="D64" s="29">
        <v>40</v>
      </c>
    </row>
    <row r="65" spans="1:4" ht="18" customHeight="1" x14ac:dyDescent="0.2">
      <c r="A65" s="31" t="s">
        <v>76</v>
      </c>
      <c r="B65" s="27">
        <v>92</v>
      </c>
      <c r="C65" s="28">
        <v>75</v>
      </c>
      <c r="D65" s="29">
        <v>167</v>
      </c>
    </row>
    <row r="66" spans="1:4" ht="18" customHeight="1" x14ac:dyDescent="0.2">
      <c r="A66" s="31">
        <v>50</v>
      </c>
      <c r="B66" s="27">
        <v>21</v>
      </c>
      <c r="C66" s="28">
        <v>32</v>
      </c>
      <c r="D66" s="29">
        <v>53</v>
      </c>
    </row>
    <row r="67" spans="1:4" ht="18" customHeight="1" x14ac:dyDescent="0.2">
      <c r="A67" s="31">
        <v>51</v>
      </c>
      <c r="B67" s="27">
        <v>23</v>
      </c>
      <c r="C67" s="28">
        <v>18</v>
      </c>
      <c r="D67" s="29">
        <v>41</v>
      </c>
    </row>
    <row r="68" spans="1:4" ht="18" customHeight="1" x14ac:dyDescent="0.2">
      <c r="A68" s="31">
        <v>52</v>
      </c>
      <c r="B68" s="27">
        <v>20</v>
      </c>
      <c r="C68" s="28">
        <v>22</v>
      </c>
      <c r="D68" s="29">
        <v>42</v>
      </c>
    </row>
    <row r="69" spans="1:4" ht="18" customHeight="1" x14ac:dyDescent="0.2">
      <c r="A69" s="31">
        <v>53</v>
      </c>
      <c r="B69" s="27">
        <v>16</v>
      </c>
      <c r="C69" s="28">
        <v>14</v>
      </c>
      <c r="D69" s="29">
        <v>30</v>
      </c>
    </row>
    <row r="70" spans="1:4" ht="18" customHeight="1" x14ac:dyDescent="0.2">
      <c r="A70" s="31">
        <v>54</v>
      </c>
      <c r="B70" s="27">
        <v>14</v>
      </c>
      <c r="C70" s="28">
        <v>18</v>
      </c>
      <c r="D70" s="29">
        <v>32</v>
      </c>
    </row>
    <row r="71" spans="1:4" ht="18" customHeight="1" x14ac:dyDescent="0.2">
      <c r="A71" s="31" t="s">
        <v>77</v>
      </c>
      <c r="B71" s="27">
        <v>94</v>
      </c>
      <c r="C71" s="28">
        <v>104</v>
      </c>
      <c r="D71" s="29">
        <v>198</v>
      </c>
    </row>
    <row r="72" spans="1:4" ht="18" customHeight="1" x14ac:dyDescent="0.2">
      <c r="A72" s="31">
        <v>55</v>
      </c>
      <c r="B72" s="27">
        <v>13</v>
      </c>
      <c r="C72" s="28">
        <v>20</v>
      </c>
      <c r="D72" s="29">
        <v>33</v>
      </c>
    </row>
    <row r="73" spans="1:4" ht="18" customHeight="1" x14ac:dyDescent="0.2">
      <c r="A73" s="31">
        <v>56</v>
      </c>
      <c r="B73" s="27">
        <v>23</v>
      </c>
      <c r="C73" s="28">
        <v>33</v>
      </c>
      <c r="D73" s="29">
        <v>56</v>
      </c>
    </row>
    <row r="74" spans="1:4" ht="18" customHeight="1" x14ac:dyDescent="0.2">
      <c r="A74" s="31">
        <v>57</v>
      </c>
      <c r="B74" s="27">
        <v>29</v>
      </c>
      <c r="C74" s="28">
        <v>24</v>
      </c>
      <c r="D74" s="29">
        <v>53</v>
      </c>
    </row>
    <row r="75" spans="1:4" ht="18" customHeight="1" x14ac:dyDescent="0.2">
      <c r="A75" s="31">
        <v>58</v>
      </c>
      <c r="B75" s="27">
        <v>31</v>
      </c>
      <c r="C75" s="28">
        <v>33</v>
      </c>
      <c r="D75" s="29">
        <v>64</v>
      </c>
    </row>
    <row r="76" spans="1:4" ht="18" customHeight="1" x14ac:dyDescent="0.2">
      <c r="A76" s="31">
        <v>59</v>
      </c>
      <c r="B76" s="27">
        <v>36</v>
      </c>
      <c r="C76" s="28">
        <v>41</v>
      </c>
      <c r="D76" s="29">
        <v>77</v>
      </c>
    </row>
    <row r="77" spans="1:4" ht="18" customHeight="1" x14ac:dyDescent="0.2">
      <c r="A77" s="31" t="s">
        <v>78</v>
      </c>
      <c r="B77" s="27">
        <v>132</v>
      </c>
      <c r="C77" s="28">
        <v>151</v>
      </c>
      <c r="D77" s="29">
        <v>283</v>
      </c>
    </row>
    <row r="78" spans="1:4" ht="18" customHeight="1" x14ac:dyDescent="0.2">
      <c r="A78" s="31">
        <v>60</v>
      </c>
      <c r="B78" s="27">
        <v>25</v>
      </c>
      <c r="C78" s="28">
        <v>37</v>
      </c>
      <c r="D78" s="29">
        <v>62</v>
      </c>
    </row>
    <row r="79" spans="1:4" ht="18" customHeight="1" x14ac:dyDescent="0.2">
      <c r="A79" s="31">
        <v>61</v>
      </c>
      <c r="B79" s="27">
        <v>47</v>
      </c>
      <c r="C79" s="28">
        <v>24</v>
      </c>
      <c r="D79" s="29">
        <v>71</v>
      </c>
    </row>
    <row r="80" spans="1:4" ht="18" customHeight="1" x14ac:dyDescent="0.2">
      <c r="A80" s="31">
        <v>62</v>
      </c>
      <c r="B80" s="27">
        <v>36</v>
      </c>
      <c r="C80" s="28">
        <v>34</v>
      </c>
      <c r="D80" s="29">
        <v>70</v>
      </c>
    </row>
    <row r="81" spans="1:4" ht="18" customHeight="1" x14ac:dyDescent="0.2">
      <c r="A81" s="31">
        <v>63</v>
      </c>
      <c r="B81" s="27">
        <v>15</v>
      </c>
      <c r="C81" s="28">
        <v>15</v>
      </c>
      <c r="D81" s="29">
        <v>30</v>
      </c>
    </row>
    <row r="82" spans="1:4" ht="18" customHeight="1" x14ac:dyDescent="0.2">
      <c r="A82" s="31">
        <v>64</v>
      </c>
      <c r="B82" s="27">
        <v>29</v>
      </c>
      <c r="C82" s="28">
        <v>33</v>
      </c>
      <c r="D82" s="29">
        <v>62</v>
      </c>
    </row>
    <row r="83" spans="1:4" ht="18" customHeight="1" x14ac:dyDescent="0.2">
      <c r="A83" s="31" t="s">
        <v>79</v>
      </c>
      <c r="B83" s="27">
        <v>152</v>
      </c>
      <c r="C83" s="28">
        <v>143</v>
      </c>
      <c r="D83" s="29">
        <v>295</v>
      </c>
    </row>
    <row r="84" spans="1:4" ht="18" customHeight="1" x14ac:dyDescent="0.2">
      <c r="A84" s="31" t="s">
        <v>80</v>
      </c>
      <c r="B84" s="27">
        <v>977</v>
      </c>
      <c r="C84" s="28">
        <v>979</v>
      </c>
      <c r="D84" s="29">
        <v>1956</v>
      </c>
    </row>
    <row r="85" spans="1:4" ht="18" customHeight="1" x14ac:dyDescent="0.2">
      <c r="A85" s="31">
        <v>65</v>
      </c>
      <c r="B85" s="27">
        <v>25</v>
      </c>
      <c r="C85" s="28">
        <v>35</v>
      </c>
      <c r="D85" s="29">
        <v>60</v>
      </c>
    </row>
    <row r="86" spans="1:4" ht="18" customHeight="1" x14ac:dyDescent="0.2">
      <c r="A86" s="31">
        <v>66</v>
      </c>
      <c r="B86" s="27">
        <v>23</v>
      </c>
      <c r="C86" s="28">
        <v>30</v>
      </c>
      <c r="D86" s="29">
        <v>53</v>
      </c>
    </row>
    <row r="87" spans="1:4" ht="18" customHeight="1" x14ac:dyDescent="0.2">
      <c r="A87" s="31">
        <v>67</v>
      </c>
      <c r="B87" s="27">
        <v>19</v>
      </c>
      <c r="C87" s="28">
        <v>19</v>
      </c>
      <c r="D87" s="29">
        <v>38</v>
      </c>
    </row>
    <row r="88" spans="1:4" ht="18" customHeight="1" x14ac:dyDescent="0.2">
      <c r="A88" s="31">
        <v>68</v>
      </c>
      <c r="B88" s="27">
        <v>18</v>
      </c>
      <c r="C88" s="28">
        <v>28</v>
      </c>
      <c r="D88" s="29">
        <v>46</v>
      </c>
    </row>
    <row r="89" spans="1:4" ht="18" customHeight="1" x14ac:dyDescent="0.2">
      <c r="A89" s="31">
        <v>69</v>
      </c>
      <c r="B89" s="27">
        <v>22</v>
      </c>
      <c r="C89" s="28">
        <v>23</v>
      </c>
      <c r="D89" s="29">
        <v>45</v>
      </c>
    </row>
    <row r="90" spans="1:4" ht="18" customHeight="1" x14ac:dyDescent="0.2">
      <c r="A90" s="31" t="s">
        <v>81</v>
      </c>
      <c r="B90" s="27">
        <v>107</v>
      </c>
      <c r="C90" s="28">
        <v>135</v>
      </c>
      <c r="D90" s="29">
        <v>242</v>
      </c>
    </row>
    <row r="91" spans="1:4" ht="18" customHeight="1" x14ac:dyDescent="0.2">
      <c r="A91" s="31">
        <v>70</v>
      </c>
      <c r="B91" s="27">
        <v>23</v>
      </c>
      <c r="C91" s="28">
        <v>16</v>
      </c>
      <c r="D91" s="29">
        <v>39</v>
      </c>
    </row>
    <row r="92" spans="1:4" ht="18" customHeight="1" x14ac:dyDescent="0.2">
      <c r="A92" s="31">
        <v>71</v>
      </c>
      <c r="B92" s="27">
        <v>15</v>
      </c>
      <c r="C92" s="28">
        <v>32</v>
      </c>
      <c r="D92" s="29">
        <v>47</v>
      </c>
    </row>
    <row r="93" spans="1:4" ht="18" customHeight="1" x14ac:dyDescent="0.2">
      <c r="A93" s="31">
        <v>72</v>
      </c>
      <c r="B93" s="27">
        <v>28</v>
      </c>
      <c r="C93" s="28">
        <v>30</v>
      </c>
      <c r="D93" s="29">
        <v>58</v>
      </c>
    </row>
    <row r="94" spans="1:4" ht="18" customHeight="1" x14ac:dyDescent="0.2">
      <c r="A94" s="31">
        <v>73</v>
      </c>
      <c r="B94" s="27">
        <v>20</v>
      </c>
      <c r="C94" s="28">
        <v>25</v>
      </c>
      <c r="D94" s="29">
        <v>45</v>
      </c>
    </row>
    <row r="95" spans="1:4" ht="18" customHeight="1" x14ac:dyDescent="0.2">
      <c r="A95" s="31">
        <v>74</v>
      </c>
      <c r="B95" s="27">
        <v>21</v>
      </c>
      <c r="C95" s="28">
        <v>25</v>
      </c>
      <c r="D95" s="29">
        <v>46</v>
      </c>
    </row>
    <row r="96" spans="1:4" ht="18" customHeight="1" x14ac:dyDescent="0.2">
      <c r="A96" s="31" t="s">
        <v>82</v>
      </c>
      <c r="B96" s="27">
        <v>107</v>
      </c>
      <c r="C96" s="28">
        <v>128</v>
      </c>
      <c r="D96" s="29">
        <v>235</v>
      </c>
    </row>
    <row r="97" spans="1:4" ht="18" customHeight="1" x14ac:dyDescent="0.2">
      <c r="A97" s="31">
        <v>75</v>
      </c>
      <c r="B97" s="27">
        <v>25</v>
      </c>
      <c r="C97" s="28">
        <v>35</v>
      </c>
      <c r="D97" s="29">
        <v>60</v>
      </c>
    </row>
    <row r="98" spans="1:4" ht="18" customHeight="1" x14ac:dyDescent="0.2">
      <c r="A98" s="31">
        <v>76</v>
      </c>
      <c r="B98" s="27">
        <v>17</v>
      </c>
      <c r="C98" s="28">
        <v>26</v>
      </c>
      <c r="D98" s="29">
        <v>43</v>
      </c>
    </row>
    <row r="99" spans="1:4" ht="18" customHeight="1" x14ac:dyDescent="0.2">
      <c r="A99" s="31">
        <v>77</v>
      </c>
      <c r="B99" s="27">
        <v>17</v>
      </c>
      <c r="C99" s="28">
        <v>26</v>
      </c>
      <c r="D99" s="29">
        <v>43</v>
      </c>
    </row>
    <row r="100" spans="1:4" ht="18" customHeight="1" x14ac:dyDescent="0.2">
      <c r="A100" s="31">
        <v>78</v>
      </c>
      <c r="B100" s="27">
        <v>25</v>
      </c>
      <c r="C100" s="28">
        <v>21</v>
      </c>
      <c r="D100" s="29">
        <v>46</v>
      </c>
    </row>
    <row r="101" spans="1:4" ht="18" customHeight="1" x14ac:dyDescent="0.2">
      <c r="A101" s="31">
        <v>79</v>
      </c>
      <c r="B101" s="27">
        <v>11</v>
      </c>
      <c r="C101" s="28">
        <v>15</v>
      </c>
      <c r="D101" s="29">
        <v>26</v>
      </c>
    </row>
    <row r="102" spans="1:4" ht="18" customHeight="1" x14ac:dyDescent="0.2">
      <c r="A102" s="31" t="s">
        <v>83</v>
      </c>
      <c r="B102" s="27">
        <v>95</v>
      </c>
      <c r="C102" s="28">
        <v>123</v>
      </c>
      <c r="D102" s="29">
        <v>218</v>
      </c>
    </row>
    <row r="103" spans="1:4" ht="18" customHeight="1" x14ac:dyDescent="0.2">
      <c r="A103" s="31">
        <v>80</v>
      </c>
      <c r="B103" s="27">
        <v>14</v>
      </c>
      <c r="C103" s="28">
        <v>18</v>
      </c>
      <c r="D103" s="29">
        <v>32</v>
      </c>
    </row>
    <row r="104" spans="1:4" ht="18" customHeight="1" x14ac:dyDescent="0.2">
      <c r="A104" s="31">
        <v>81</v>
      </c>
      <c r="B104" s="27">
        <v>7</v>
      </c>
      <c r="C104" s="28">
        <v>23</v>
      </c>
      <c r="D104" s="29">
        <v>30</v>
      </c>
    </row>
    <row r="105" spans="1:4" ht="18" customHeight="1" x14ac:dyDescent="0.2">
      <c r="A105" s="31">
        <v>82</v>
      </c>
      <c r="B105" s="27">
        <v>9</v>
      </c>
      <c r="C105" s="28">
        <v>17</v>
      </c>
      <c r="D105" s="29">
        <v>26</v>
      </c>
    </row>
    <row r="106" spans="1:4" ht="18" customHeight="1" x14ac:dyDescent="0.2">
      <c r="A106" s="31">
        <v>83</v>
      </c>
      <c r="B106" s="27">
        <v>9</v>
      </c>
      <c r="C106" s="28">
        <v>22</v>
      </c>
      <c r="D106" s="29">
        <v>31</v>
      </c>
    </row>
    <row r="107" spans="1:4" ht="18" customHeight="1" x14ac:dyDescent="0.2">
      <c r="A107" s="31">
        <v>84</v>
      </c>
      <c r="B107" s="27">
        <v>5</v>
      </c>
      <c r="C107" s="28">
        <v>16</v>
      </c>
      <c r="D107" s="29">
        <v>21</v>
      </c>
    </row>
    <row r="108" spans="1:4" ht="18" customHeight="1" x14ac:dyDescent="0.2">
      <c r="A108" s="31" t="s">
        <v>84</v>
      </c>
      <c r="B108" s="27">
        <v>44</v>
      </c>
      <c r="C108" s="28">
        <v>96</v>
      </c>
      <c r="D108" s="29">
        <v>140</v>
      </c>
    </row>
    <row r="109" spans="1:4" ht="18" customHeight="1" x14ac:dyDescent="0.2">
      <c r="A109" s="31">
        <v>85</v>
      </c>
      <c r="B109" s="27">
        <v>6</v>
      </c>
      <c r="C109" s="28">
        <v>17</v>
      </c>
      <c r="D109" s="29">
        <v>23</v>
      </c>
    </row>
    <row r="110" spans="1:4" ht="18" customHeight="1" x14ac:dyDescent="0.2">
      <c r="A110" s="31">
        <v>86</v>
      </c>
      <c r="B110" s="27">
        <v>7</v>
      </c>
      <c r="C110" s="28">
        <v>17</v>
      </c>
      <c r="D110" s="29">
        <v>24</v>
      </c>
    </row>
    <row r="111" spans="1:4" ht="18" customHeight="1" x14ac:dyDescent="0.2">
      <c r="A111" s="31">
        <v>87</v>
      </c>
      <c r="B111" s="27">
        <v>3</v>
      </c>
      <c r="C111" s="28">
        <v>13</v>
      </c>
      <c r="D111" s="29">
        <v>16</v>
      </c>
    </row>
    <row r="112" spans="1:4" ht="18" customHeight="1" x14ac:dyDescent="0.2">
      <c r="A112" s="31">
        <v>88</v>
      </c>
      <c r="B112" s="27">
        <v>3</v>
      </c>
      <c r="C112" s="28">
        <v>8</v>
      </c>
      <c r="D112" s="29">
        <v>11</v>
      </c>
    </row>
    <row r="113" spans="1:4" ht="18" customHeight="1" x14ac:dyDescent="0.2">
      <c r="A113" s="31">
        <v>89</v>
      </c>
      <c r="B113" s="27">
        <v>1</v>
      </c>
      <c r="C113" s="28">
        <v>6</v>
      </c>
      <c r="D113" s="29">
        <v>7</v>
      </c>
    </row>
    <row r="114" spans="1:4" ht="18" customHeight="1" x14ac:dyDescent="0.2">
      <c r="A114" s="31" t="s">
        <v>85</v>
      </c>
      <c r="B114" s="27">
        <v>20</v>
      </c>
      <c r="C114" s="28">
        <v>61</v>
      </c>
      <c r="D114" s="29">
        <v>81</v>
      </c>
    </row>
    <row r="115" spans="1:4" ht="18" customHeight="1" x14ac:dyDescent="0.2">
      <c r="A115" s="31">
        <v>90</v>
      </c>
      <c r="B115" s="27">
        <v>1</v>
      </c>
      <c r="C115" s="28">
        <v>7</v>
      </c>
      <c r="D115" s="29">
        <v>8</v>
      </c>
    </row>
    <row r="116" spans="1:4" ht="18" customHeight="1" x14ac:dyDescent="0.2">
      <c r="A116" s="31">
        <v>91</v>
      </c>
      <c r="B116" s="27">
        <v>4</v>
      </c>
      <c r="C116" s="28">
        <v>5</v>
      </c>
      <c r="D116" s="29">
        <v>9</v>
      </c>
    </row>
    <row r="117" spans="1:4" ht="18" customHeight="1" x14ac:dyDescent="0.2">
      <c r="A117" s="31">
        <v>92</v>
      </c>
      <c r="B117" s="27">
        <v>1</v>
      </c>
      <c r="C117" s="28">
        <v>10</v>
      </c>
      <c r="D117" s="29">
        <v>11</v>
      </c>
    </row>
    <row r="118" spans="1:4" ht="18" customHeight="1" x14ac:dyDescent="0.2">
      <c r="A118" s="31">
        <v>93</v>
      </c>
      <c r="B118" s="27">
        <v>0</v>
      </c>
      <c r="C118" s="28">
        <v>9</v>
      </c>
      <c r="D118" s="29">
        <v>9</v>
      </c>
    </row>
    <row r="119" spans="1:4" ht="18" customHeight="1" x14ac:dyDescent="0.2">
      <c r="A119" s="31">
        <v>94</v>
      </c>
      <c r="B119" s="27">
        <v>0</v>
      </c>
      <c r="C119" s="28">
        <v>6</v>
      </c>
      <c r="D119" s="29">
        <v>6</v>
      </c>
    </row>
    <row r="120" spans="1:4" ht="18" customHeight="1" x14ac:dyDescent="0.2">
      <c r="A120" s="31" t="s">
        <v>86</v>
      </c>
      <c r="B120" s="27">
        <v>6</v>
      </c>
      <c r="C120" s="28">
        <v>37</v>
      </c>
      <c r="D120" s="29">
        <v>43</v>
      </c>
    </row>
    <row r="121" spans="1:4" ht="18" customHeight="1" x14ac:dyDescent="0.2">
      <c r="A121" s="31">
        <v>95</v>
      </c>
      <c r="B121" s="27">
        <v>1</v>
      </c>
      <c r="C121" s="28">
        <v>7</v>
      </c>
      <c r="D121" s="29">
        <v>8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1</v>
      </c>
      <c r="C123" s="28">
        <v>3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87</v>
      </c>
      <c r="B126" s="27">
        <v>3</v>
      </c>
      <c r="C126" s="28">
        <v>15</v>
      </c>
      <c r="D126" s="29">
        <v>1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382</v>
      </c>
      <c r="C130" s="5">
        <v>595</v>
      </c>
      <c r="D130" s="6">
        <v>977</v>
      </c>
    </row>
    <row r="131" spans="1:4" ht="18" customHeight="1" x14ac:dyDescent="0.2">
      <c r="A131" s="33" t="s">
        <v>65</v>
      </c>
      <c r="B131" s="7">
        <v>1571</v>
      </c>
      <c r="C131" s="8">
        <v>1782</v>
      </c>
      <c r="D131" s="9">
        <v>335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4" ht="18" customHeight="1" x14ac:dyDescent="0.2">
      <c r="A6" s="31">
        <v>1</v>
      </c>
      <c r="B6" s="35">
        <v>1</v>
      </c>
      <c r="C6" s="28">
        <v>3</v>
      </c>
      <c r="D6" s="29">
        <v>4</v>
      </c>
    </row>
    <row r="7" spans="1:4" ht="18" customHeight="1" x14ac:dyDescent="0.2">
      <c r="A7" s="31">
        <v>2</v>
      </c>
      <c r="B7" s="35">
        <v>1</v>
      </c>
      <c r="C7" s="28">
        <v>3</v>
      </c>
      <c r="D7" s="29">
        <v>4</v>
      </c>
    </row>
    <row r="8" spans="1:4" ht="18" customHeight="1" x14ac:dyDescent="0.2">
      <c r="A8" s="31">
        <v>3</v>
      </c>
      <c r="B8" s="35">
        <v>3</v>
      </c>
      <c r="C8" s="28">
        <v>3</v>
      </c>
      <c r="D8" s="29">
        <v>6</v>
      </c>
    </row>
    <row r="9" spans="1:4" ht="18" customHeight="1" x14ac:dyDescent="0.2">
      <c r="A9" s="31">
        <v>4</v>
      </c>
      <c r="B9" s="36">
        <v>6</v>
      </c>
      <c r="C9" s="38">
        <v>2</v>
      </c>
      <c r="D9" s="40">
        <v>8</v>
      </c>
    </row>
    <row r="10" spans="1:4" ht="18" customHeight="1" x14ac:dyDescent="0.2">
      <c r="A10" s="31" t="s">
        <v>66</v>
      </c>
      <c r="B10" s="27">
        <v>12</v>
      </c>
      <c r="C10" s="28">
        <v>12</v>
      </c>
      <c r="D10" s="29">
        <v>24</v>
      </c>
    </row>
    <row r="11" spans="1:4" ht="18" customHeight="1" x14ac:dyDescent="0.2">
      <c r="A11" s="31">
        <v>5</v>
      </c>
      <c r="B11" s="35">
        <v>0</v>
      </c>
      <c r="C11" s="28">
        <v>4</v>
      </c>
      <c r="D11" s="29">
        <v>4</v>
      </c>
    </row>
    <row r="12" spans="1:4" ht="18" customHeight="1" x14ac:dyDescent="0.2">
      <c r="A12" s="31">
        <v>6</v>
      </c>
      <c r="B12" s="35">
        <v>4</v>
      </c>
      <c r="C12" s="28">
        <v>2</v>
      </c>
      <c r="D12" s="29">
        <v>6</v>
      </c>
    </row>
    <row r="13" spans="1:4" ht="18" customHeight="1" x14ac:dyDescent="0.2">
      <c r="A13" s="31">
        <v>7</v>
      </c>
      <c r="B13" s="35">
        <v>4</v>
      </c>
      <c r="C13" s="28">
        <v>2</v>
      </c>
      <c r="D13" s="29">
        <v>6</v>
      </c>
    </row>
    <row r="14" spans="1:4" ht="18" customHeight="1" x14ac:dyDescent="0.2">
      <c r="A14" s="31">
        <v>8</v>
      </c>
      <c r="B14" s="35">
        <v>1</v>
      </c>
      <c r="C14" s="28">
        <v>2</v>
      </c>
      <c r="D14" s="29">
        <v>3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9</v>
      </c>
      <c r="C16" s="28">
        <v>10</v>
      </c>
      <c r="D16" s="29">
        <v>19</v>
      </c>
    </row>
    <row r="17" spans="1:4" ht="18" customHeight="1" x14ac:dyDescent="0.2">
      <c r="A17" s="31">
        <v>10</v>
      </c>
      <c r="B17" s="27">
        <v>1</v>
      </c>
      <c r="C17" s="28">
        <v>3</v>
      </c>
      <c r="D17" s="29">
        <v>4</v>
      </c>
    </row>
    <row r="18" spans="1:4" ht="18" customHeight="1" x14ac:dyDescent="0.2">
      <c r="A18" s="31">
        <v>11</v>
      </c>
      <c r="B18" s="27">
        <v>4</v>
      </c>
      <c r="C18" s="28">
        <v>2</v>
      </c>
      <c r="D18" s="29">
        <v>6</v>
      </c>
    </row>
    <row r="19" spans="1:4" ht="18" customHeight="1" x14ac:dyDescent="0.2">
      <c r="A19" s="31">
        <v>12</v>
      </c>
      <c r="B19" s="27">
        <v>4</v>
      </c>
      <c r="C19" s="28">
        <v>2</v>
      </c>
      <c r="D19" s="29">
        <v>6</v>
      </c>
    </row>
    <row r="20" spans="1:4" ht="18" customHeight="1" x14ac:dyDescent="0.2">
      <c r="A20" s="31">
        <v>13</v>
      </c>
      <c r="B20" s="27">
        <v>7</v>
      </c>
      <c r="C20" s="28">
        <v>1</v>
      </c>
      <c r="D20" s="29">
        <v>8</v>
      </c>
    </row>
    <row r="21" spans="1:4" ht="18" customHeight="1" x14ac:dyDescent="0.2">
      <c r="A21" s="31">
        <v>14</v>
      </c>
      <c r="B21" s="27">
        <v>3</v>
      </c>
      <c r="C21" s="28">
        <v>3</v>
      </c>
      <c r="D21" s="29">
        <v>6</v>
      </c>
    </row>
    <row r="22" spans="1:4" ht="18" customHeight="1" x14ac:dyDescent="0.2">
      <c r="A22" s="31" t="s">
        <v>68</v>
      </c>
      <c r="B22" s="27">
        <v>19</v>
      </c>
      <c r="C22" s="28">
        <v>11</v>
      </c>
      <c r="D22" s="29">
        <v>30</v>
      </c>
    </row>
    <row r="23" spans="1:4" ht="18" customHeight="1" x14ac:dyDescent="0.2">
      <c r="A23" s="31" t="s">
        <v>69</v>
      </c>
      <c r="B23" s="27">
        <v>40</v>
      </c>
      <c r="C23" s="28">
        <v>33</v>
      </c>
      <c r="D23" s="29">
        <v>73</v>
      </c>
    </row>
    <row r="24" spans="1:4" ht="18" customHeight="1" x14ac:dyDescent="0.2">
      <c r="A24" s="31">
        <v>15</v>
      </c>
      <c r="B24" s="27">
        <v>4</v>
      </c>
      <c r="C24" s="28">
        <v>4</v>
      </c>
      <c r="D24" s="29">
        <v>8</v>
      </c>
    </row>
    <row r="25" spans="1:4" ht="18" customHeight="1" x14ac:dyDescent="0.2">
      <c r="A25" s="31">
        <v>16</v>
      </c>
      <c r="B25" s="27">
        <v>7</v>
      </c>
      <c r="C25" s="28">
        <v>5</v>
      </c>
      <c r="D25" s="29">
        <v>12</v>
      </c>
    </row>
    <row r="26" spans="1:4" ht="18" customHeight="1" x14ac:dyDescent="0.2">
      <c r="A26" s="31">
        <v>17</v>
      </c>
      <c r="B26" s="27">
        <v>2</v>
      </c>
      <c r="C26" s="28">
        <v>4</v>
      </c>
      <c r="D26" s="29">
        <v>6</v>
      </c>
    </row>
    <row r="27" spans="1:4" ht="18" customHeight="1" x14ac:dyDescent="0.2">
      <c r="A27" s="31">
        <v>18</v>
      </c>
      <c r="B27" s="27">
        <v>6</v>
      </c>
      <c r="C27" s="28">
        <v>4</v>
      </c>
      <c r="D27" s="29">
        <v>10</v>
      </c>
    </row>
    <row r="28" spans="1:4" ht="18" customHeight="1" x14ac:dyDescent="0.2">
      <c r="A28" s="31">
        <v>19</v>
      </c>
      <c r="B28" s="27">
        <v>4</v>
      </c>
      <c r="C28" s="28">
        <v>6</v>
      </c>
      <c r="D28" s="29">
        <v>10</v>
      </c>
    </row>
    <row r="29" spans="1:4" ht="18" customHeight="1" x14ac:dyDescent="0.2">
      <c r="A29" s="31" t="s">
        <v>70</v>
      </c>
      <c r="B29" s="27">
        <v>23</v>
      </c>
      <c r="C29" s="28">
        <v>23</v>
      </c>
      <c r="D29" s="29">
        <v>46</v>
      </c>
    </row>
    <row r="30" spans="1:4" ht="18" customHeight="1" x14ac:dyDescent="0.2">
      <c r="A30" s="31">
        <v>20</v>
      </c>
      <c r="B30" s="27">
        <v>7</v>
      </c>
      <c r="C30" s="28">
        <v>4</v>
      </c>
      <c r="D30" s="29">
        <v>11</v>
      </c>
    </row>
    <row r="31" spans="1:4" ht="18" customHeight="1" x14ac:dyDescent="0.2">
      <c r="A31" s="31">
        <v>21</v>
      </c>
      <c r="B31" s="27">
        <v>3</v>
      </c>
      <c r="C31" s="28">
        <v>6</v>
      </c>
      <c r="D31" s="29">
        <v>9</v>
      </c>
    </row>
    <row r="32" spans="1:4" ht="18" customHeight="1" x14ac:dyDescent="0.2">
      <c r="A32" s="31">
        <v>22</v>
      </c>
      <c r="B32" s="27">
        <v>7</v>
      </c>
      <c r="C32" s="28">
        <v>2</v>
      </c>
      <c r="D32" s="29">
        <v>9</v>
      </c>
    </row>
    <row r="33" spans="1:4" ht="18" customHeight="1" x14ac:dyDescent="0.2">
      <c r="A33" s="31">
        <v>23</v>
      </c>
      <c r="B33" s="27">
        <v>3</v>
      </c>
      <c r="C33" s="28">
        <v>10</v>
      </c>
      <c r="D33" s="29">
        <v>13</v>
      </c>
    </row>
    <row r="34" spans="1:4" ht="18" customHeight="1" x14ac:dyDescent="0.2">
      <c r="A34" s="31">
        <v>24</v>
      </c>
      <c r="B34" s="27">
        <v>12</v>
      </c>
      <c r="C34" s="28">
        <v>5</v>
      </c>
      <c r="D34" s="29">
        <v>17</v>
      </c>
    </row>
    <row r="35" spans="1:4" ht="18" customHeight="1" x14ac:dyDescent="0.2">
      <c r="A35" s="31" t="s">
        <v>71</v>
      </c>
      <c r="B35" s="27">
        <v>32</v>
      </c>
      <c r="C35" s="28">
        <v>27</v>
      </c>
      <c r="D35" s="29">
        <v>59</v>
      </c>
    </row>
    <row r="36" spans="1:4" ht="18" customHeight="1" x14ac:dyDescent="0.2">
      <c r="A36" s="31">
        <v>25</v>
      </c>
      <c r="B36" s="27">
        <v>6</v>
      </c>
      <c r="C36" s="28">
        <v>9</v>
      </c>
      <c r="D36" s="29">
        <v>15</v>
      </c>
    </row>
    <row r="37" spans="1:4" ht="18" customHeight="1" x14ac:dyDescent="0.2">
      <c r="A37" s="31">
        <v>26</v>
      </c>
      <c r="B37" s="27">
        <v>5</v>
      </c>
      <c r="C37" s="28">
        <v>6</v>
      </c>
      <c r="D37" s="29">
        <v>11</v>
      </c>
    </row>
    <row r="38" spans="1:4" ht="18" customHeight="1" x14ac:dyDescent="0.2">
      <c r="A38" s="31">
        <v>27</v>
      </c>
      <c r="B38" s="27">
        <v>2</v>
      </c>
      <c r="C38" s="28">
        <v>3</v>
      </c>
      <c r="D38" s="29">
        <v>5</v>
      </c>
    </row>
    <row r="39" spans="1:4" ht="18" customHeight="1" x14ac:dyDescent="0.2">
      <c r="A39" s="31">
        <v>28</v>
      </c>
      <c r="B39" s="27">
        <v>4</v>
      </c>
      <c r="C39" s="28">
        <v>1</v>
      </c>
      <c r="D39" s="29">
        <v>5</v>
      </c>
    </row>
    <row r="40" spans="1:4" ht="18" customHeight="1" x14ac:dyDescent="0.2">
      <c r="A40" s="31">
        <v>29</v>
      </c>
      <c r="B40" s="27">
        <v>5</v>
      </c>
      <c r="C40" s="28">
        <v>6</v>
      </c>
      <c r="D40" s="29">
        <v>11</v>
      </c>
    </row>
    <row r="41" spans="1:4" ht="18" customHeight="1" x14ac:dyDescent="0.2">
      <c r="A41" s="31" t="s">
        <v>72</v>
      </c>
      <c r="B41" s="27">
        <v>22</v>
      </c>
      <c r="C41" s="28">
        <v>25</v>
      </c>
      <c r="D41" s="29">
        <v>47</v>
      </c>
    </row>
    <row r="42" spans="1:4" ht="18" customHeight="1" x14ac:dyDescent="0.2">
      <c r="A42" s="31">
        <v>30</v>
      </c>
      <c r="B42" s="27">
        <v>3</v>
      </c>
      <c r="C42" s="28">
        <v>4</v>
      </c>
      <c r="D42" s="29">
        <v>7</v>
      </c>
    </row>
    <row r="43" spans="1:4" ht="18" customHeight="1" x14ac:dyDescent="0.2">
      <c r="A43" s="31">
        <v>31</v>
      </c>
      <c r="B43" s="27">
        <v>4</v>
      </c>
      <c r="C43" s="28">
        <v>10</v>
      </c>
      <c r="D43" s="29">
        <v>14</v>
      </c>
    </row>
    <row r="44" spans="1:4" ht="18" customHeight="1" x14ac:dyDescent="0.2">
      <c r="A44" s="31">
        <v>32</v>
      </c>
      <c r="B44" s="27">
        <v>6</v>
      </c>
      <c r="C44" s="28">
        <v>0</v>
      </c>
      <c r="D44" s="29">
        <v>6</v>
      </c>
    </row>
    <row r="45" spans="1:4" ht="18" customHeight="1" x14ac:dyDescent="0.2">
      <c r="A45" s="31">
        <v>33</v>
      </c>
      <c r="B45" s="27">
        <v>7</v>
      </c>
      <c r="C45" s="28">
        <v>5</v>
      </c>
      <c r="D45" s="29">
        <v>12</v>
      </c>
    </row>
    <row r="46" spans="1:4" ht="18" customHeight="1" x14ac:dyDescent="0.2">
      <c r="A46" s="31">
        <v>34</v>
      </c>
      <c r="B46" s="27">
        <v>6</v>
      </c>
      <c r="C46" s="28">
        <v>5</v>
      </c>
      <c r="D46" s="29">
        <v>11</v>
      </c>
    </row>
    <row r="47" spans="1:4" ht="18" customHeight="1" x14ac:dyDescent="0.2">
      <c r="A47" s="31" t="s">
        <v>73</v>
      </c>
      <c r="B47" s="27">
        <v>26</v>
      </c>
      <c r="C47" s="28">
        <v>24</v>
      </c>
      <c r="D47" s="29">
        <v>50</v>
      </c>
    </row>
    <row r="48" spans="1:4" ht="18" customHeight="1" x14ac:dyDescent="0.2">
      <c r="A48" s="31">
        <v>35</v>
      </c>
      <c r="B48" s="27">
        <v>3</v>
      </c>
      <c r="C48" s="28">
        <v>4</v>
      </c>
      <c r="D48" s="29">
        <v>7</v>
      </c>
    </row>
    <row r="49" spans="1:4" ht="18" customHeight="1" x14ac:dyDescent="0.2">
      <c r="A49" s="31">
        <v>36</v>
      </c>
      <c r="B49" s="27">
        <v>9</v>
      </c>
      <c r="C49" s="28">
        <v>5</v>
      </c>
      <c r="D49" s="29">
        <v>14</v>
      </c>
    </row>
    <row r="50" spans="1:4" ht="18" customHeight="1" x14ac:dyDescent="0.2">
      <c r="A50" s="31">
        <v>37</v>
      </c>
      <c r="B50" s="27">
        <v>6</v>
      </c>
      <c r="C50" s="28">
        <v>5</v>
      </c>
      <c r="D50" s="29">
        <v>11</v>
      </c>
    </row>
    <row r="51" spans="1:4" ht="18" customHeight="1" x14ac:dyDescent="0.2">
      <c r="A51" s="31">
        <v>38</v>
      </c>
      <c r="B51" s="27">
        <v>5</v>
      </c>
      <c r="C51" s="28">
        <v>2</v>
      </c>
      <c r="D51" s="29">
        <v>7</v>
      </c>
    </row>
    <row r="52" spans="1:4" ht="18" customHeight="1" x14ac:dyDescent="0.2">
      <c r="A52" s="31">
        <v>39</v>
      </c>
      <c r="B52" s="27">
        <v>8</v>
      </c>
      <c r="C52" s="28">
        <v>1</v>
      </c>
      <c r="D52" s="29">
        <v>9</v>
      </c>
    </row>
    <row r="53" spans="1:4" ht="18" customHeight="1" x14ac:dyDescent="0.2">
      <c r="A53" s="31" t="s">
        <v>74</v>
      </c>
      <c r="B53" s="27">
        <v>31</v>
      </c>
      <c r="C53" s="28">
        <v>17</v>
      </c>
      <c r="D53" s="29">
        <v>48</v>
      </c>
    </row>
    <row r="54" spans="1:4" ht="18" customHeight="1" x14ac:dyDescent="0.2">
      <c r="A54" s="31">
        <v>40</v>
      </c>
      <c r="B54" s="27">
        <v>9</v>
      </c>
      <c r="C54" s="28">
        <v>9</v>
      </c>
      <c r="D54" s="29">
        <v>18</v>
      </c>
    </row>
    <row r="55" spans="1:4" ht="18" customHeight="1" x14ac:dyDescent="0.2">
      <c r="A55" s="31">
        <v>41</v>
      </c>
      <c r="B55" s="27">
        <v>4</v>
      </c>
      <c r="C55" s="28">
        <v>6</v>
      </c>
      <c r="D55" s="29">
        <v>10</v>
      </c>
    </row>
    <row r="56" spans="1:4" ht="18" customHeight="1" x14ac:dyDescent="0.2">
      <c r="A56" s="31">
        <v>42</v>
      </c>
      <c r="B56" s="27">
        <v>3</v>
      </c>
      <c r="C56" s="28">
        <v>2</v>
      </c>
      <c r="D56" s="29">
        <v>5</v>
      </c>
    </row>
    <row r="57" spans="1:4" ht="18" customHeight="1" x14ac:dyDescent="0.2">
      <c r="A57" s="31">
        <v>43</v>
      </c>
      <c r="B57" s="27">
        <v>1</v>
      </c>
      <c r="C57" s="28">
        <v>7</v>
      </c>
      <c r="D57" s="29">
        <v>8</v>
      </c>
    </row>
    <row r="58" spans="1:4" ht="18" customHeight="1" x14ac:dyDescent="0.2">
      <c r="A58" s="31">
        <v>44</v>
      </c>
      <c r="B58" s="27">
        <v>3</v>
      </c>
      <c r="C58" s="28">
        <v>6</v>
      </c>
      <c r="D58" s="29">
        <v>9</v>
      </c>
    </row>
    <row r="59" spans="1:4" ht="18" customHeight="1" x14ac:dyDescent="0.2">
      <c r="A59" s="31" t="s">
        <v>75</v>
      </c>
      <c r="B59" s="27">
        <v>20</v>
      </c>
      <c r="C59" s="28">
        <v>30</v>
      </c>
      <c r="D59" s="29">
        <v>50</v>
      </c>
    </row>
    <row r="60" spans="1:4" ht="18" customHeight="1" x14ac:dyDescent="0.2">
      <c r="A60" s="31">
        <v>45</v>
      </c>
      <c r="B60" s="27">
        <v>4</v>
      </c>
      <c r="C60" s="28">
        <v>5</v>
      </c>
      <c r="D60" s="29">
        <v>9</v>
      </c>
    </row>
    <row r="61" spans="1:4" ht="18" customHeight="1" x14ac:dyDescent="0.2">
      <c r="A61" s="31">
        <v>46</v>
      </c>
      <c r="B61" s="27">
        <v>7</v>
      </c>
      <c r="C61" s="28">
        <v>6</v>
      </c>
      <c r="D61" s="29">
        <v>13</v>
      </c>
    </row>
    <row r="62" spans="1:4" ht="18" customHeight="1" x14ac:dyDescent="0.2">
      <c r="A62" s="31">
        <v>47</v>
      </c>
      <c r="B62" s="27">
        <v>9</v>
      </c>
      <c r="C62" s="28">
        <v>7</v>
      </c>
      <c r="D62" s="29">
        <v>16</v>
      </c>
    </row>
    <row r="63" spans="1:4" ht="18" customHeight="1" x14ac:dyDescent="0.2">
      <c r="A63" s="31">
        <v>48</v>
      </c>
      <c r="B63" s="27">
        <v>5</v>
      </c>
      <c r="C63" s="28">
        <v>10</v>
      </c>
      <c r="D63" s="29">
        <v>15</v>
      </c>
    </row>
    <row r="64" spans="1:4" ht="18" customHeight="1" x14ac:dyDescent="0.2">
      <c r="A64" s="31">
        <v>49</v>
      </c>
      <c r="B64" s="27">
        <v>9</v>
      </c>
      <c r="C64" s="28">
        <v>7</v>
      </c>
      <c r="D64" s="29">
        <v>16</v>
      </c>
    </row>
    <row r="65" spans="1:4" ht="18" customHeight="1" x14ac:dyDescent="0.2">
      <c r="A65" s="31" t="s">
        <v>76</v>
      </c>
      <c r="B65" s="27">
        <v>34</v>
      </c>
      <c r="C65" s="28">
        <v>35</v>
      </c>
      <c r="D65" s="29">
        <v>69</v>
      </c>
    </row>
    <row r="66" spans="1:4" ht="18" customHeight="1" x14ac:dyDescent="0.2">
      <c r="A66" s="31">
        <v>50</v>
      </c>
      <c r="B66" s="27">
        <v>8</v>
      </c>
      <c r="C66" s="28">
        <v>12</v>
      </c>
      <c r="D66" s="29">
        <v>20</v>
      </c>
    </row>
    <row r="67" spans="1:4" ht="18" customHeight="1" x14ac:dyDescent="0.2">
      <c r="A67" s="31">
        <v>51</v>
      </c>
      <c r="B67" s="27">
        <v>9</v>
      </c>
      <c r="C67" s="28">
        <v>6</v>
      </c>
      <c r="D67" s="29">
        <v>15</v>
      </c>
    </row>
    <row r="68" spans="1:4" ht="18" customHeight="1" x14ac:dyDescent="0.2">
      <c r="A68" s="31">
        <v>52</v>
      </c>
      <c r="B68" s="27">
        <v>5</v>
      </c>
      <c r="C68" s="28">
        <v>9</v>
      </c>
      <c r="D68" s="29">
        <v>14</v>
      </c>
    </row>
    <row r="69" spans="1:4" ht="18" customHeight="1" x14ac:dyDescent="0.2">
      <c r="A69" s="31">
        <v>53</v>
      </c>
      <c r="B69" s="27">
        <v>9</v>
      </c>
      <c r="C69" s="28">
        <v>9</v>
      </c>
      <c r="D69" s="29">
        <v>18</v>
      </c>
    </row>
    <row r="70" spans="1:4" ht="18" customHeight="1" x14ac:dyDescent="0.2">
      <c r="A70" s="31">
        <v>54</v>
      </c>
      <c r="B70" s="27">
        <v>13</v>
      </c>
      <c r="C70" s="28">
        <v>10</v>
      </c>
      <c r="D70" s="29">
        <v>23</v>
      </c>
    </row>
    <row r="71" spans="1:4" ht="18" customHeight="1" x14ac:dyDescent="0.2">
      <c r="A71" s="31" t="s">
        <v>77</v>
      </c>
      <c r="B71" s="27">
        <v>44</v>
      </c>
      <c r="C71" s="28">
        <v>46</v>
      </c>
      <c r="D71" s="29">
        <v>90</v>
      </c>
    </row>
    <row r="72" spans="1:4" ht="18" customHeight="1" x14ac:dyDescent="0.2">
      <c r="A72" s="31">
        <v>55</v>
      </c>
      <c r="B72" s="27">
        <v>5</v>
      </c>
      <c r="C72" s="28">
        <v>9</v>
      </c>
      <c r="D72" s="29">
        <v>14</v>
      </c>
    </row>
    <row r="73" spans="1:4" ht="18" customHeight="1" x14ac:dyDescent="0.2">
      <c r="A73" s="31">
        <v>56</v>
      </c>
      <c r="B73" s="27">
        <v>7</v>
      </c>
      <c r="C73" s="28">
        <v>6</v>
      </c>
      <c r="D73" s="29">
        <v>13</v>
      </c>
    </row>
    <row r="74" spans="1:4" ht="18" customHeight="1" x14ac:dyDescent="0.2">
      <c r="A74" s="31">
        <v>57</v>
      </c>
      <c r="B74" s="27">
        <v>2</v>
      </c>
      <c r="C74" s="28">
        <v>10</v>
      </c>
      <c r="D74" s="29">
        <v>12</v>
      </c>
    </row>
    <row r="75" spans="1:4" ht="18" customHeight="1" x14ac:dyDescent="0.2">
      <c r="A75" s="31">
        <v>58</v>
      </c>
      <c r="B75" s="27">
        <v>11</v>
      </c>
      <c r="C75" s="28">
        <v>12</v>
      </c>
      <c r="D75" s="29">
        <v>23</v>
      </c>
    </row>
    <row r="76" spans="1:4" ht="18" customHeight="1" x14ac:dyDescent="0.2">
      <c r="A76" s="31">
        <v>59</v>
      </c>
      <c r="B76" s="27">
        <v>10</v>
      </c>
      <c r="C76" s="28">
        <v>10</v>
      </c>
      <c r="D76" s="29">
        <v>20</v>
      </c>
    </row>
    <row r="77" spans="1:4" ht="18" customHeight="1" x14ac:dyDescent="0.2">
      <c r="A77" s="31" t="s">
        <v>78</v>
      </c>
      <c r="B77" s="27">
        <v>35</v>
      </c>
      <c r="C77" s="28">
        <v>47</v>
      </c>
      <c r="D77" s="29">
        <v>82</v>
      </c>
    </row>
    <row r="78" spans="1:4" ht="18" customHeight="1" x14ac:dyDescent="0.2">
      <c r="A78" s="31">
        <v>60</v>
      </c>
      <c r="B78" s="27">
        <v>13</v>
      </c>
      <c r="C78" s="28">
        <v>15</v>
      </c>
      <c r="D78" s="29">
        <v>28</v>
      </c>
    </row>
    <row r="79" spans="1:4" ht="18" customHeight="1" x14ac:dyDescent="0.2">
      <c r="A79" s="31">
        <v>61</v>
      </c>
      <c r="B79" s="27">
        <v>12</v>
      </c>
      <c r="C79" s="28">
        <v>9</v>
      </c>
      <c r="D79" s="29">
        <v>21</v>
      </c>
    </row>
    <row r="80" spans="1:4" ht="18" customHeight="1" x14ac:dyDescent="0.2">
      <c r="A80" s="31">
        <v>62</v>
      </c>
      <c r="B80" s="27">
        <v>18</v>
      </c>
      <c r="C80" s="28">
        <v>19</v>
      </c>
      <c r="D80" s="29">
        <v>37</v>
      </c>
    </row>
    <row r="81" spans="1:4" ht="18" customHeight="1" x14ac:dyDescent="0.2">
      <c r="A81" s="31">
        <v>63</v>
      </c>
      <c r="B81" s="27">
        <v>6</v>
      </c>
      <c r="C81" s="28">
        <v>5</v>
      </c>
      <c r="D81" s="29">
        <v>11</v>
      </c>
    </row>
    <row r="82" spans="1:4" ht="18" customHeight="1" x14ac:dyDescent="0.2">
      <c r="A82" s="31">
        <v>64</v>
      </c>
      <c r="B82" s="27">
        <v>5</v>
      </c>
      <c r="C82" s="28">
        <v>11</v>
      </c>
      <c r="D82" s="29">
        <v>16</v>
      </c>
    </row>
    <row r="83" spans="1:4" ht="18" customHeight="1" x14ac:dyDescent="0.2">
      <c r="A83" s="31" t="s">
        <v>79</v>
      </c>
      <c r="B83" s="27">
        <v>54</v>
      </c>
      <c r="C83" s="28">
        <v>59</v>
      </c>
      <c r="D83" s="29">
        <v>113</v>
      </c>
    </row>
    <row r="84" spans="1:4" ht="18" customHeight="1" x14ac:dyDescent="0.2">
      <c r="A84" s="31" t="s">
        <v>80</v>
      </c>
      <c r="B84" s="27">
        <v>321</v>
      </c>
      <c r="C84" s="28">
        <v>333</v>
      </c>
      <c r="D84" s="29">
        <v>654</v>
      </c>
    </row>
    <row r="85" spans="1:4" ht="18" customHeight="1" x14ac:dyDescent="0.2">
      <c r="A85" s="31">
        <v>65</v>
      </c>
      <c r="B85" s="27">
        <v>9</v>
      </c>
      <c r="C85" s="28">
        <v>10</v>
      </c>
      <c r="D85" s="29">
        <v>19</v>
      </c>
    </row>
    <row r="86" spans="1:4" ht="18" customHeight="1" x14ac:dyDescent="0.2">
      <c r="A86" s="31">
        <v>66</v>
      </c>
      <c r="B86" s="27">
        <v>10</v>
      </c>
      <c r="C86" s="28">
        <v>9</v>
      </c>
      <c r="D86" s="29">
        <v>19</v>
      </c>
    </row>
    <row r="87" spans="1:4" ht="18" customHeight="1" x14ac:dyDescent="0.2">
      <c r="A87" s="31">
        <v>67</v>
      </c>
      <c r="B87" s="27">
        <v>6</v>
      </c>
      <c r="C87" s="28">
        <v>15</v>
      </c>
      <c r="D87" s="29">
        <v>21</v>
      </c>
    </row>
    <row r="88" spans="1:4" ht="18" customHeight="1" x14ac:dyDescent="0.2">
      <c r="A88" s="31">
        <v>68</v>
      </c>
      <c r="B88" s="27">
        <v>11</v>
      </c>
      <c r="C88" s="28">
        <v>11</v>
      </c>
      <c r="D88" s="29">
        <v>22</v>
      </c>
    </row>
    <row r="89" spans="1:4" ht="18" customHeight="1" x14ac:dyDescent="0.2">
      <c r="A89" s="31">
        <v>69</v>
      </c>
      <c r="B89" s="27">
        <v>11</v>
      </c>
      <c r="C89" s="28">
        <v>11</v>
      </c>
      <c r="D89" s="29">
        <v>22</v>
      </c>
    </row>
    <row r="90" spans="1:4" ht="18" customHeight="1" x14ac:dyDescent="0.2">
      <c r="A90" s="31" t="s">
        <v>81</v>
      </c>
      <c r="B90" s="27">
        <v>47</v>
      </c>
      <c r="C90" s="28">
        <v>56</v>
      </c>
      <c r="D90" s="29">
        <v>103</v>
      </c>
    </row>
    <row r="91" spans="1:4" ht="18" customHeight="1" x14ac:dyDescent="0.2">
      <c r="A91" s="31">
        <v>70</v>
      </c>
      <c r="B91" s="27">
        <v>6</v>
      </c>
      <c r="C91" s="28">
        <v>11</v>
      </c>
      <c r="D91" s="29">
        <v>17</v>
      </c>
    </row>
    <row r="92" spans="1:4" ht="18" customHeight="1" x14ac:dyDescent="0.2">
      <c r="A92" s="31">
        <v>71</v>
      </c>
      <c r="B92" s="27">
        <v>13</v>
      </c>
      <c r="C92" s="28">
        <v>12</v>
      </c>
      <c r="D92" s="29">
        <v>25</v>
      </c>
    </row>
    <row r="93" spans="1:4" ht="18" customHeight="1" x14ac:dyDescent="0.2">
      <c r="A93" s="31">
        <v>72</v>
      </c>
      <c r="B93" s="27">
        <v>13</v>
      </c>
      <c r="C93" s="28">
        <v>10</v>
      </c>
      <c r="D93" s="29">
        <v>23</v>
      </c>
    </row>
    <row r="94" spans="1:4" ht="18" customHeight="1" x14ac:dyDescent="0.2">
      <c r="A94" s="31">
        <v>73</v>
      </c>
      <c r="B94" s="27">
        <v>4</v>
      </c>
      <c r="C94" s="28">
        <v>14</v>
      </c>
      <c r="D94" s="29">
        <v>18</v>
      </c>
    </row>
    <row r="95" spans="1:4" ht="18" customHeight="1" x14ac:dyDescent="0.2">
      <c r="A95" s="31">
        <v>74</v>
      </c>
      <c r="B95" s="27">
        <v>13</v>
      </c>
      <c r="C95" s="28">
        <v>11</v>
      </c>
      <c r="D95" s="29">
        <v>24</v>
      </c>
    </row>
    <row r="96" spans="1:4" ht="18" customHeight="1" x14ac:dyDescent="0.2">
      <c r="A96" s="31" t="s">
        <v>82</v>
      </c>
      <c r="B96" s="27">
        <v>49</v>
      </c>
      <c r="C96" s="28">
        <v>58</v>
      </c>
      <c r="D96" s="29">
        <v>107</v>
      </c>
    </row>
    <row r="97" spans="1:4" ht="18" customHeight="1" x14ac:dyDescent="0.2">
      <c r="A97" s="31">
        <v>75</v>
      </c>
      <c r="B97" s="27">
        <v>16</v>
      </c>
      <c r="C97" s="28">
        <v>17</v>
      </c>
      <c r="D97" s="29">
        <v>33</v>
      </c>
    </row>
    <row r="98" spans="1:4" ht="18" customHeight="1" x14ac:dyDescent="0.2">
      <c r="A98" s="31">
        <v>76</v>
      </c>
      <c r="B98" s="27">
        <v>10</v>
      </c>
      <c r="C98" s="28">
        <v>13</v>
      </c>
      <c r="D98" s="29">
        <v>23</v>
      </c>
    </row>
    <row r="99" spans="1:4" ht="18" customHeight="1" x14ac:dyDescent="0.2">
      <c r="A99" s="31">
        <v>77</v>
      </c>
      <c r="B99" s="27">
        <v>9</v>
      </c>
      <c r="C99" s="28">
        <v>12</v>
      </c>
      <c r="D99" s="29">
        <v>21</v>
      </c>
    </row>
    <row r="100" spans="1:4" ht="18" customHeight="1" x14ac:dyDescent="0.2">
      <c r="A100" s="31">
        <v>78</v>
      </c>
      <c r="B100" s="27">
        <v>12</v>
      </c>
      <c r="C100" s="28">
        <v>12</v>
      </c>
      <c r="D100" s="29">
        <v>24</v>
      </c>
    </row>
    <row r="101" spans="1:4" ht="18" customHeight="1" x14ac:dyDescent="0.2">
      <c r="A101" s="31">
        <v>79</v>
      </c>
      <c r="B101" s="27">
        <v>15</v>
      </c>
      <c r="C101" s="28">
        <v>13</v>
      </c>
      <c r="D101" s="29">
        <v>28</v>
      </c>
    </row>
    <row r="102" spans="1:4" ht="18" customHeight="1" x14ac:dyDescent="0.2">
      <c r="A102" s="31" t="s">
        <v>83</v>
      </c>
      <c r="B102" s="27">
        <v>62</v>
      </c>
      <c r="C102" s="28">
        <v>67</v>
      </c>
      <c r="D102" s="29">
        <v>129</v>
      </c>
    </row>
    <row r="103" spans="1:4" ht="18" customHeight="1" x14ac:dyDescent="0.2">
      <c r="A103" s="31">
        <v>80</v>
      </c>
      <c r="B103" s="27">
        <v>11</v>
      </c>
      <c r="C103" s="28">
        <v>9</v>
      </c>
      <c r="D103" s="29">
        <v>20</v>
      </c>
    </row>
    <row r="104" spans="1:4" ht="18" customHeight="1" x14ac:dyDescent="0.2">
      <c r="A104" s="31">
        <v>81</v>
      </c>
      <c r="B104" s="27">
        <v>10</v>
      </c>
      <c r="C104" s="28">
        <v>9</v>
      </c>
      <c r="D104" s="29">
        <v>19</v>
      </c>
    </row>
    <row r="105" spans="1:4" ht="18" customHeight="1" x14ac:dyDescent="0.2">
      <c r="A105" s="31">
        <v>82</v>
      </c>
      <c r="B105" s="27">
        <v>6</v>
      </c>
      <c r="C105" s="28">
        <v>7</v>
      </c>
      <c r="D105" s="29">
        <v>13</v>
      </c>
    </row>
    <row r="106" spans="1:4" ht="18" customHeight="1" x14ac:dyDescent="0.2">
      <c r="A106" s="31">
        <v>83</v>
      </c>
      <c r="B106" s="27">
        <v>3</v>
      </c>
      <c r="C106" s="28">
        <v>9</v>
      </c>
      <c r="D106" s="29">
        <v>12</v>
      </c>
    </row>
    <row r="107" spans="1:4" ht="18" customHeight="1" x14ac:dyDescent="0.2">
      <c r="A107" s="31">
        <v>84</v>
      </c>
      <c r="B107" s="27">
        <v>4</v>
      </c>
      <c r="C107" s="28">
        <v>5</v>
      </c>
      <c r="D107" s="29">
        <v>9</v>
      </c>
    </row>
    <row r="108" spans="1:4" ht="18" customHeight="1" x14ac:dyDescent="0.2">
      <c r="A108" s="31" t="s">
        <v>84</v>
      </c>
      <c r="B108" s="27">
        <v>34</v>
      </c>
      <c r="C108" s="28">
        <v>39</v>
      </c>
      <c r="D108" s="29">
        <v>73</v>
      </c>
    </row>
    <row r="109" spans="1:4" ht="18" customHeight="1" x14ac:dyDescent="0.2">
      <c r="A109" s="31">
        <v>85</v>
      </c>
      <c r="B109" s="27">
        <v>1</v>
      </c>
      <c r="C109" s="28">
        <v>5</v>
      </c>
      <c r="D109" s="29">
        <v>6</v>
      </c>
    </row>
    <row r="110" spans="1:4" ht="18" customHeight="1" x14ac:dyDescent="0.2">
      <c r="A110" s="31">
        <v>86</v>
      </c>
      <c r="B110" s="27">
        <v>3</v>
      </c>
      <c r="C110" s="28">
        <v>7</v>
      </c>
      <c r="D110" s="29">
        <v>10</v>
      </c>
    </row>
    <row r="111" spans="1:4" ht="18" customHeight="1" x14ac:dyDescent="0.2">
      <c r="A111" s="31">
        <v>87</v>
      </c>
      <c r="B111" s="27">
        <v>3</v>
      </c>
      <c r="C111" s="28">
        <v>7</v>
      </c>
      <c r="D111" s="29">
        <v>10</v>
      </c>
    </row>
    <row r="112" spans="1:4" ht="18" customHeight="1" x14ac:dyDescent="0.2">
      <c r="A112" s="31">
        <v>88</v>
      </c>
      <c r="B112" s="27">
        <v>2</v>
      </c>
      <c r="C112" s="28">
        <v>4</v>
      </c>
      <c r="D112" s="29">
        <v>6</v>
      </c>
    </row>
    <row r="113" spans="1:4" ht="18" customHeight="1" x14ac:dyDescent="0.2">
      <c r="A113" s="31">
        <v>89</v>
      </c>
      <c r="B113" s="27">
        <v>1</v>
      </c>
      <c r="C113" s="28">
        <v>5</v>
      </c>
      <c r="D113" s="29">
        <v>6</v>
      </c>
    </row>
    <row r="114" spans="1:4" ht="18" customHeight="1" x14ac:dyDescent="0.2">
      <c r="A114" s="31" t="s">
        <v>85</v>
      </c>
      <c r="B114" s="27">
        <v>10</v>
      </c>
      <c r="C114" s="28">
        <v>28</v>
      </c>
      <c r="D114" s="29">
        <v>38</v>
      </c>
    </row>
    <row r="115" spans="1:4" ht="18" customHeight="1" x14ac:dyDescent="0.2">
      <c r="A115" s="31">
        <v>90</v>
      </c>
      <c r="B115" s="27">
        <v>0</v>
      </c>
      <c r="C115" s="28">
        <v>6</v>
      </c>
      <c r="D115" s="29">
        <v>6</v>
      </c>
    </row>
    <row r="116" spans="1:4" ht="18" customHeight="1" x14ac:dyDescent="0.2">
      <c r="A116" s="31">
        <v>91</v>
      </c>
      <c r="B116" s="27">
        <v>2</v>
      </c>
      <c r="C116" s="28">
        <v>4</v>
      </c>
      <c r="D116" s="29">
        <v>6</v>
      </c>
    </row>
    <row r="117" spans="1:4" ht="18" customHeight="1" x14ac:dyDescent="0.2">
      <c r="A117" s="31">
        <v>92</v>
      </c>
      <c r="B117" s="27">
        <v>0</v>
      </c>
      <c r="C117" s="28">
        <v>3</v>
      </c>
      <c r="D117" s="29">
        <v>3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86</v>
      </c>
      <c r="B120" s="27">
        <v>4</v>
      </c>
      <c r="C120" s="28">
        <v>14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5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207</v>
      </c>
      <c r="C130" s="5">
        <v>268</v>
      </c>
      <c r="D130" s="6">
        <v>475</v>
      </c>
    </row>
    <row r="131" spans="1:4" ht="18" customHeight="1" x14ac:dyDescent="0.2">
      <c r="A131" s="33" t="s">
        <v>65</v>
      </c>
      <c r="B131" s="7">
        <v>568</v>
      </c>
      <c r="C131" s="8">
        <v>634</v>
      </c>
      <c r="D131" s="9">
        <v>120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1</v>
      </c>
      <c r="C5" s="12">
        <v>4</v>
      </c>
      <c r="D5" s="13">
        <v>15</v>
      </c>
    </row>
    <row r="6" spans="1:4" ht="18" customHeight="1" x14ac:dyDescent="0.2">
      <c r="A6" s="14">
        <v>1</v>
      </c>
      <c r="B6" s="15">
        <v>9</v>
      </c>
      <c r="C6" s="16">
        <v>8</v>
      </c>
      <c r="D6" s="17">
        <v>17</v>
      </c>
    </row>
    <row r="7" spans="1:4" ht="18" customHeight="1" x14ac:dyDescent="0.2">
      <c r="A7" s="14">
        <v>2</v>
      </c>
      <c r="B7" s="15">
        <v>9</v>
      </c>
      <c r="C7" s="16">
        <v>11</v>
      </c>
      <c r="D7" s="17">
        <v>20</v>
      </c>
    </row>
    <row r="8" spans="1:4" ht="18" customHeight="1" x14ac:dyDescent="0.2">
      <c r="A8" s="14">
        <v>3</v>
      </c>
      <c r="B8" s="15">
        <v>13</v>
      </c>
      <c r="C8" s="16">
        <v>13</v>
      </c>
      <c r="D8" s="17">
        <v>26</v>
      </c>
    </row>
    <row r="9" spans="1:4" ht="18" customHeight="1" x14ac:dyDescent="0.2">
      <c r="A9" s="14">
        <v>4</v>
      </c>
      <c r="B9" s="15">
        <v>5</v>
      </c>
      <c r="C9" s="16">
        <v>9</v>
      </c>
      <c r="D9" s="17">
        <v>14</v>
      </c>
    </row>
    <row r="10" spans="1:4" ht="18" customHeight="1" x14ac:dyDescent="0.2">
      <c r="A10" s="18" t="s">
        <v>66</v>
      </c>
      <c r="B10" s="15">
        <v>47</v>
      </c>
      <c r="C10" s="16">
        <v>45</v>
      </c>
      <c r="D10" s="17">
        <v>92</v>
      </c>
    </row>
    <row r="11" spans="1:4" ht="18" customHeight="1" x14ac:dyDescent="0.2">
      <c r="A11" s="14">
        <v>5</v>
      </c>
      <c r="B11" s="15">
        <v>5</v>
      </c>
      <c r="C11" s="16">
        <v>11</v>
      </c>
      <c r="D11" s="17">
        <v>16</v>
      </c>
    </row>
    <row r="12" spans="1:4" ht="18" customHeight="1" x14ac:dyDescent="0.2">
      <c r="A12" s="14">
        <v>6</v>
      </c>
      <c r="B12" s="15">
        <v>14</v>
      </c>
      <c r="C12" s="16">
        <v>10</v>
      </c>
      <c r="D12" s="17">
        <v>24</v>
      </c>
    </row>
    <row r="13" spans="1:4" ht="18" customHeight="1" x14ac:dyDescent="0.2">
      <c r="A13" s="14">
        <v>7</v>
      </c>
      <c r="B13" s="15">
        <v>10</v>
      </c>
      <c r="C13" s="16">
        <v>11</v>
      </c>
      <c r="D13" s="17">
        <v>21</v>
      </c>
    </row>
    <row r="14" spans="1:4" ht="18" customHeight="1" x14ac:dyDescent="0.2">
      <c r="A14" s="14">
        <v>8</v>
      </c>
      <c r="B14" s="15">
        <v>13</v>
      </c>
      <c r="C14" s="16">
        <v>12</v>
      </c>
      <c r="D14" s="17">
        <v>25</v>
      </c>
    </row>
    <row r="15" spans="1:4" ht="18" customHeight="1" x14ac:dyDescent="0.2">
      <c r="A15" s="14">
        <v>9</v>
      </c>
      <c r="B15" s="15">
        <v>6</v>
      </c>
      <c r="C15" s="16">
        <v>9</v>
      </c>
      <c r="D15" s="17">
        <v>15</v>
      </c>
    </row>
    <row r="16" spans="1:4" ht="18" customHeight="1" x14ac:dyDescent="0.2">
      <c r="A16" s="18" t="s">
        <v>67</v>
      </c>
      <c r="B16" s="15">
        <v>48</v>
      </c>
      <c r="C16" s="16">
        <v>53</v>
      </c>
      <c r="D16" s="17">
        <v>101</v>
      </c>
    </row>
    <row r="17" spans="1:4" ht="18" customHeight="1" x14ac:dyDescent="0.2">
      <c r="A17" s="14">
        <v>10</v>
      </c>
      <c r="B17" s="15">
        <v>6</v>
      </c>
      <c r="C17" s="16">
        <v>13</v>
      </c>
      <c r="D17" s="17">
        <v>19</v>
      </c>
    </row>
    <row r="18" spans="1:4" ht="18" customHeight="1" x14ac:dyDescent="0.2">
      <c r="A18" s="14">
        <v>11</v>
      </c>
      <c r="B18" s="15">
        <v>7</v>
      </c>
      <c r="C18" s="16">
        <v>12</v>
      </c>
      <c r="D18" s="17">
        <v>19</v>
      </c>
    </row>
    <row r="19" spans="1:4" ht="18" customHeight="1" x14ac:dyDescent="0.2">
      <c r="A19" s="14">
        <v>12</v>
      </c>
      <c r="B19" s="15">
        <v>14</v>
      </c>
      <c r="C19" s="16">
        <v>13</v>
      </c>
      <c r="D19" s="17">
        <v>27</v>
      </c>
    </row>
    <row r="20" spans="1:4" ht="18" customHeight="1" x14ac:dyDescent="0.2">
      <c r="A20" s="14">
        <v>13</v>
      </c>
      <c r="B20" s="15">
        <v>11</v>
      </c>
      <c r="C20" s="16">
        <v>8</v>
      </c>
      <c r="D20" s="17">
        <v>19</v>
      </c>
    </row>
    <row r="21" spans="1:4" ht="18" customHeight="1" x14ac:dyDescent="0.2">
      <c r="A21" s="14">
        <v>14</v>
      </c>
      <c r="B21" s="15">
        <v>10</v>
      </c>
      <c r="C21" s="16">
        <v>13</v>
      </c>
      <c r="D21" s="17">
        <v>23</v>
      </c>
    </row>
    <row r="22" spans="1:4" ht="18" customHeight="1" x14ac:dyDescent="0.2">
      <c r="A22" s="18" t="s">
        <v>68</v>
      </c>
      <c r="B22" s="15">
        <v>48</v>
      </c>
      <c r="C22" s="16">
        <v>59</v>
      </c>
      <c r="D22" s="17">
        <v>107</v>
      </c>
    </row>
    <row r="23" spans="1:4" ht="18" customHeight="1" x14ac:dyDescent="0.2">
      <c r="A23" s="18" t="s">
        <v>69</v>
      </c>
      <c r="B23" s="15">
        <v>143</v>
      </c>
      <c r="C23" s="16">
        <v>157</v>
      </c>
      <c r="D23" s="17">
        <v>300</v>
      </c>
    </row>
    <row r="24" spans="1:4" ht="18" customHeight="1" x14ac:dyDescent="0.2">
      <c r="A24" s="14">
        <v>15</v>
      </c>
      <c r="B24" s="15">
        <v>18</v>
      </c>
      <c r="C24" s="16">
        <v>8</v>
      </c>
      <c r="D24" s="17">
        <v>26</v>
      </c>
    </row>
    <row r="25" spans="1:4" ht="18" customHeight="1" x14ac:dyDescent="0.2">
      <c r="A25" s="14">
        <v>16</v>
      </c>
      <c r="B25" s="15">
        <v>12</v>
      </c>
      <c r="C25" s="16">
        <v>13</v>
      </c>
      <c r="D25" s="17">
        <v>25</v>
      </c>
    </row>
    <row r="26" spans="1:4" ht="18" customHeight="1" x14ac:dyDescent="0.2">
      <c r="A26" s="14">
        <v>17</v>
      </c>
      <c r="B26" s="15">
        <v>10</v>
      </c>
      <c r="C26" s="16">
        <v>11</v>
      </c>
      <c r="D26" s="17">
        <v>21</v>
      </c>
    </row>
    <row r="27" spans="1:4" ht="18" customHeight="1" x14ac:dyDescent="0.2">
      <c r="A27" s="14">
        <v>18</v>
      </c>
      <c r="B27" s="15">
        <v>11</v>
      </c>
      <c r="C27" s="16">
        <v>7</v>
      </c>
      <c r="D27" s="17">
        <v>18</v>
      </c>
    </row>
    <row r="28" spans="1:4" ht="18" customHeight="1" x14ac:dyDescent="0.2">
      <c r="A28" s="14">
        <v>19</v>
      </c>
      <c r="B28" s="15">
        <v>10</v>
      </c>
      <c r="C28" s="16">
        <v>9</v>
      </c>
      <c r="D28" s="17">
        <v>19</v>
      </c>
    </row>
    <row r="29" spans="1:4" ht="18" customHeight="1" x14ac:dyDescent="0.2">
      <c r="A29" s="18" t="s">
        <v>70</v>
      </c>
      <c r="B29" s="15">
        <v>61</v>
      </c>
      <c r="C29" s="16">
        <v>48</v>
      </c>
      <c r="D29" s="17">
        <v>109</v>
      </c>
    </row>
    <row r="30" spans="1:4" ht="18" customHeight="1" x14ac:dyDescent="0.2">
      <c r="A30" s="14">
        <v>20</v>
      </c>
      <c r="B30" s="15">
        <v>10</v>
      </c>
      <c r="C30" s="16">
        <v>13</v>
      </c>
      <c r="D30" s="17">
        <v>23</v>
      </c>
    </row>
    <row r="31" spans="1:4" ht="18" customHeight="1" x14ac:dyDescent="0.2">
      <c r="A31" s="14">
        <v>21</v>
      </c>
      <c r="B31" s="15">
        <v>12</v>
      </c>
      <c r="C31" s="16">
        <v>11</v>
      </c>
      <c r="D31" s="17">
        <v>23</v>
      </c>
    </row>
    <row r="32" spans="1:4" ht="18" customHeight="1" x14ac:dyDescent="0.2">
      <c r="A32" s="14">
        <v>22</v>
      </c>
      <c r="B32" s="15">
        <v>12</v>
      </c>
      <c r="C32" s="16">
        <v>15</v>
      </c>
      <c r="D32" s="17">
        <v>27</v>
      </c>
    </row>
    <row r="33" spans="1:4" ht="18" customHeight="1" x14ac:dyDescent="0.2">
      <c r="A33" s="14">
        <v>23</v>
      </c>
      <c r="B33" s="15">
        <v>14</v>
      </c>
      <c r="C33" s="16">
        <v>12</v>
      </c>
      <c r="D33" s="17">
        <v>26</v>
      </c>
    </row>
    <row r="34" spans="1:4" ht="18" customHeight="1" x14ac:dyDescent="0.2">
      <c r="A34" s="14">
        <v>24</v>
      </c>
      <c r="B34" s="15">
        <v>14</v>
      </c>
      <c r="C34" s="16">
        <v>11</v>
      </c>
      <c r="D34" s="17">
        <v>25</v>
      </c>
    </row>
    <row r="35" spans="1:4" ht="18" customHeight="1" x14ac:dyDescent="0.2">
      <c r="A35" s="18" t="s">
        <v>71</v>
      </c>
      <c r="B35" s="15">
        <v>62</v>
      </c>
      <c r="C35" s="16">
        <v>62</v>
      </c>
      <c r="D35" s="17">
        <v>124</v>
      </c>
    </row>
    <row r="36" spans="1:4" ht="18" customHeight="1" x14ac:dyDescent="0.2">
      <c r="A36" s="14">
        <v>25</v>
      </c>
      <c r="B36" s="15">
        <v>15</v>
      </c>
      <c r="C36" s="16">
        <v>9</v>
      </c>
      <c r="D36" s="17">
        <v>24</v>
      </c>
    </row>
    <row r="37" spans="1:4" ht="18" customHeight="1" x14ac:dyDescent="0.2">
      <c r="A37" s="14">
        <v>26</v>
      </c>
      <c r="B37" s="15">
        <v>19</v>
      </c>
      <c r="C37" s="16">
        <v>12</v>
      </c>
      <c r="D37" s="17">
        <v>31</v>
      </c>
    </row>
    <row r="38" spans="1:4" ht="18" customHeight="1" x14ac:dyDescent="0.2">
      <c r="A38" s="14">
        <v>27</v>
      </c>
      <c r="B38" s="15">
        <v>13</v>
      </c>
      <c r="C38" s="16">
        <v>14</v>
      </c>
      <c r="D38" s="17">
        <v>27</v>
      </c>
    </row>
    <row r="39" spans="1:4" ht="18" customHeight="1" x14ac:dyDescent="0.2">
      <c r="A39" s="14">
        <v>28</v>
      </c>
      <c r="B39" s="15">
        <v>16</v>
      </c>
      <c r="C39" s="16">
        <v>12</v>
      </c>
      <c r="D39" s="17">
        <v>28</v>
      </c>
    </row>
    <row r="40" spans="1:4" ht="18" customHeight="1" x14ac:dyDescent="0.2">
      <c r="A40" s="14">
        <v>29</v>
      </c>
      <c r="B40" s="15">
        <v>15</v>
      </c>
      <c r="C40" s="16">
        <v>12</v>
      </c>
      <c r="D40" s="17">
        <v>27</v>
      </c>
    </row>
    <row r="41" spans="1:4" ht="18" customHeight="1" x14ac:dyDescent="0.2">
      <c r="A41" s="18" t="s">
        <v>72</v>
      </c>
      <c r="B41" s="15">
        <v>78</v>
      </c>
      <c r="C41" s="16">
        <v>59</v>
      </c>
      <c r="D41" s="17">
        <v>137</v>
      </c>
    </row>
    <row r="42" spans="1:4" ht="18" customHeight="1" x14ac:dyDescent="0.2">
      <c r="A42" s="14">
        <v>30</v>
      </c>
      <c r="B42" s="15">
        <v>18</v>
      </c>
      <c r="C42" s="16">
        <v>12</v>
      </c>
      <c r="D42" s="17">
        <v>30</v>
      </c>
    </row>
    <row r="43" spans="1:4" ht="18" customHeight="1" x14ac:dyDescent="0.2">
      <c r="A43" s="14">
        <v>31</v>
      </c>
      <c r="B43" s="15">
        <v>20</v>
      </c>
      <c r="C43" s="16">
        <v>18</v>
      </c>
      <c r="D43" s="17">
        <v>38</v>
      </c>
    </row>
    <row r="44" spans="1:4" ht="18" customHeight="1" x14ac:dyDescent="0.2">
      <c r="A44" s="14">
        <v>32</v>
      </c>
      <c r="B44" s="15">
        <v>12</v>
      </c>
      <c r="C44" s="16">
        <v>17</v>
      </c>
      <c r="D44" s="17">
        <v>29</v>
      </c>
    </row>
    <row r="45" spans="1:4" ht="18" customHeight="1" x14ac:dyDescent="0.2">
      <c r="A45" s="14">
        <v>33</v>
      </c>
      <c r="B45" s="15">
        <v>24</v>
      </c>
      <c r="C45" s="16">
        <v>19</v>
      </c>
      <c r="D45" s="17">
        <v>43</v>
      </c>
    </row>
    <row r="46" spans="1:4" ht="18" customHeight="1" x14ac:dyDescent="0.2">
      <c r="A46" s="14">
        <v>34</v>
      </c>
      <c r="B46" s="15">
        <v>19</v>
      </c>
      <c r="C46" s="16">
        <v>23</v>
      </c>
      <c r="D46" s="17">
        <v>42</v>
      </c>
    </row>
    <row r="47" spans="1:4" ht="18" customHeight="1" x14ac:dyDescent="0.2">
      <c r="A47" s="18" t="s">
        <v>73</v>
      </c>
      <c r="B47" s="15">
        <v>93</v>
      </c>
      <c r="C47" s="16">
        <v>89</v>
      </c>
      <c r="D47" s="17">
        <v>182</v>
      </c>
    </row>
    <row r="48" spans="1:4" ht="18" customHeight="1" x14ac:dyDescent="0.2">
      <c r="A48" s="14">
        <v>35</v>
      </c>
      <c r="B48" s="15">
        <v>27</v>
      </c>
      <c r="C48" s="16">
        <v>30</v>
      </c>
      <c r="D48" s="17">
        <v>57</v>
      </c>
    </row>
    <row r="49" spans="1:4" ht="18" customHeight="1" x14ac:dyDescent="0.2">
      <c r="A49" s="14">
        <v>36</v>
      </c>
      <c r="B49" s="15">
        <v>24</v>
      </c>
      <c r="C49" s="16">
        <v>16</v>
      </c>
      <c r="D49" s="17">
        <v>40</v>
      </c>
    </row>
    <row r="50" spans="1:4" ht="18" customHeight="1" x14ac:dyDescent="0.2">
      <c r="A50" s="14">
        <v>37</v>
      </c>
      <c r="B50" s="15">
        <v>18</v>
      </c>
      <c r="C50" s="16">
        <v>21</v>
      </c>
      <c r="D50" s="17">
        <v>39</v>
      </c>
    </row>
    <row r="51" spans="1:4" ht="18" customHeight="1" x14ac:dyDescent="0.2">
      <c r="A51" s="14">
        <v>38</v>
      </c>
      <c r="B51" s="15">
        <v>18</v>
      </c>
      <c r="C51" s="16">
        <v>20</v>
      </c>
      <c r="D51" s="17">
        <v>38</v>
      </c>
    </row>
    <row r="52" spans="1:4" ht="18" customHeight="1" x14ac:dyDescent="0.2">
      <c r="A52" s="14">
        <v>39</v>
      </c>
      <c r="B52" s="15">
        <v>20</v>
      </c>
      <c r="C52" s="16">
        <v>23</v>
      </c>
      <c r="D52" s="17">
        <v>43</v>
      </c>
    </row>
    <row r="53" spans="1:4" ht="18" customHeight="1" x14ac:dyDescent="0.2">
      <c r="A53" s="18" t="s">
        <v>74</v>
      </c>
      <c r="B53" s="15">
        <v>107</v>
      </c>
      <c r="C53" s="16">
        <v>110</v>
      </c>
      <c r="D53" s="17">
        <v>217</v>
      </c>
    </row>
    <row r="54" spans="1:4" ht="18" customHeight="1" x14ac:dyDescent="0.2">
      <c r="A54" s="14">
        <v>40</v>
      </c>
      <c r="B54" s="15">
        <v>24</v>
      </c>
      <c r="C54" s="16">
        <v>20</v>
      </c>
      <c r="D54" s="17">
        <v>44</v>
      </c>
    </row>
    <row r="55" spans="1:4" ht="18" customHeight="1" x14ac:dyDescent="0.2">
      <c r="A55" s="14">
        <v>41</v>
      </c>
      <c r="B55" s="15">
        <v>28</v>
      </c>
      <c r="C55" s="16">
        <v>18</v>
      </c>
      <c r="D55" s="17">
        <v>46</v>
      </c>
    </row>
    <row r="56" spans="1:4" ht="18" customHeight="1" x14ac:dyDescent="0.2">
      <c r="A56" s="14">
        <v>42</v>
      </c>
      <c r="B56" s="15">
        <v>21</v>
      </c>
      <c r="C56" s="16">
        <v>27</v>
      </c>
      <c r="D56" s="17">
        <v>48</v>
      </c>
    </row>
    <row r="57" spans="1:4" ht="18" customHeight="1" x14ac:dyDescent="0.2">
      <c r="A57" s="14">
        <v>43</v>
      </c>
      <c r="B57" s="15">
        <v>21</v>
      </c>
      <c r="C57" s="16">
        <v>27</v>
      </c>
      <c r="D57" s="17">
        <v>48</v>
      </c>
    </row>
    <row r="58" spans="1:4" ht="18" customHeight="1" x14ac:dyDescent="0.2">
      <c r="A58" s="14">
        <v>44</v>
      </c>
      <c r="B58" s="15">
        <v>14</v>
      </c>
      <c r="C58" s="16">
        <v>19</v>
      </c>
      <c r="D58" s="17">
        <v>33</v>
      </c>
    </row>
    <row r="59" spans="1:4" ht="18" customHeight="1" x14ac:dyDescent="0.2">
      <c r="A59" s="18" t="s">
        <v>75</v>
      </c>
      <c r="B59" s="15">
        <v>108</v>
      </c>
      <c r="C59" s="16">
        <v>111</v>
      </c>
      <c r="D59" s="17">
        <v>219</v>
      </c>
    </row>
    <row r="60" spans="1:4" ht="18" customHeight="1" x14ac:dyDescent="0.2">
      <c r="A60" s="14">
        <v>45</v>
      </c>
      <c r="B60" s="15">
        <v>29</v>
      </c>
      <c r="C60" s="16">
        <v>20</v>
      </c>
      <c r="D60" s="17">
        <v>49</v>
      </c>
    </row>
    <row r="61" spans="1:4" ht="18" customHeight="1" x14ac:dyDescent="0.2">
      <c r="A61" s="14">
        <v>46</v>
      </c>
      <c r="B61" s="15">
        <v>12</v>
      </c>
      <c r="C61" s="16">
        <v>15</v>
      </c>
      <c r="D61" s="17">
        <v>27</v>
      </c>
    </row>
    <row r="62" spans="1:4" ht="18" customHeight="1" x14ac:dyDescent="0.2">
      <c r="A62" s="14">
        <v>47</v>
      </c>
      <c r="B62" s="15">
        <v>24</v>
      </c>
      <c r="C62" s="16">
        <v>17</v>
      </c>
      <c r="D62" s="17">
        <v>41</v>
      </c>
    </row>
    <row r="63" spans="1:4" ht="18" customHeight="1" x14ac:dyDescent="0.2">
      <c r="A63" s="14">
        <v>48</v>
      </c>
      <c r="B63" s="15">
        <v>15</v>
      </c>
      <c r="C63" s="16">
        <v>13</v>
      </c>
      <c r="D63" s="17">
        <v>28</v>
      </c>
    </row>
    <row r="64" spans="1:4" ht="18" customHeight="1" x14ac:dyDescent="0.2">
      <c r="A64" s="14">
        <v>49</v>
      </c>
      <c r="B64" s="15">
        <v>21</v>
      </c>
      <c r="C64" s="16">
        <v>23</v>
      </c>
      <c r="D64" s="17">
        <v>44</v>
      </c>
    </row>
    <row r="65" spans="1:4" ht="18" customHeight="1" x14ac:dyDescent="0.2">
      <c r="A65" s="18" t="s">
        <v>76</v>
      </c>
      <c r="B65" s="15">
        <v>101</v>
      </c>
      <c r="C65" s="16">
        <v>88</v>
      </c>
      <c r="D65" s="17">
        <v>189</v>
      </c>
    </row>
    <row r="66" spans="1:4" ht="18" customHeight="1" x14ac:dyDescent="0.2">
      <c r="A66" s="14">
        <v>50</v>
      </c>
      <c r="B66" s="15">
        <v>22</v>
      </c>
      <c r="C66" s="16">
        <v>20</v>
      </c>
      <c r="D66" s="17">
        <v>42</v>
      </c>
    </row>
    <row r="67" spans="1:4" ht="18" customHeight="1" x14ac:dyDescent="0.2">
      <c r="A67" s="14">
        <v>51</v>
      </c>
      <c r="B67" s="15">
        <v>26</v>
      </c>
      <c r="C67" s="16">
        <v>24</v>
      </c>
      <c r="D67" s="17">
        <v>50</v>
      </c>
    </row>
    <row r="68" spans="1:4" ht="18" customHeight="1" x14ac:dyDescent="0.2">
      <c r="A68" s="14">
        <v>52</v>
      </c>
      <c r="B68" s="15">
        <v>15</v>
      </c>
      <c r="C68" s="16">
        <v>19</v>
      </c>
      <c r="D68" s="17">
        <v>34</v>
      </c>
    </row>
    <row r="69" spans="1:4" ht="18" customHeight="1" x14ac:dyDescent="0.2">
      <c r="A69" s="14">
        <v>53</v>
      </c>
      <c r="B69" s="15">
        <v>18</v>
      </c>
      <c r="C69" s="16">
        <v>15</v>
      </c>
      <c r="D69" s="17">
        <v>33</v>
      </c>
    </row>
    <row r="70" spans="1:4" ht="18" customHeight="1" x14ac:dyDescent="0.2">
      <c r="A70" s="14">
        <v>54</v>
      </c>
      <c r="B70" s="15">
        <v>21</v>
      </c>
      <c r="C70" s="16">
        <v>22</v>
      </c>
      <c r="D70" s="17">
        <v>43</v>
      </c>
    </row>
    <row r="71" spans="1:4" ht="18" customHeight="1" x14ac:dyDescent="0.2">
      <c r="A71" s="18" t="s">
        <v>77</v>
      </c>
      <c r="B71" s="15">
        <v>102</v>
      </c>
      <c r="C71" s="16">
        <v>100</v>
      </c>
      <c r="D71" s="17">
        <v>202</v>
      </c>
    </row>
    <row r="72" spans="1:4" ht="18" customHeight="1" x14ac:dyDescent="0.2">
      <c r="A72" s="14">
        <v>55</v>
      </c>
      <c r="B72" s="15">
        <v>17</v>
      </c>
      <c r="C72" s="16">
        <v>18</v>
      </c>
      <c r="D72" s="17">
        <v>35</v>
      </c>
    </row>
    <row r="73" spans="1:4" ht="18" customHeight="1" x14ac:dyDescent="0.2">
      <c r="A73" s="14">
        <v>56</v>
      </c>
      <c r="B73" s="15">
        <v>21</v>
      </c>
      <c r="C73" s="16">
        <v>24</v>
      </c>
      <c r="D73" s="17">
        <v>45</v>
      </c>
    </row>
    <row r="74" spans="1:4" ht="18" customHeight="1" x14ac:dyDescent="0.2">
      <c r="A74" s="14">
        <v>57</v>
      </c>
      <c r="B74" s="15">
        <v>19</v>
      </c>
      <c r="C74" s="16">
        <v>17</v>
      </c>
      <c r="D74" s="17">
        <v>36</v>
      </c>
    </row>
    <row r="75" spans="1:4" ht="18" customHeight="1" x14ac:dyDescent="0.2">
      <c r="A75" s="14">
        <v>58</v>
      </c>
      <c r="B75" s="15">
        <v>30</v>
      </c>
      <c r="C75" s="16">
        <v>32</v>
      </c>
      <c r="D75" s="17">
        <v>62</v>
      </c>
    </row>
    <row r="76" spans="1:4" ht="18" customHeight="1" x14ac:dyDescent="0.2">
      <c r="A76" s="14">
        <v>59</v>
      </c>
      <c r="B76" s="15">
        <v>18</v>
      </c>
      <c r="C76" s="16">
        <v>28</v>
      </c>
      <c r="D76" s="17">
        <v>46</v>
      </c>
    </row>
    <row r="77" spans="1:4" ht="18" customHeight="1" x14ac:dyDescent="0.2">
      <c r="A77" s="18" t="s">
        <v>78</v>
      </c>
      <c r="B77" s="15">
        <v>105</v>
      </c>
      <c r="C77" s="16">
        <v>119</v>
      </c>
      <c r="D77" s="17">
        <v>224</v>
      </c>
    </row>
    <row r="78" spans="1:4" ht="18" customHeight="1" x14ac:dyDescent="0.2">
      <c r="A78" s="14">
        <v>60</v>
      </c>
      <c r="B78" s="15">
        <v>33</v>
      </c>
      <c r="C78" s="16">
        <v>38</v>
      </c>
      <c r="D78" s="17">
        <v>71</v>
      </c>
    </row>
    <row r="79" spans="1:4" ht="18" customHeight="1" x14ac:dyDescent="0.2">
      <c r="A79" s="14">
        <v>61</v>
      </c>
      <c r="B79" s="15">
        <v>33</v>
      </c>
      <c r="C79" s="16">
        <v>35</v>
      </c>
      <c r="D79" s="17">
        <v>68</v>
      </c>
    </row>
    <row r="80" spans="1:4" ht="18" customHeight="1" x14ac:dyDescent="0.2">
      <c r="A80" s="14">
        <v>62</v>
      </c>
      <c r="B80" s="15">
        <v>14</v>
      </c>
      <c r="C80" s="16">
        <v>29</v>
      </c>
      <c r="D80" s="17">
        <v>43</v>
      </c>
    </row>
    <row r="81" spans="1:4" ht="18" customHeight="1" x14ac:dyDescent="0.2">
      <c r="A81" s="14">
        <v>63</v>
      </c>
      <c r="B81" s="15">
        <v>12</v>
      </c>
      <c r="C81" s="16">
        <v>20</v>
      </c>
      <c r="D81" s="17">
        <v>32</v>
      </c>
    </row>
    <row r="82" spans="1:4" ht="18" customHeight="1" x14ac:dyDescent="0.2">
      <c r="A82" s="14">
        <v>64</v>
      </c>
      <c r="B82" s="15">
        <v>22</v>
      </c>
      <c r="C82" s="16">
        <v>21</v>
      </c>
      <c r="D82" s="17">
        <v>43</v>
      </c>
    </row>
    <row r="83" spans="1:4" ht="18" customHeight="1" x14ac:dyDescent="0.2">
      <c r="A83" s="18" t="s">
        <v>79</v>
      </c>
      <c r="B83" s="15">
        <v>114</v>
      </c>
      <c r="C83" s="16">
        <v>143</v>
      </c>
      <c r="D83" s="17">
        <v>257</v>
      </c>
    </row>
    <row r="84" spans="1:4" ht="18" customHeight="1" x14ac:dyDescent="0.2">
      <c r="A84" s="18" t="s">
        <v>80</v>
      </c>
      <c r="B84" s="15">
        <v>931</v>
      </c>
      <c r="C84" s="16">
        <v>929</v>
      </c>
      <c r="D84" s="17">
        <v>1860</v>
      </c>
    </row>
    <row r="85" spans="1:4" ht="18" customHeight="1" x14ac:dyDescent="0.2">
      <c r="A85" s="14">
        <v>65</v>
      </c>
      <c r="B85" s="15">
        <v>27</v>
      </c>
      <c r="C85" s="16">
        <v>21</v>
      </c>
      <c r="D85" s="17">
        <v>48</v>
      </c>
    </row>
    <row r="86" spans="1:4" ht="18" customHeight="1" x14ac:dyDescent="0.2">
      <c r="A86" s="14">
        <v>66</v>
      </c>
      <c r="B86" s="15">
        <v>24</v>
      </c>
      <c r="C86" s="16">
        <v>24</v>
      </c>
      <c r="D86" s="17">
        <v>48</v>
      </c>
    </row>
    <row r="87" spans="1:4" ht="18" customHeight="1" x14ac:dyDescent="0.2">
      <c r="A87" s="14">
        <v>67</v>
      </c>
      <c r="B87" s="15">
        <v>24</v>
      </c>
      <c r="C87" s="16">
        <v>30</v>
      </c>
      <c r="D87" s="17">
        <v>54</v>
      </c>
    </row>
    <row r="88" spans="1:4" ht="18" customHeight="1" x14ac:dyDescent="0.2">
      <c r="A88" s="14">
        <v>68</v>
      </c>
      <c r="B88" s="15">
        <v>18</v>
      </c>
      <c r="C88" s="16">
        <v>44</v>
      </c>
      <c r="D88" s="17">
        <v>62</v>
      </c>
    </row>
    <row r="89" spans="1:4" ht="18" customHeight="1" x14ac:dyDescent="0.2">
      <c r="A89" s="14">
        <v>69</v>
      </c>
      <c r="B89" s="15">
        <v>24</v>
      </c>
      <c r="C89" s="16">
        <v>30</v>
      </c>
      <c r="D89" s="17">
        <v>54</v>
      </c>
    </row>
    <row r="90" spans="1:4" ht="18" customHeight="1" x14ac:dyDescent="0.2">
      <c r="A90" s="18" t="s">
        <v>81</v>
      </c>
      <c r="B90" s="15">
        <v>117</v>
      </c>
      <c r="C90" s="16">
        <v>149</v>
      </c>
      <c r="D90" s="17">
        <v>266</v>
      </c>
    </row>
    <row r="91" spans="1:4" ht="18" customHeight="1" x14ac:dyDescent="0.2">
      <c r="A91" s="14">
        <v>70</v>
      </c>
      <c r="B91" s="15">
        <v>15</v>
      </c>
      <c r="C91" s="16">
        <v>23</v>
      </c>
      <c r="D91" s="17">
        <v>38</v>
      </c>
    </row>
    <row r="92" spans="1:4" ht="18" customHeight="1" x14ac:dyDescent="0.2">
      <c r="A92" s="14">
        <v>71</v>
      </c>
      <c r="B92" s="15">
        <v>20</v>
      </c>
      <c r="C92" s="16">
        <v>20</v>
      </c>
      <c r="D92" s="17">
        <v>40</v>
      </c>
    </row>
    <row r="93" spans="1:4" ht="18" customHeight="1" x14ac:dyDescent="0.2">
      <c r="A93" s="14">
        <v>72</v>
      </c>
      <c r="B93" s="15">
        <v>20</v>
      </c>
      <c r="C93" s="16">
        <v>22</v>
      </c>
      <c r="D93" s="17">
        <v>42</v>
      </c>
    </row>
    <row r="94" spans="1:4" ht="18" customHeight="1" x14ac:dyDescent="0.2">
      <c r="A94" s="14">
        <v>73</v>
      </c>
      <c r="B94" s="15">
        <v>32</v>
      </c>
      <c r="C94" s="16">
        <v>31</v>
      </c>
      <c r="D94" s="17">
        <v>63</v>
      </c>
    </row>
    <row r="95" spans="1:4" ht="18" customHeight="1" x14ac:dyDescent="0.2">
      <c r="A95" s="14">
        <v>74</v>
      </c>
      <c r="B95" s="15">
        <v>12</v>
      </c>
      <c r="C95" s="16">
        <v>27</v>
      </c>
      <c r="D95" s="17">
        <v>39</v>
      </c>
    </row>
    <row r="96" spans="1:4" ht="18" customHeight="1" x14ac:dyDescent="0.2">
      <c r="A96" s="18" t="s">
        <v>82</v>
      </c>
      <c r="B96" s="15">
        <v>99</v>
      </c>
      <c r="C96" s="16">
        <v>123</v>
      </c>
      <c r="D96" s="17">
        <v>222</v>
      </c>
    </row>
    <row r="97" spans="1:4" ht="18" customHeight="1" x14ac:dyDescent="0.2">
      <c r="A97" s="14">
        <v>75</v>
      </c>
      <c r="B97" s="15">
        <v>22</v>
      </c>
      <c r="C97" s="16">
        <v>25</v>
      </c>
      <c r="D97" s="17">
        <v>47</v>
      </c>
    </row>
    <row r="98" spans="1:4" ht="18" customHeight="1" x14ac:dyDescent="0.2">
      <c r="A98" s="14">
        <v>76</v>
      </c>
      <c r="B98" s="15">
        <v>24</v>
      </c>
      <c r="C98" s="16">
        <v>38</v>
      </c>
      <c r="D98" s="17">
        <v>62</v>
      </c>
    </row>
    <row r="99" spans="1:4" ht="18" customHeight="1" x14ac:dyDescent="0.2">
      <c r="A99" s="14">
        <v>77</v>
      </c>
      <c r="B99" s="15">
        <v>15</v>
      </c>
      <c r="C99" s="16">
        <v>27</v>
      </c>
      <c r="D99" s="17">
        <v>42</v>
      </c>
    </row>
    <row r="100" spans="1:4" ht="18" customHeight="1" x14ac:dyDescent="0.2">
      <c r="A100" s="14">
        <v>78</v>
      </c>
      <c r="B100" s="15">
        <v>9</v>
      </c>
      <c r="C100" s="16">
        <v>30</v>
      </c>
      <c r="D100" s="17">
        <v>39</v>
      </c>
    </row>
    <row r="101" spans="1:4" ht="18" customHeight="1" x14ac:dyDescent="0.2">
      <c r="A101" s="14">
        <v>79</v>
      </c>
      <c r="B101" s="15">
        <v>23</v>
      </c>
      <c r="C101" s="16">
        <v>29</v>
      </c>
      <c r="D101" s="17">
        <v>52</v>
      </c>
    </row>
    <row r="102" spans="1:4" ht="18" customHeight="1" x14ac:dyDescent="0.2">
      <c r="A102" s="18" t="s">
        <v>83</v>
      </c>
      <c r="B102" s="15">
        <v>93</v>
      </c>
      <c r="C102" s="16">
        <v>149</v>
      </c>
      <c r="D102" s="17">
        <v>242</v>
      </c>
    </row>
    <row r="103" spans="1:4" ht="18" customHeight="1" x14ac:dyDescent="0.2">
      <c r="A103" s="14">
        <v>80</v>
      </c>
      <c r="B103" s="15">
        <v>20</v>
      </c>
      <c r="C103" s="16">
        <v>28</v>
      </c>
      <c r="D103" s="17">
        <v>48</v>
      </c>
    </row>
    <row r="104" spans="1:4" ht="18" customHeight="1" x14ac:dyDescent="0.2">
      <c r="A104" s="14">
        <v>81</v>
      </c>
      <c r="B104" s="15">
        <v>15</v>
      </c>
      <c r="C104" s="16">
        <v>20</v>
      </c>
      <c r="D104" s="17">
        <v>35</v>
      </c>
    </row>
    <row r="105" spans="1:4" ht="18" customHeight="1" x14ac:dyDescent="0.2">
      <c r="A105" s="14">
        <v>82</v>
      </c>
      <c r="B105" s="15">
        <v>15</v>
      </c>
      <c r="C105" s="16">
        <v>28</v>
      </c>
      <c r="D105" s="17">
        <v>43</v>
      </c>
    </row>
    <row r="106" spans="1:4" ht="18" customHeight="1" x14ac:dyDescent="0.2">
      <c r="A106" s="14">
        <v>83</v>
      </c>
      <c r="B106" s="15">
        <v>13</v>
      </c>
      <c r="C106" s="16">
        <v>27</v>
      </c>
      <c r="D106" s="17">
        <v>40</v>
      </c>
    </row>
    <row r="107" spans="1:4" ht="18" customHeight="1" x14ac:dyDescent="0.2">
      <c r="A107" s="14">
        <v>84</v>
      </c>
      <c r="B107" s="15">
        <v>16</v>
      </c>
      <c r="C107" s="16">
        <v>22</v>
      </c>
      <c r="D107" s="17">
        <v>38</v>
      </c>
    </row>
    <row r="108" spans="1:4" ht="18" customHeight="1" x14ac:dyDescent="0.2">
      <c r="A108" s="18" t="s">
        <v>84</v>
      </c>
      <c r="B108" s="15">
        <v>79</v>
      </c>
      <c r="C108" s="16">
        <v>125</v>
      </c>
      <c r="D108" s="17">
        <v>204</v>
      </c>
    </row>
    <row r="109" spans="1:4" ht="18" customHeight="1" x14ac:dyDescent="0.2">
      <c r="A109" s="14">
        <v>85</v>
      </c>
      <c r="B109" s="15">
        <v>6</v>
      </c>
      <c r="C109" s="16">
        <v>14</v>
      </c>
      <c r="D109" s="17">
        <v>20</v>
      </c>
    </row>
    <row r="110" spans="1:4" ht="18" customHeight="1" x14ac:dyDescent="0.2">
      <c r="A110" s="14">
        <v>86</v>
      </c>
      <c r="B110" s="15">
        <v>6</v>
      </c>
      <c r="C110" s="16">
        <v>14</v>
      </c>
      <c r="D110" s="17">
        <v>20</v>
      </c>
    </row>
    <row r="111" spans="1:4" ht="18" customHeight="1" x14ac:dyDescent="0.2">
      <c r="A111" s="14">
        <v>87</v>
      </c>
      <c r="B111" s="15">
        <v>6</v>
      </c>
      <c r="C111" s="16">
        <v>18</v>
      </c>
      <c r="D111" s="17">
        <v>24</v>
      </c>
    </row>
    <row r="112" spans="1:4" ht="18" customHeight="1" x14ac:dyDescent="0.2">
      <c r="A112" s="14">
        <v>88</v>
      </c>
      <c r="B112" s="15">
        <v>2</v>
      </c>
      <c r="C112" s="16">
        <v>19</v>
      </c>
      <c r="D112" s="17">
        <v>21</v>
      </c>
    </row>
    <row r="113" spans="1:4" ht="18" customHeight="1" x14ac:dyDescent="0.2">
      <c r="A113" s="14">
        <v>89</v>
      </c>
      <c r="B113" s="15">
        <v>5</v>
      </c>
      <c r="C113" s="16">
        <v>10</v>
      </c>
      <c r="D113" s="17">
        <v>15</v>
      </c>
    </row>
    <row r="114" spans="1:4" ht="18" customHeight="1" x14ac:dyDescent="0.2">
      <c r="A114" s="18" t="s">
        <v>85</v>
      </c>
      <c r="B114" s="15">
        <v>25</v>
      </c>
      <c r="C114" s="16">
        <v>75</v>
      </c>
      <c r="D114" s="17">
        <v>100</v>
      </c>
    </row>
    <row r="115" spans="1:4" ht="18" customHeight="1" x14ac:dyDescent="0.2">
      <c r="A115" s="14">
        <v>90</v>
      </c>
      <c r="B115" s="15">
        <v>4</v>
      </c>
      <c r="C115" s="16">
        <v>6</v>
      </c>
      <c r="D115" s="17">
        <v>10</v>
      </c>
    </row>
    <row r="116" spans="1:4" ht="18" customHeight="1" x14ac:dyDescent="0.2">
      <c r="A116" s="14">
        <v>91</v>
      </c>
      <c r="B116" s="15">
        <v>6</v>
      </c>
      <c r="C116" s="16">
        <v>7</v>
      </c>
      <c r="D116" s="17">
        <v>13</v>
      </c>
    </row>
    <row r="117" spans="1:4" ht="18" customHeight="1" x14ac:dyDescent="0.2">
      <c r="A117" s="14">
        <v>92</v>
      </c>
      <c r="B117" s="15">
        <v>2</v>
      </c>
      <c r="C117" s="16">
        <v>9</v>
      </c>
      <c r="D117" s="17">
        <v>11</v>
      </c>
    </row>
    <row r="118" spans="1:4" ht="18" customHeight="1" x14ac:dyDescent="0.2">
      <c r="A118" s="14">
        <v>93</v>
      </c>
      <c r="B118" s="15">
        <v>3</v>
      </c>
      <c r="C118" s="16">
        <v>3</v>
      </c>
      <c r="D118" s="17">
        <v>6</v>
      </c>
    </row>
    <row r="119" spans="1:4" ht="18" customHeight="1" x14ac:dyDescent="0.2">
      <c r="A119" s="14">
        <v>94</v>
      </c>
      <c r="B119" s="15">
        <v>2</v>
      </c>
      <c r="C119" s="16">
        <v>4</v>
      </c>
      <c r="D119" s="17">
        <v>6</v>
      </c>
    </row>
    <row r="120" spans="1:4" ht="18" customHeight="1" x14ac:dyDescent="0.2">
      <c r="A120" s="18" t="s">
        <v>86</v>
      </c>
      <c r="B120" s="15">
        <v>17</v>
      </c>
      <c r="C120" s="16">
        <v>29</v>
      </c>
      <c r="D120" s="17">
        <v>46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5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1</v>
      </c>
      <c r="C126" s="16">
        <v>17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88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431</v>
      </c>
      <c r="C130" s="5">
        <v>670</v>
      </c>
      <c r="D130" s="6">
        <v>1101</v>
      </c>
    </row>
    <row r="131" spans="1:4" ht="18" customHeight="1" x14ac:dyDescent="0.2">
      <c r="A131" s="20" t="s">
        <v>65</v>
      </c>
      <c r="B131" s="7">
        <v>1505</v>
      </c>
      <c r="C131" s="8">
        <v>1756</v>
      </c>
      <c r="D131" s="9">
        <v>326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6</v>
      </c>
      <c r="C5" s="37">
        <v>18</v>
      </c>
      <c r="D5" s="39">
        <v>44</v>
      </c>
    </row>
    <row r="6" spans="1:4" ht="18" customHeight="1" x14ac:dyDescent="0.2">
      <c r="A6" s="31">
        <v>1</v>
      </c>
      <c r="B6" s="35">
        <v>24</v>
      </c>
      <c r="C6" s="28">
        <v>28</v>
      </c>
      <c r="D6" s="29">
        <v>52</v>
      </c>
    </row>
    <row r="7" spans="1:4" ht="18" customHeight="1" x14ac:dyDescent="0.2">
      <c r="A7" s="31">
        <v>2</v>
      </c>
      <c r="B7" s="35">
        <v>21</v>
      </c>
      <c r="C7" s="28">
        <v>22</v>
      </c>
      <c r="D7" s="29">
        <v>43</v>
      </c>
    </row>
    <row r="8" spans="1:4" ht="18" customHeight="1" x14ac:dyDescent="0.2">
      <c r="A8" s="31">
        <v>3</v>
      </c>
      <c r="B8" s="35">
        <v>17</v>
      </c>
      <c r="C8" s="28">
        <v>23</v>
      </c>
      <c r="D8" s="29">
        <v>40</v>
      </c>
    </row>
    <row r="9" spans="1:4" ht="18" customHeight="1" x14ac:dyDescent="0.2">
      <c r="A9" s="31">
        <v>4</v>
      </c>
      <c r="B9" s="36">
        <v>36</v>
      </c>
      <c r="C9" s="38">
        <v>30</v>
      </c>
      <c r="D9" s="40">
        <v>66</v>
      </c>
    </row>
    <row r="10" spans="1:4" ht="18" customHeight="1" x14ac:dyDescent="0.2">
      <c r="A10" s="31" t="s">
        <v>66</v>
      </c>
      <c r="B10" s="27">
        <v>124</v>
      </c>
      <c r="C10" s="28">
        <v>121</v>
      </c>
      <c r="D10" s="29">
        <v>245</v>
      </c>
    </row>
    <row r="11" spans="1:4" ht="18" customHeight="1" x14ac:dyDescent="0.2">
      <c r="A11" s="31">
        <v>5</v>
      </c>
      <c r="B11" s="35">
        <v>29</v>
      </c>
      <c r="C11" s="28">
        <v>35</v>
      </c>
      <c r="D11" s="29">
        <v>64</v>
      </c>
    </row>
    <row r="12" spans="1:4" ht="18" customHeight="1" x14ac:dyDescent="0.2">
      <c r="A12" s="31">
        <v>6</v>
      </c>
      <c r="B12" s="35">
        <v>33</v>
      </c>
      <c r="C12" s="28">
        <v>27</v>
      </c>
      <c r="D12" s="29">
        <v>60</v>
      </c>
    </row>
    <row r="13" spans="1:4" ht="18" customHeight="1" x14ac:dyDescent="0.2">
      <c r="A13" s="31">
        <v>7</v>
      </c>
      <c r="B13" s="35">
        <v>40</v>
      </c>
      <c r="C13" s="28">
        <v>40</v>
      </c>
      <c r="D13" s="29">
        <v>80</v>
      </c>
    </row>
    <row r="14" spans="1:4" ht="18" customHeight="1" x14ac:dyDescent="0.2">
      <c r="A14" s="31">
        <v>8</v>
      </c>
      <c r="B14" s="35">
        <v>29</v>
      </c>
      <c r="C14" s="28">
        <v>31</v>
      </c>
      <c r="D14" s="29">
        <v>60</v>
      </c>
    </row>
    <row r="15" spans="1:4" ht="18" customHeight="1" x14ac:dyDescent="0.2">
      <c r="A15" s="31">
        <v>9</v>
      </c>
      <c r="B15" s="35">
        <v>26</v>
      </c>
      <c r="C15" s="28">
        <v>26</v>
      </c>
      <c r="D15" s="29">
        <v>52</v>
      </c>
    </row>
    <row r="16" spans="1:4" ht="18" customHeight="1" x14ac:dyDescent="0.2">
      <c r="A16" s="31" t="s">
        <v>67</v>
      </c>
      <c r="B16" s="27">
        <v>157</v>
      </c>
      <c r="C16" s="28">
        <v>159</v>
      </c>
      <c r="D16" s="29">
        <v>316</v>
      </c>
    </row>
    <row r="17" spans="1:4" ht="18" customHeight="1" x14ac:dyDescent="0.2">
      <c r="A17" s="31">
        <v>10</v>
      </c>
      <c r="B17" s="27">
        <v>35</v>
      </c>
      <c r="C17" s="28">
        <v>38</v>
      </c>
      <c r="D17" s="29">
        <v>73</v>
      </c>
    </row>
    <row r="18" spans="1:4" ht="18" customHeight="1" x14ac:dyDescent="0.2">
      <c r="A18" s="31">
        <v>11</v>
      </c>
      <c r="B18" s="27">
        <v>41</v>
      </c>
      <c r="C18" s="28">
        <v>33</v>
      </c>
      <c r="D18" s="29">
        <v>74</v>
      </c>
    </row>
    <row r="19" spans="1:4" ht="18" customHeight="1" x14ac:dyDescent="0.2">
      <c r="A19" s="31">
        <v>12</v>
      </c>
      <c r="B19" s="27">
        <v>41</v>
      </c>
      <c r="C19" s="28">
        <v>38</v>
      </c>
      <c r="D19" s="29">
        <v>79</v>
      </c>
    </row>
    <row r="20" spans="1:4" ht="18" customHeight="1" x14ac:dyDescent="0.2">
      <c r="A20" s="31">
        <v>13</v>
      </c>
      <c r="B20" s="27">
        <v>39</v>
      </c>
      <c r="C20" s="28">
        <v>29</v>
      </c>
      <c r="D20" s="29">
        <v>68</v>
      </c>
    </row>
    <row r="21" spans="1:4" ht="18" customHeight="1" x14ac:dyDescent="0.2">
      <c r="A21" s="31">
        <v>14</v>
      </c>
      <c r="B21" s="27">
        <v>35</v>
      </c>
      <c r="C21" s="28">
        <v>39</v>
      </c>
      <c r="D21" s="29">
        <v>74</v>
      </c>
    </row>
    <row r="22" spans="1:4" ht="18" customHeight="1" x14ac:dyDescent="0.2">
      <c r="A22" s="31" t="s">
        <v>68</v>
      </c>
      <c r="B22" s="27">
        <v>191</v>
      </c>
      <c r="C22" s="28">
        <v>177</v>
      </c>
      <c r="D22" s="29">
        <v>368</v>
      </c>
    </row>
    <row r="23" spans="1:4" ht="18" customHeight="1" x14ac:dyDescent="0.2">
      <c r="A23" s="31" t="s">
        <v>69</v>
      </c>
      <c r="B23" s="27">
        <v>472</v>
      </c>
      <c r="C23" s="28">
        <v>457</v>
      </c>
      <c r="D23" s="29">
        <v>929</v>
      </c>
    </row>
    <row r="24" spans="1:4" ht="18" customHeight="1" x14ac:dyDescent="0.2">
      <c r="A24" s="31">
        <v>15</v>
      </c>
      <c r="B24" s="27">
        <v>43</v>
      </c>
      <c r="C24" s="28">
        <v>27</v>
      </c>
      <c r="D24" s="29">
        <v>70</v>
      </c>
    </row>
    <row r="25" spans="1:4" ht="18" customHeight="1" x14ac:dyDescent="0.2">
      <c r="A25" s="31">
        <v>16</v>
      </c>
      <c r="B25" s="27">
        <v>30</v>
      </c>
      <c r="C25" s="28">
        <v>32</v>
      </c>
      <c r="D25" s="29">
        <v>62</v>
      </c>
    </row>
    <row r="26" spans="1:4" ht="18" customHeight="1" x14ac:dyDescent="0.2">
      <c r="A26" s="31">
        <v>17</v>
      </c>
      <c r="B26" s="27">
        <v>22</v>
      </c>
      <c r="C26" s="28">
        <v>28</v>
      </c>
      <c r="D26" s="29">
        <v>50</v>
      </c>
    </row>
    <row r="27" spans="1:4" ht="18" customHeight="1" x14ac:dyDescent="0.2">
      <c r="A27" s="31">
        <v>18</v>
      </c>
      <c r="B27" s="27">
        <v>23</v>
      </c>
      <c r="C27" s="28">
        <v>27</v>
      </c>
      <c r="D27" s="29">
        <v>50</v>
      </c>
    </row>
    <row r="28" spans="1:4" ht="18" customHeight="1" x14ac:dyDescent="0.2">
      <c r="A28" s="31">
        <v>19</v>
      </c>
      <c r="B28" s="27">
        <v>34</v>
      </c>
      <c r="C28" s="28">
        <v>30</v>
      </c>
      <c r="D28" s="29">
        <v>64</v>
      </c>
    </row>
    <row r="29" spans="1:4" ht="18" customHeight="1" x14ac:dyDescent="0.2">
      <c r="A29" s="31" t="s">
        <v>70</v>
      </c>
      <c r="B29" s="27">
        <v>152</v>
      </c>
      <c r="C29" s="28">
        <v>144</v>
      </c>
      <c r="D29" s="29">
        <v>296</v>
      </c>
    </row>
    <row r="30" spans="1:4" ht="18" customHeight="1" x14ac:dyDescent="0.2">
      <c r="A30" s="31">
        <v>20</v>
      </c>
      <c r="B30" s="27">
        <v>30</v>
      </c>
      <c r="C30" s="28">
        <v>36</v>
      </c>
      <c r="D30" s="29">
        <v>66</v>
      </c>
    </row>
    <row r="31" spans="1:4" ht="18" customHeight="1" x14ac:dyDescent="0.2">
      <c r="A31" s="31">
        <v>21</v>
      </c>
      <c r="B31" s="27">
        <v>20</v>
      </c>
      <c r="C31" s="28">
        <v>18</v>
      </c>
      <c r="D31" s="29">
        <v>38</v>
      </c>
    </row>
    <row r="32" spans="1:4" ht="18" customHeight="1" x14ac:dyDescent="0.2">
      <c r="A32" s="31">
        <v>22</v>
      </c>
      <c r="B32" s="27">
        <v>19</v>
      </c>
      <c r="C32" s="28">
        <v>24</v>
      </c>
      <c r="D32" s="29">
        <v>43</v>
      </c>
    </row>
    <row r="33" spans="1:4" ht="18" customHeight="1" x14ac:dyDescent="0.2">
      <c r="A33" s="31">
        <v>23</v>
      </c>
      <c r="B33" s="27">
        <v>18</v>
      </c>
      <c r="C33" s="28">
        <v>26</v>
      </c>
      <c r="D33" s="29">
        <v>44</v>
      </c>
    </row>
    <row r="34" spans="1:4" ht="18" customHeight="1" x14ac:dyDescent="0.2">
      <c r="A34" s="31">
        <v>24</v>
      </c>
      <c r="B34" s="27">
        <v>20</v>
      </c>
      <c r="C34" s="28">
        <v>20</v>
      </c>
      <c r="D34" s="29">
        <v>40</v>
      </c>
    </row>
    <row r="35" spans="1:4" ht="18" customHeight="1" x14ac:dyDescent="0.2">
      <c r="A35" s="31" t="s">
        <v>71</v>
      </c>
      <c r="B35" s="27">
        <v>107</v>
      </c>
      <c r="C35" s="28">
        <v>124</v>
      </c>
      <c r="D35" s="29">
        <v>231</v>
      </c>
    </row>
    <row r="36" spans="1:4" ht="18" customHeight="1" x14ac:dyDescent="0.2">
      <c r="A36" s="31">
        <v>25</v>
      </c>
      <c r="B36" s="27">
        <v>27</v>
      </c>
      <c r="C36" s="28">
        <v>19</v>
      </c>
      <c r="D36" s="29">
        <v>46</v>
      </c>
    </row>
    <row r="37" spans="1:4" ht="18" customHeight="1" x14ac:dyDescent="0.2">
      <c r="A37" s="31">
        <v>26</v>
      </c>
      <c r="B37" s="27">
        <v>24</v>
      </c>
      <c r="C37" s="28">
        <v>22</v>
      </c>
      <c r="D37" s="29">
        <v>46</v>
      </c>
    </row>
    <row r="38" spans="1:4" ht="18" customHeight="1" x14ac:dyDescent="0.2">
      <c r="A38" s="31">
        <v>27</v>
      </c>
      <c r="B38" s="27">
        <v>25</v>
      </c>
      <c r="C38" s="28">
        <v>22</v>
      </c>
      <c r="D38" s="29">
        <v>47</v>
      </c>
    </row>
    <row r="39" spans="1:4" ht="18" customHeight="1" x14ac:dyDescent="0.2">
      <c r="A39" s="31">
        <v>28</v>
      </c>
      <c r="B39" s="27">
        <v>35</v>
      </c>
      <c r="C39" s="28">
        <v>26</v>
      </c>
      <c r="D39" s="29">
        <v>61</v>
      </c>
    </row>
    <row r="40" spans="1:4" ht="18" customHeight="1" x14ac:dyDescent="0.2">
      <c r="A40" s="31">
        <v>29</v>
      </c>
      <c r="B40" s="27">
        <v>30</v>
      </c>
      <c r="C40" s="28">
        <v>25</v>
      </c>
      <c r="D40" s="29">
        <v>55</v>
      </c>
    </row>
    <row r="41" spans="1:4" ht="18" customHeight="1" x14ac:dyDescent="0.2">
      <c r="A41" s="31" t="s">
        <v>72</v>
      </c>
      <c r="B41" s="27">
        <v>141</v>
      </c>
      <c r="C41" s="28">
        <v>114</v>
      </c>
      <c r="D41" s="29">
        <v>255</v>
      </c>
    </row>
    <row r="42" spans="1:4" ht="18" customHeight="1" x14ac:dyDescent="0.2">
      <c r="A42" s="31">
        <v>30</v>
      </c>
      <c r="B42" s="27">
        <v>19</v>
      </c>
      <c r="C42" s="28">
        <v>33</v>
      </c>
      <c r="D42" s="29">
        <v>52</v>
      </c>
    </row>
    <row r="43" spans="1:4" ht="18" customHeight="1" x14ac:dyDescent="0.2">
      <c r="A43" s="31">
        <v>31</v>
      </c>
      <c r="B43" s="27">
        <v>32</v>
      </c>
      <c r="C43" s="28">
        <v>28</v>
      </c>
      <c r="D43" s="29">
        <v>60</v>
      </c>
    </row>
    <row r="44" spans="1:4" ht="18" customHeight="1" x14ac:dyDescent="0.2">
      <c r="A44" s="31">
        <v>32</v>
      </c>
      <c r="B44" s="27">
        <v>40</v>
      </c>
      <c r="C44" s="28">
        <v>31</v>
      </c>
      <c r="D44" s="29">
        <v>71</v>
      </c>
    </row>
    <row r="45" spans="1:4" ht="18" customHeight="1" x14ac:dyDescent="0.2">
      <c r="A45" s="31">
        <v>33</v>
      </c>
      <c r="B45" s="27">
        <v>41</v>
      </c>
      <c r="C45" s="28">
        <v>36</v>
      </c>
      <c r="D45" s="29">
        <v>77</v>
      </c>
    </row>
    <row r="46" spans="1:4" ht="18" customHeight="1" x14ac:dyDescent="0.2">
      <c r="A46" s="31">
        <v>34</v>
      </c>
      <c r="B46" s="27">
        <v>49</v>
      </c>
      <c r="C46" s="28">
        <v>52</v>
      </c>
      <c r="D46" s="29">
        <v>101</v>
      </c>
    </row>
    <row r="47" spans="1:4" ht="18" customHeight="1" x14ac:dyDescent="0.2">
      <c r="A47" s="31" t="s">
        <v>73</v>
      </c>
      <c r="B47" s="27">
        <v>181</v>
      </c>
      <c r="C47" s="28">
        <v>180</v>
      </c>
      <c r="D47" s="29">
        <v>361</v>
      </c>
    </row>
    <row r="48" spans="1:4" ht="18" customHeight="1" x14ac:dyDescent="0.2">
      <c r="A48" s="31">
        <v>35</v>
      </c>
      <c r="B48" s="27">
        <v>57</v>
      </c>
      <c r="C48" s="28">
        <v>48</v>
      </c>
      <c r="D48" s="29">
        <v>105</v>
      </c>
    </row>
    <row r="49" spans="1:4" ht="18" customHeight="1" x14ac:dyDescent="0.2">
      <c r="A49" s="31">
        <v>36</v>
      </c>
      <c r="B49" s="27">
        <v>50</v>
      </c>
      <c r="C49" s="28">
        <v>59</v>
      </c>
      <c r="D49" s="29">
        <v>109</v>
      </c>
    </row>
    <row r="50" spans="1:4" ht="18" customHeight="1" x14ac:dyDescent="0.2">
      <c r="A50" s="31">
        <v>37</v>
      </c>
      <c r="B50" s="27">
        <v>54</v>
      </c>
      <c r="C50" s="28">
        <v>63</v>
      </c>
      <c r="D50" s="29">
        <v>117</v>
      </c>
    </row>
    <row r="51" spans="1:4" ht="18" customHeight="1" x14ac:dyDescent="0.2">
      <c r="A51" s="31">
        <v>38</v>
      </c>
      <c r="B51" s="27">
        <v>51</v>
      </c>
      <c r="C51" s="28">
        <v>49</v>
      </c>
      <c r="D51" s="29">
        <v>100</v>
      </c>
    </row>
    <row r="52" spans="1:4" ht="18" customHeight="1" x14ac:dyDescent="0.2">
      <c r="A52" s="31">
        <v>39</v>
      </c>
      <c r="B52" s="27">
        <v>54</v>
      </c>
      <c r="C52" s="28">
        <v>50</v>
      </c>
      <c r="D52" s="29">
        <v>104</v>
      </c>
    </row>
    <row r="53" spans="1:4" ht="18" customHeight="1" x14ac:dyDescent="0.2">
      <c r="A53" s="31" t="s">
        <v>74</v>
      </c>
      <c r="B53" s="27">
        <v>266</v>
      </c>
      <c r="C53" s="28">
        <v>269</v>
      </c>
      <c r="D53" s="29">
        <v>535</v>
      </c>
    </row>
    <row r="54" spans="1:4" ht="18" customHeight="1" x14ac:dyDescent="0.2">
      <c r="A54" s="31">
        <v>40</v>
      </c>
      <c r="B54" s="27">
        <v>45</v>
      </c>
      <c r="C54" s="28">
        <v>32</v>
      </c>
      <c r="D54" s="29">
        <v>77</v>
      </c>
    </row>
    <row r="55" spans="1:4" ht="18" customHeight="1" x14ac:dyDescent="0.2">
      <c r="A55" s="31">
        <v>41</v>
      </c>
      <c r="B55" s="27">
        <v>51</v>
      </c>
      <c r="C55" s="28">
        <v>51</v>
      </c>
      <c r="D55" s="29">
        <v>102</v>
      </c>
    </row>
    <row r="56" spans="1:4" ht="18" customHeight="1" x14ac:dyDescent="0.2">
      <c r="A56" s="31">
        <v>42</v>
      </c>
      <c r="B56" s="27">
        <v>36</v>
      </c>
      <c r="C56" s="28">
        <v>34</v>
      </c>
      <c r="D56" s="29">
        <v>70</v>
      </c>
    </row>
    <row r="57" spans="1:4" ht="18" customHeight="1" x14ac:dyDescent="0.2">
      <c r="A57" s="31">
        <v>43</v>
      </c>
      <c r="B57" s="27">
        <v>36</v>
      </c>
      <c r="C57" s="28">
        <v>27</v>
      </c>
      <c r="D57" s="29">
        <v>63</v>
      </c>
    </row>
    <row r="58" spans="1:4" ht="18" customHeight="1" x14ac:dyDescent="0.2">
      <c r="A58" s="31">
        <v>44</v>
      </c>
      <c r="B58" s="27">
        <v>32</v>
      </c>
      <c r="C58" s="28">
        <v>36</v>
      </c>
      <c r="D58" s="29">
        <v>68</v>
      </c>
    </row>
    <row r="59" spans="1:4" ht="18" customHeight="1" x14ac:dyDescent="0.2">
      <c r="A59" s="31" t="s">
        <v>75</v>
      </c>
      <c r="B59" s="27">
        <v>200</v>
      </c>
      <c r="C59" s="28">
        <v>180</v>
      </c>
      <c r="D59" s="29">
        <v>380</v>
      </c>
    </row>
    <row r="60" spans="1:4" ht="18" customHeight="1" x14ac:dyDescent="0.2">
      <c r="A60" s="31">
        <v>45</v>
      </c>
      <c r="B60" s="27">
        <v>37</v>
      </c>
      <c r="C60" s="28">
        <v>28</v>
      </c>
      <c r="D60" s="29">
        <v>65</v>
      </c>
    </row>
    <row r="61" spans="1:4" ht="18" customHeight="1" x14ac:dyDescent="0.2">
      <c r="A61" s="31">
        <v>46</v>
      </c>
      <c r="B61" s="27">
        <v>31</v>
      </c>
      <c r="C61" s="28">
        <v>46</v>
      </c>
      <c r="D61" s="29">
        <v>77</v>
      </c>
    </row>
    <row r="62" spans="1:4" ht="18" customHeight="1" x14ac:dyDescent="0.2">
      <c r="A62" s="31">
        <v>47</v>
      </c>
      <c r="B62" s="27">
        <v>40</v>
      </c>
      <c r="C62" s="28">
        <v>29</v>
      </c>
      <c r="D62" s="29">
        <v>69</v>
      </c>
    </row>
    <row r="63" spans="1:4" ht="18" customHeight="1" x14ac:dyDescent="0.2">
      <c r="A63" s="31">
        <v>48</v>
      </c>
      <c r="B63" s="27">
        <v>25</v>
      </c>
      <c r="C63" s="28">
        <v>29</v>
      </c>
      <c r="D63" s="29">
        <v>54</v>
      </c>
    </row>
    <row r="64" spans="1:4" ht="18" customHeight="1" x14ac:dyDescent="0.2">
      <c r="A64" s="31">
        <v>49</v>
      </c>
      <c r="B64" s="27">
        <v>30</v>
      </c>
      <c r="C64" s="28">
        <v>35</v>
      </c>
      <c r="D64" s="29">
        <v>65</v>
      </c>
    </row>
    <row r="65" spans="1:4" ht="18" customHeight="1" x14ac:dyDescent="0.2">
      <c r="A65" s="31" t="s">
        <v>76</v>
      </c>
      <c r="B65" s="27">
        <v>163</v>
      </c>
      <c r="C65" s="28">
        <v>167</v>
      </c>
      <c r="D65" s="29">
        <v>330</v>
      </c>
    </row>
    <row r="66" spans="1:4" ht="18" customHeight="1" x14ac:dyDescent="0.2">
      <c r="A66" s="31">
        <v>50</v>
      </c>
      <c r="B66" s="27">
        <v>38</v>
      </c>
      <c r="C66" s="28">
        <v>25</v>
      </c>
      <c r="D66" s="29">
        <v>63</v>
      </c>
    </row>
    <row r="67" spans="1:4" ht="18" customHeight="1" x14ac:dyDescent="0.2">
      <c r="A67" s="31">
        <v>51</v>
      </c>
      <c r="B67" s="27">
        <v>31</v>
      </c>
      <c r="C67" s="28">
        <v>30</v>
      </c>
      <c r="D67" s="29">
        <v>61</v>
      </c>
    </row>
    <row r="68" spans="1:4" ht="18" customHeight="1" x14ac:dyDescent="0.2">
      <c r="A68" s="31">
        <v>52</v>
      </c>
      <c r="B68" s="27">
        <v>33</v>
      </c>
      <c r="C68" s="28">
        <v>26</v>
      </c>
      <c r="D68" s="29">
        <v>59</v>
      </c>
    </row>
    <row r="69" spans="1:4" ht="18" customHeight="1" x14ac:dyDescent="0.2">
      <c r="A69" s="31">
        <v>53</v>
      </c>
      <c r="B69" s="27">
        <v>30</v>
      </c>
      <c r="C69" s="28">
        <v>31</v>
      </c>
      <c r="D69" s="29">
        <v>61</v>
      </c>
    </row>
    <row r="70" spans="1:4" ht="18" customHeight="1" x14ac:dyDescent="0.2">
      <c r="A70" s="31">
        <v>54</v>
      </c>
      <c r="B70" s="27">
        <v>43</v>
      </c>
      <c r="C70" s="28">
        <v>36</v>
      </c>
      <c r="D70" s="29">
        <v>79</v>
      </c>
    </row>
    <row r="71" spans="1:4" ht="18" customHeight="1" x14ac:dyDescent="0.2">
      <c r="A71" s="31" t="s">
        <v>77</v>
      </c>
      <c r="B71" s="27">
        <v>175</v>
      </c>
      <c r="C71" s="28">
        <v>148</v>
      </c>
      <c r="D71" s="29">
        <v>323</v>
      </c>
    </row>
    <row r="72" spans="1:4" ht="18" customHeight="1" x14ac:dyDescent="0.2">
      <c r="A72" s="31">
        <v>55</v>
      </c>
      <c r="B72" s="27">
        <v>35</v>
      </c>
      <c r="C72" s="28">
        <v>33</v>
      </c>
      <c r="D72" s="29">
        <v>68</v>
      </c>
    </row>
    <row r="73" spans="1:4" ht="18" customHeight="1" x14ac:dyDescent="0.2">
      <c r="A73" s="31">
        <v>56</v>
      </c>
      <c r="B73" s="27">
        <v>29</v>
      </c>
      <c r="C73" s="28">
        <v>40</v>
      </c>
      <c r="D73" s="29">
        <v>69</v>
      </c>
    </row>
    <row r="74" spans="1:4" ht="18" customHeight="1" x14ac:dyDescent="0.2">
      <c r="A74" s="31">
        <v>57</v>
      </c>
      <c r="B74" s="27">
        <v>39</v>
      </c>
      <c r="C74" s="28">
        <v>36</v>
      </c>
      <c r="D74" s="29">
        <v>75</v>
      </c>
    </row>
    <row r="75" spans="1:4" ht="18" customHeight="1" x14ac:dyDescent="0.2">
      <c r="A75" s="31">
        <v>58</v>
      </c>
      <c r="B75" s="27">
        <v>33</v>
      </c>
      <c r="C75" s="28">
        <v>32</v>
      </c>
      <c r="D75" s="29">
        <v>65</v>
      </c>
    </row>
    <row r="76" spans="1:4" ht="18" customHeight="1" x14ac:dyDescent="0.2">
      <c r="A76" s="31">
        <v>59</v>
      </c>
      <c r="B76" s="27">
        <v>44</v>
      </c>
      <c r="C76" s="28">
        <v>42</v>
      </c>
      <c r="D76" s="29">
        <v>86</v>
      </c>
    </row>
    <row r="77" spans="1:4" ht="18" customHeight="1" x14ac:dyDescent="0.2">
      <c r="A77" s="31" t="s">
        <v>78</v>
      </c>
      <c r="B77" s="27">
        <v>180</v>
      </c>
      <c r="C77" s="28">
        <v>183</v>
      </c>
      <c r="D77" s="29">
        <v>363</v>
      </c>
    </row>
    <row r="78" spans="1:4" ht="18" customHeight="1" x14ac:dyDescent="0.2">
      <c r="A78" s="31">
        <v>60</v>
      </c>
      <c r="B78" s="27">
        <v>47</v>
      </c>
      <c r="C78" s="28">
        <v>63</v>
      </c>
      <c r="D78" s="29">
        <v>110</v>
      </c>
    </row>
    <row r="79" spans="1:4" ht="18" customHeight="1" x14ac:dyDescent="0.2">
      <c r="A79" s="31">
        <v>61</v>
      </c>
      <c r="B79" s="27">
        <v>50</v>
      </c>
      <c r="C79" s="28">
        <v>49</v>
      </c>
      <c r="D79" s="29">
        <v>99</v>
      </c>
    </row>
    <row r="80" spans="1:4" ht="18" customHeight="1" x14ac:dyDescent="0.2">
      <c r="A80" s="31">
        <v>62</v>
      </c>
      <c r="B80" s="27">
        <v>49</v>
      </c>
      <c r="C80" s="28">
        <v>54</v>
      </c>
      <c r="D80" s="29">
        <v>103</v>
      </c>
    </row>
    <row r="81" spans="1:4" ht="18" customHeight="1" x14ac:dyDescent="0.2">
      <c r="A81" s="31">
        <v>63</v>
      </c>
      <c r="B81" s="27">
        <v>31</v>
      </c>
      <c r="C81" s="28">
        <v>24</v>
      </c>
      <c r="D81" s="29">
        <v>55</v>
      </c>
    </row>
    <row r="82" spans="1:4" ht="18" customHeight="1" x14ac:dyDescent="0.2">
      <c r="A82" s="31">
        <v>64</v>
      </c>
      <c r="B82" s="27">
        <v>24</v>
      </c>
      <c r="C82" s="28">
        <v>29</v>
      </c>
      <c r="D82" s="29">
        <v>53</v>
      </c>
    </row>
    <row r="83" spans="1:4" ht="18" customHeight="1" x14ac:dyDescent="0.2">
      <c r="A83" s="31" t="s">
        <v>79</v>
      </c>
      <c r="B83" s="27">
        <v>201</v>
      </c>
      <c r="C83" s="28">
        <v>219</v>
      </c>
      <c r="D83" s="29">
        <v>420</v>
      </c>
    </row>
    <row r="84" spans="1:4" ht="18" customHeight="1" x14ac:dyDescent="0.2">
      <c r="A84" s="31" t="s">
        <v>80</v>
      </c>
      <c r="B84" s="27">
        <v>1766</v>
      </c>
      <c r="C84" s="28">
        <v>1728</v>
      </c>
      <c r="D84" s="29">
        <v>3494</v>
      </c>
    </row>
    <row r="85" spans="1:4" ht="18" customHeight="1" x14ac:dyDescent="0.2">
      <c r="A85" s="31">
        <v>65</v>
      </c>
      <c r="B85" s="27">
        <v>30</v>
      </c>
      <c r="C85" s="28">
        <v>35</v>
      </c>
      <c r="D85" s="29">
        <v>65</v>
      </c>
    </row>
    <row r="86" spans="1:4" ht="18" customHeight="1" x14ac:dyDescent="0.2">
      <c r="A86" s="31">
        <v>66</v>
      </c>
      <c r="B86" s="27">
        <v>34</v>
      </c>
      <c r="C86" s="28">
        <v>30</v>
      </c>
      <c r="D86" s="29">
        <v>64</v>
      </c>
    </row>
    <row r="87" spans="1:4" ht="18" customHeight="1" x14ac:dyDescent="0.2">
      <c r="A87" s="31">
        <v>67</v>
      </c>
      <c r="B87" s="27">
        <v>30</v>
      </c>
      <c r="C87" s="28">
        <v>27</v>
      </c>
      <c r="D87" s="29">
        <v>57</v>
      </c>
    </row>
    <row r="88" spans="1:4" ht="18" customHeight="1" x14ac:dyDescent="0.2">
      <c r="A88" s="31">
        <v>68</v>
      </c>
      <c r="B88" s="27">
        <v>24</v>
      </c>
      <c r="C88" s="28">
        <v>29</v>
      </c>
      <c r="D88" s="29">
        <v>53</v>
      </c>
    </row>
    <row r="89" spans="1:4" ht="18" customHeight="1" x14ac:dyDescent="0.2">
      <c r="A89" s="31">
        <v>69</v>
      </c>
      <c r="B89" s="27">
        <v>25</v>
      </c>
      <c r="C89" s="28">
        <v>27</v>
      </c>
      <c r="D89" s="29">
        <v>52</v>
      </c>
    </row>
    <row r="90" spans="1:4" ht="18" customHeight="1" x14ac:dyDescent="0.2">
      <c r="A90" s="31" t="s">
        <v>81</v>
      </c>
      <c r="B90" s="27">
        <v>143</v>
      </c>
      <c r="C90" s="28">
        <v>148</v>
      </c>
      <c r="D90" s="29">
        <v>291</v>
      </c>
    </row>
    <row r="91" spans="1:4" ht="18" customHeight="1" x14ac:dyDescent="0.2">
      <c r="A91" s="31">
        <v>70</v>
      </c>
      <c r="B91" s="27">
        <v>21</v>
      </c>
      <c r="C91" s="28">
        <v>24</v>
      </c>
      <c r="D91" s="29">
        <v>45</v>
      </c>
    </row>
    <row r="92" spans="1:4" ht="18" customHeight="1" x14ac:dyDescent="0.2">
      <c r="A92" s="31">
        <v>71</v>
      </c>
      <c r="B92" s="27">
        <v>20</v>
      </c>
      <c r="C92" s="28">
        <v>25</v>
      </c>
      <c r="D92" s="29">
        <v>45</v>
      </c>
    </row>
    <row r="93" spans="1:4" ht="18" customHeight="1" x14ac:dyDescent="0.2">
      <c r="A93" s="31">
        <v>72</v>
      </c>
      <c r="B93" s="27">
        <v>22</v>
      </c>
      <c r="C93" s="28">
        <v>20</v>
      </c>
      <c r="D93" s="29">
        <v>42</v>
      </c>
    </row>
    <row r="94" spans="1:4" ht="18" customHeight="1" x14ac:dyDescent="0.2">
      <c r="A94" s="31">
        <v>73</v>
      </c>
      <c r="B94" s="27">
        <v>28</v>
      </c>
      <c r="C94" s="28">
        <v>36</v>
      </c>
      <c r="D94" s="29">
        <v>64</v>
      </c>
    </row>
    <row r="95" spans="1:4" ht="18" customHeight="1" x14ac:dyDescent="0.2">
      <c r="A95" s="31">
        <v>74</v>
      </c>
      <c r="B95" s="27">
        <v>14</v>
      </c>
      <c r="C95" s="28">
        <v>23</v>
      </c>
      <c r="D95" s="29">
        <v>37</v>
      </c>
    </row>
    <row r="96" spans="1:4" ht="18" customHeight="1" x14ac:dyDescent="0.2">
      <c r="A96" s="31" t="s">
        <v>82</v>
      </c>
      <c r="B96" s="27">
        <v>105</v>
      </c>
      <c r="C96" s="28">
        <v>128</v>
      </c>
      <c r="D96" s="29">
        <v>233</v>
      </c>
    </row>
    <row r="97" spans="1:4" ht="18" customHeight="1" x14ac:dyDescent="0.2">
      <c r="A97" s="31">
        <v>75</v>
      </c>
      <c r="B97" s="27">
        <v>18</v>
      </c>
      <c r="C97" s="28">
        <v>28</v>
      </c>
      <c r="D97" s="29">
        <v>46</v>
      </c>
    </row>
    <row r="98" spans="1:4" ht="18" customHeight="1" x14ac:dyDescent="0.2">
      <c r="A98" s="31">
        <v>76</v>
      </c>
      <c r="B98" s="27">
        <v>12</v>
      </c>
      <c r="C98" s="28">
        <v>25</v>
      </c>
      <c r="D98" s="29">
        <v>37</v>
      </c>
    </row>
    <row r="99" spans="1:4" ht="18" customHeight="1" x14ac:dyDescent="0.2">
      <c r="A99" s="31">
        <v>77</v>
      </c>
      <c r="B99" s="27">
        <v>16</v>
      </c>
      <c r="C99" s="28">
        <v>22</v>
      </c>
      <c r="D99" s="29">
        <v>38</v>
      </c>
    </row>
    <row r="100" spans="1:4" ht="18" customHeight="1" x14ac:dyDescent="0.2">
      <c r="A100" s="31">
        <v>78</v>
      </c>
      <c r="B100" s="27">
        <v>18</v>
      </c>
      <c r="C100" s="28">
        <v>12</v>
      </c>
      <c r="D100" s="29">
        <v>30</v>
      </c>
    </row>
    <row r="101" spans="1:4" ht="18" customHeight="1" x14ac:dyDescent="0.2">
      <c r="A101" s="31">
        <v>79</v>
      </c>
      <c r="B101" s="27">
        <v>12</v>
      </c>
      <c r="C101" s="28">
        <v>20</v>
      </c>
      <c r="D101" s="29">
        <v>32</v>
      </c>
    </row>
    <row r="102" spans="1:4" ht="18" customHeight="1" x14ac:dyDescent="0.2">
      <c r="A102" s="31" t="s">
        <v>83</v>
      </c>
      <c r="B102" s="27">
        <v>76</v>
      </c>
      <c r="C102" s="28">
        <v>107</v>
      </c>
      <c r="D102" s="29">
        <v>183</v>
      </c>
    </row>
    <row r="103" spans="1:4" ht="18" customHeight="1" x14ac:dyDescent="0.2">
      <c r="A103" s="31">
        <v>80</v>
      </c>
      <c r="B103" s="27">
        <v>10</v>
      </c>
      <c r="C103" s="28">
        <v>19</v>
      </c>
      <c r="D103" s="29">
        <v>29</v>
      </c>
    </row>
    <row r="104" spans="1:4" ht="18" customHeight="1" x14ac:dyDescent="0.2">
      <c r="A104" s="31">
        <v>81</v>
      </c>
      <c r="B104" s="27">
        <v>10</v>
      </c>
      <c r="C104" s="28">
        <v>18</v>
      </c>
      <c r="D104" s="29">
        <v>28</v>
      </c>
    </row>
    <row r="105" spans="1:4" ht="18" customHeight="1" x14ac:dyDescent="0.2">
      <c r="A105" s="31">
        <v>82</v>
      </c>
      <c r="B105" s="27">
        <v>11</v>
      </c>
      <c r="C105" s="28">
        <v>20</v>
      </c>
      <c r="D105" s="29">
        <v>31</v>
      </c>
    </row>
    <row r="106" spans="1:4" ht="18" customHeight="1" x14ac:dyDescent="0.2">
      <c r="A106" s="31">
        <v>83</v>
      </c>
      <c r="B106" s="27">
        <v>7</v>
      </c>
      <c r="C106" s="28">
        <v>24</v>
      </c>
      <c r="D106" s="29">
        <v>31</v>
      </c>
    </row>
    <row r="107" spans="1:4" ht="18" customHeight="1" x14ac:dyDescent="0.2">
      <c r="A107" s="31">
        <v>84</v>
      </c>
      <c r="B107" s="27">
        <v>12</v>
      </c>
      <c r="C107" s="28">
        <v>15</v>
      </c>
      <c r="D107" s="29">
        <v>27</v>
      </c>
    </row>
    <row r="108" spans="1:4" ht="18" customHeight="1" x14ac:dyDescent="0.2">
      <c r="A108" s="31" t="s">
        <v>84</v>
      </c>
      <c r="B108" s="27">
        <v>50</v>
      </c>
      <c r="C108" s="28">
        <v>96</v>
      </c>
      <c r="D108" s="29">
        <v>146</v>
      </c>
    </row>
    <row r="109" spans="1:4" ht="18" customHeight="1" x14ac:dyDescent="0.2">
      <c r="A109" s="31">
        <v>85</v>
      </c>
      <c r="B109" s="27">
        <v>7</v>
      </c>
      <c r="C109" s="28">
        <v>12</v>
      </c>
      <c r="D109" s="29">
        <v>19</v>
      </c>
    </row>
    <row r="110" spans="1:4" ht="18" customHeight="1" x14ac:dyDescent="0.2">
      <c r="A110" s="31">
        <v>86</v>
      </c>
      <c r="B110" s="27">
        <v>5</v>
      </c>
      <c r="C110" s="28">
        <v>12</v>
      </c>
      <c r="D110" s="29">
        <v>17</v>
      </c>
    </row>
    <row r="111" spans="1:4" ht="18" customHeight="1" x14ac:dyDescent="0.2">
      <c r="A111" s="31">
        <v>87</v>
      </c>
      <c r="B111" s="27">
        <v>4</v>
      </c>
      <c r="C111" s="28">
        <v>19</v>
      </c>
      <c r="D111" s="29">
        <v>23</v>
      </c>
    </row>
    <row r="112" spans="1:4" ht="18" customHeight="1" x14ac:dyDescent="0.2">
      <c r="A112" s="31">
        <v>88</v>
      </c>
      <c r="B112" s="27">
        <v>6</v>
      </c>
      <c r="C112" s="28">
        <v>6</v>
      </c>
      <c r="D112" s="29">
        <v>12</v>
      </c>
    </row>
    <row r="113" spans="1:4" ht="18" customHeight="1" x14ac:dyDescent="0.2">
      <c r="A113" s="31">
        <v>89</v>
      </c>
      <c r="B113" s="27">
        <v>3</v>
      </c>
      <c r="C113" s="28">
        <v>6</v>
      </c>
      <c r="D113" s="29">
        <v>9</v>
      </c>
    </row>
    <row r="114" spans="1:4" ht="18" customHeight="1" x14ac:dyDescent="0.2">
      <c r="A114" s="31" t="s">
        <v>85</v>
      </c>
      <c r="B114" s="27">
        <v>25</v>
      </c>
      <c r="C114" s="28">
        <v>55</v>
      </c>
      <c r="D114" s="29">
        <v>80</v>
      </c>
    </row>
    <row r="115" spans="1:4" ht="18" customHeight="1" x14ac:dyDescent="0.2">
      <c r="A115" s="31">
        <v>90</v>
      </c>
      <c r="B115" s="27">
        <v>1</v>
      </c>
      <c r="C115" s="28">
        <v>10</v>
      </c>
      <c r="D115" s="29">
        <v>11</v>
      </c>
    </row>
    <row r="116" spans="1:4" ht="18" customHeight="1" x14ac:dyDescent="0.2">
      <c r="A116" s="31">
        <v>91</v>
      </c>
      <c r="B116" s="27">
        <v>4</v>
      </c>
      <c r="C116" s="28">
        <v>12</v>
      </c>
      <c r="D116" s="29">
        <v>16</v>
      </c>
    </row>
    <row r="117" spans="1:4" ht="18" customHeight="1" x14ac:dyDescent="0.2">
      <c r="A117" s="31">
        <v>92</v>
      </c>
      <c r="B117" s="27">
        <v>2</v>
      </c>
      <c r="C117" s="28">
        <v>7</v>
      </c>
      <c r="D117" s="29">
        <v>9</v>
      </c>
    </row>
    <row r="118" spans="1:4" ht="18" customHeight="1" x14ac:dyDescent="0.2">
      <c r="A118" s="31">
        <v>93</v>
      </c>
      <c r="B118" s="27">
        <v>1</v>
      </c>
      <c r="C118" s="28">
        <v>7</v>
      </c>
      <c r="D118" s="29">
        <v>8</v>
      </c>
    </row>
    <row r="119" spans="1:4" ht="18" customHeight="1" x14ac:dyDescent="0.2">
      <c r="A119" s="31">
        <v>94</v>
      </c>
      <c r="B119" s="27">
        <v>0</v>
      </c>
      <c r="C119" s="28">
        <v>6</v>
      </c>
      <c r="D119" s="29">
        <v>6</v>
      </c>
    </row>
    <row r="120" spans="1:4" ht="18" customHeight="1" x14ac:dyDescent="0.2">
      <c r="A120" s="31" t="s">
        <v>86</v>
      </c>
      <c r="B120" s="27">
        <v>8</v>
      </c>
      <c r="C120" s="28">
        <v>42</v>
      </c>
      <c r="D120" s="29">
        <v>50</v>
      </c>
    </row>
    <row r="121" spans="1:4" ht="18" customHeight="1" x14ac:dyDescent="0.2">
      <c r="A121" s="31">
        <v>95</v>
      </c>
      <c r="B121" s="27">
        <v>2</v>
      </c>
      <c r="C121" s="28">
        <v>5</v>
      </c>
      <c r="D121" s="29">
        <v>7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1</v>
      </c>
      <c r="C124" s="28">
        <v>1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3</v>
      </c>
      <c r="C126" s="28">
        <v>9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410</v>
      </c>
      <c r="C130" s="5">
        <v>586</v>
      </c>
      <c r="D130" s="6">
        <v>996</v>
      </c>
    </row>
    <row r="131" spans="1:4" ht="18" customHeight="1" x14ac:dyDescent="0.2">
      <c r="A131" s="33" t="s">
        <v>65</v>
      </c>
      <c r="B131" s="7">
        <v>2648</v>
      </c>
      <c r="C131" s="8">
        <v>2771</v>
      </c>
      <c r="D131" s="9">
        <v>541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4</v>
      </c>
      <c r="C5" s="37">
        <v>5</v>
      </c>
      <c r="D5" s="39">
        <v>9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2</v>
      </c>
      <c r="C7" s="28">
        <v>3</v>
      </c>
      <c r="D7" s="29">
        <v>5</v>
      </c>
    </row>
    <row r="8" spans="1:4" ht="18" customHeight="1" x14ac:dyDescent="0.2">
      <c r="A8" s="31">
        <v>3</v>
      </c>
      <c r="B8" s="35">
        <v>6</v>
      </c>
      <c r="C8" s="28">
        <v>1</v>
      </c>
      <c r="D8" s="29">
        <v>7</v>
      </c>
    </row>
    <row r="9" spans="1:4" ht="18" customHeight="1" x14ac:dyDescent="0.2">
      <c r="A9" s="31">
        <v>4</v>
      </c>
      <c r="B9" s="36">
        <v>6</v>
      </c>
      <c r="C9" s="38">
        <v>4</v>
      </c>
      <c r="D9" s="40">
        <v>10</v>
      </c>
    </row>
    <row r="10" spans="1:4" ht="18" customHeight="1" x14ac:dyDescent="0.2">
      <c r="A10" s="31" t="s">
        <v>66</v>
      </c>
      <c r="B10" s="27">
        <v>19</v>
      </c>
      <c r="C10" s="28">
        <v>14</v>
      </c>
      <c r="D10" s="29">
        <v>33</v>
      </c>
    </row>
    <row r="11" spans="1:4" ht="18" customHeight="1" x14ac:dyDescent="0.2">
      <c r="A11" s="31">
        <v>5</v>
      </c>
      <c r="B11" s="35">
        <v>3</v>
      </c>
      <c r="C11" s="28">
        <v>2</v>
      </c>
      <c r="D11" s="29">
        <v>5</v>
      </c>
    </row>
    <row r="12" spans="1:4" ht="18" customHeight="1" x14ac:dyDescent="0.2">
      <c r="A12" s="31">
        <v>6</v>
      </c>
      <c r="B12" s="35">
        <v>2</v>
      </c>
      <c r="C12" s="28">
        <v>3</v>
      </c>
      <c r="D12" s="29">
        <v>5</v>
      </c>
    </row>
    <row r="13" spans="1:4" ht="18" customHeight="1" x14ac:dyDescent="0.2">
      <c r="A13" s="31">
        <v>7</v>
      </c>
      <c r="B13" s="35">
        <v>0</v>
      </c>
      <c r="C13" s="28">
        <v>4</v>
      </c>
      <c r="D13" s="29">
        <v>4</v>
      </c>
    </row>
    <row r="14" spans="1:4" ht="18" customHeight="1" x14ac:dyDescent="0.2">
      <c r="A14" s="31">
        <v>8</v>
      </c>
      <c r="B14" s="35">
        <v>5</v>
      </c>
      <c r="C14" s="28">
        <v>6</v>
      </c>
      <c r="D14" s="29">
        <v>11</v>
      </c>
    </row>
    <row r="15" spans="1:4" ht="18" customHeight="1" x14ac:dyDescent="0.2">
      <c r="A15" s="31">
        <v>9</v>
      </c>
      <c r="B15" s="35">
        <v>4</v>
      </c>
      <c r="C15" s="28">
        <v>4</v>
      </c>
      <c r="D15" s="29">
        <v>8</v>
      </c>
    </row>
    <row r="16" spans="1:4" ht="18" customHeight="1" x14ac:dyDescent="0.2">
      <c r="A16" s="31" t="s">
        <v>67</v>
      </c>
      <c r="B16" s="27">
        <v>14</v>
      </c>
      <c r="C16" s="28">
        <v>19</v>
      </c>
      <c r="D16" s="29">
        <v>33</v>
      </c>
    </row>
    <row r="17" spans="1:4" ht="18" customHeight="1" x14ac:dyDescent="0.2">
      <c r="A17" s="31">
        <v>10</v>
      </c>
      <c r="B17" s="27">
        <v>11</v>
      </c>
      <c r="C17" s="28">
        <v>5</v>
      </c>
      <c r="D17" s="29">
        <v>16</v>
      </c>
    </row>
    <row r="18" spans="1:4" ht="18" customHeight="1" x14ac:dyDescent="0.2">
      <c r="A18" s="31">
        <v>11</v>
      </c>
      <c r="B18" s="27">
        <v>3</v>
      </c>
      <c r="C18" s="28">
        <v>7</v>
      </c>
      <c r="D18" s="29">
        <v>10</v>
      </c>
    </row>
    <row r="19" spans="1:4" ht="18" customHeight="1" x14ac:dyDescent="0.2">
      <c r="A19" s="31">
        <v>12</v>
      </c>
      <c r="B19" s="27">
        <v>2</v>
      </c>
      <c r="C19" s="28">
        <v>4</v>
      </c>
      <c r="D19" s="29">
        <v>6</v>
      </c>
    </row>
    <row r="20" spans="1:4" ht="18" customHeight="1" x14ac:dyDescent="0.2">
      <c r="A20" s="31">
        <v>13</v>
      </c>
      <c r="B20" s="27">
        <v>4</v>
      </c>
      <c r="C20" s="28">
        <v>5</v>
      </c>
      <c r="D20" s="29">
        <v>9</v>
      </c>
    </row>
    <row r="21" spans="1:4" ht="18" customHeight="1" x14ac:dyDescent="0.2">
      <c r="A21" s="31">
        <v>14</v>
      </c>
      <c r="B21" s="27">
        <v>6</v>
      </c>
      <c r="C21" s="28">
        <v>11</v>
      </c>
      <c r="D21" s="29">
        <v>17</v>
      </c>
    </row>
    <row r="22" spans="1:4" ht="18" customHeight="1" x14ac:dyDescent="0.2">
      <c r="A22" s="31" t="s">
        <v>68</v>
      </c>
      <c r="B22" s="27">
        <v>26</v>
      </c>
      <c r="C22" s="28">
        <v>32</v>
      </c>
      <c r="D22" s="29">
        <v>58</v>
      </c>
    </row>
    <row r="23" spans="1:4" ht="18" customHeight="1" x14ac:dyDescent="0.2">
      <c r="A23" s="31" t="s">
        <v>69</v>
      </c>
      <c r="B23" s="27">
        <v>59</v>
      </c>
      <c r="C23" s="28">
        <v>65</v>
      </c>
      <c r="D23" s="29">
        <v>124</v>
      </c>
    </row>
    <row r="24" spans="1:4" ht="18" customHeight="1" x14ac:dyDescent="0.2">
      <c r="A24" s="31">
        <v>15</v>
      </c>
      <c r="B24" s="27">
        <v>3</v>
      </c>
      <c r="C24" s="28">
        <v>3</v>
      </c>
      <c r="D24" s="29">
        <v>6</v>
      </c>
    </row>
    <row r="25" spans="1:4" ht="18" customHeight="1" x14ac:dyDescent="0.2">
      <c r="A25" s="31">
        <v>16</v>
      </c>
      <c r="B25" s="27">
        <v>9</v>
      </c>
      <c r="C25" s="28">
        <v>6</v>
      </c>
      <c r="D25" s="29">
        <v>15</v>
      </c>
    </row>
    <row r="26" spans="1:4" ht="18" customHeight="1" x14ac:dyDescent="0.2">
      <c r="A26" s="31">
        <v>17</v>
      </c>
      <c r="B26" s="27">
        <v>7</v>
      </c>
      <c r="C26" s="28">
        <v>7</v>
      </c>
      <c r="D26" s="29">
        <v>14</v>
      </c>
    </row>
    <row r="27" spans="1:4" ht="18" customHeight="1" x14ac:dyDescent="0.2">
      <c r="A27" s="31">
        <v>18</v>
      </c>
      <c r="B27" s="27">
        <v>1</v>
      </c>
      <c r="C27" s="28">
        <v>5</v>
      </c>
      <c r="D27" s="29">
        <v>6</v>
      </c>
    </row>
    <row r="28" spans="1:4" ht="18" customHeight="1" x14ac:dyDescent="0.2">
      <c r="A28" s="31">
        <v>19</v>
      </c>
      <c r="B28" s="27">
        <v>9</v>
      </c>
      <c r="C28" s="28">
        <v>4</v>
      </c>
      <c r="D28" s="29">
        <v>13</v>
      </c>
    </row>
    <row r="29" spans="1:4" ht="18" customHeight="1" x14ac:dyDescent="0.2">
      <c r="A29" s="31" t="s">
        <v>70</v>
      </c>
      <c r="B29" s="27">
        <v>29</v>
      </c>
      <c r="C29" s="28">
        <v>25</v>
      </c>
      <c r="D29" s="29">
        <v>54</v>
      </c>
    </row>
    <row r="30" spans="1:4" ht="18" customHeight="1" x14ac:dyDescent="0.2">
      <c r="A30" s="31">
        <v>20</v>
      </c>
      <c r="B30" s="27">
        <v>4</v>
      </c>
      <c r="C30" s="28">
        <v>9</v>
      </c>
      <c r="D30" s="29">
        <v>13</v>
      </c>
    </row>
    <row r="31" spans="1:4" ht="18" customHeight="1" x14ac:dyDescent="0.2">
      <c r="A31" s="31">
        <v>21</v>
      </c>
      <c r="B31" s="27">
        <v>12</v>
      </c>
      <c r="C31" s="28">
        <v>6</v>
      </c>
      <c r="D31" s="29">
        <v>18</v>
      </c>
    </row>
    <row r="32" spans="1:4" ht="18" customHeight="1" x14ac:dyDescent="0.2">
      <c r="A32" s="31">
        <v>22</v>
      </c>
      <c r="B32" s="27">
        <v>7</v>
      </c>
      <c r="C32" s="28">
        <v>6</v>
      </c>
      <c r="D32" s="29">
        <v>13</v>
      </c>
    </row>
    <row r="33" spans="1:4" ht="18" customHeight="1" x14ac:dyDescent="0.2">
      <c r="A33" s="31">
        <v>23</v>
      </c>
      <c r="B33" s="27">
        <v>2</v>
      </c>
      <c r="C33" s="28">
        <v>9</v>
      </c>
      <c r="D33" s="29">
        <v>11</v>
      </c>
    </row>
    <row r="34" spans="1:4" ht="18" customHeight="1" x14ac:dyDescent="0.2">
      <c r="A34" s="31">
        <v>24</v>
      </c>
      <c r="B34" s="27">
        <v>3</v>
      </c>
      <c r="C34" s="28">
        <v>9</v>
      </c>
      <c r="D34" s="29">
        <v>12</v>
      </c>
    </row>
    <row r="35" spans="1:4" ht="18" customHeight="1" x14ac:dyDescent="0.2">
      <c r="A35" s="31" t="s">
        <v>71</v>
      </c>
      <c r="B35" s="27">
        <v>28</v>
      </c>
      <c r="C35" s="28">
        <v>39</v>
      </c>
      <c r="D35" s="29">
        <v>67</v>
      </c>
    </row>
    <row r="36" spans="1:4" ht="18" customHeight="1" x14ac:dyDescent="0.2">
      <c r="A36" s="31">
        <v>25</v>
      </c>
      <c r="B36" s="27">
        <v>3</v>
      </c>
      <c r="C36" s="28">
        <v>4</v>
      </c>
      <c r="D36" s="29">
        <v>7</v>
      </c>
    </row>
    <row r="37" spans="1:4" ht="18" customHeight="1" x14ac:dyDescent="0.2">
      <c r="A37" s="31">
        <v>26</v>
      </c>
      <c r="B37" s="27">
        <v>8</v>
      </c>
      <c r="C37" s="28">
        <v>3</v>
      </c>
      <c r="D37" s="29">
        <v>11</v>
      </c>
    </row>
    <row r="38" spans="1:4" ht="18" customHeight="1" x14ac:dyDescent="0.2">
      <c r="A38" s="31">
        <v>27</v>
      </c>
      <c r="B38" s="27">
        <v>7</v>
      </c>
      <c r="C38" s="28">
        <v>7</v>
      </c>
      <c r="D38" s="29">
        <v>14</v>
      </c>
    </row>
    <row r="39" spans="1:4" ht="18" customHeight="1" x14ac:dyDescent="0.2">
      <c r="A39" s="31">
        <v>28</v>
      </c>
      <c r="B39" s="27">
        <v>2</v>
      </c>
      <c r="C39" s="28">
        <v>7</v>
      </c>
      <c r="D39" s="29">
        <v>9</v>
      </c>
    </row>
    <row r="40" spans="1:4" ht="18" customHeight="1" x14ac:dyDescent="0.2">
      <c r="A40" s="31">
        <v>29</v>
      </c>
      <c r="B40" s="27">
        <v>4</v>
      </c>
      <c r="C40" s="28">
        <v>6</v>
      </c>
      <c r="D40" s="29">
        <v>10</v>
      </c>
    </row>
    <row r="41" spans="1:4" ht="18" customHeight="1" x14ac:dyDescent="0.2">
      <c r="A41" s="31" t="s">
        <v>72</v>
      </c>
      <c r="B41" s="27">
        <v>24</v>
      </c>
      <c r="C41" s="28">
        <v>27</v>
      </c>
      <c r="D41" s="29">
        <v>51</v>
      </c>
    </row>
    <row r="42" spans="1:4" ht="18" customHeight="1" x14ac:dyDescent="0.2">
      <c r="A42" s="31">
        <v>30</v>
      </c>
      <c r="B42" s="27">
        <v>6</v>
      </c>
      <c r="C42" s="28">
        <v>2</v>
      </c>
      <c r="D42" s="29">
        <v>8</v>
      </c>
    </row>
    <row r="43" spans="1:4" ht="18" customHeight="1" x14ac:dyDescent="0.2">
      <c r="A43" s="31">
        <v>31</v>
      </c>
      <c r="B43" s="27">
        <v>9</v>
      </c>
      <c r="C43" s="28">
        <v>6</v>
      </c>
      <c r="D43" s="29">
        <v>15</v>
      </c>
    </row>
    <row r="44" spans="1:4" ht="18" customHeight="1" x14ac:dyDescent="0.2">
      <c r="A44" s="31">
        <v>32</v>
      </c>
      <c r="B44" s="27">
        <v>7</v>
      </c>
      <c r="C44" s="28">
        <v>3</v>
      </c>
      <c r="D44" s="29">
        <v>10</v>
      </c>
    </row>
    <row r="45" spans="1:4" ht="18" customHeight="1" x14ac:dyDescent="0.2">
      <c r="A45" s="31">
        <v>33</v>
      </c>
      <c r="B45" s="27">
        <v>6</v>
      </c>
      <c r="C45" s="28">
        <v>11</v>
      </c>
      <c r="D45" s="29">
        <v>17</v>
      </c>
    </row>
    <row r="46" spans="1:4" ht="18" customHeight="1" x14ac:dyDescent="0.2">
      <c r="A46" s="31">
        <v>34</v>
      </c>
      <c r="B46" s="27">
        <v>5</v>
      </c>
      <c r="C46" s="28">
        <v>5</v>
      </c>
      <c r="D46" s="29">
        <v>10</v>
      </c>
    </row>
    <row r="47" spans="1:4" ht="18" customHeight="1" x14ac:dyDescent="0.2">
      <c r="A47" s="31" t="s">
        <v>73</v>
      </c>
      <c r="B47" s="27">
        <v>33</v>
      </c>
      <c r="C47" s="28">
        <v>27</v>
      </c>
      <c r="D47" s="29">
        <v>60</v>
      </c>
    </row>
    <row r="48" spans="1:4" ht="18" customHeight="1" x14ac:dyDescent="0.2">
      <c r="A48" s="31">
        <v>35</v>
      </c>
      <c r="B48" s="27">
        <v>7</v>
      </c>
      <c r="C48" s="28">
        <v>4</v>
      </c>
      <c r="D48" s="29">
        <v>11</v>
      </c>
    </row>
    <row r="49" spans="1:4" ht="18" customHeight="1" x14ac:dyDescent="0.2">
      <c r="A49" s="31">
        <v>36</v>
      </c>
      <c r="B49" s="27">
        <v>2</v>
      </c>
      <c r="C49" s="28">
        <v>6</v>
      </c>
      <c r="D49" s="29">
        <v>8</v>
      </c>
    </row>
    <row r="50" spans="1:4" ht="18" customHeight="1" x14ac:dyDescent="0.2">
      <c r="A50" s="31">
        <v>37</v>
      </c>
      <c r="B50" s="27">
        <v>7</v>
      </c>
      <c r="C50" s="28">
        <v>5</v>
      </c>
      <c r="D50" s="29">
        <v>12</v>
      </c>
    </row>
    <row r="51" spans="1:4" ht="18" customHeight="1" x14ac:dyDescent="0.2">
      <c r="A51" s="31">
        <v>38</v>
      </c>
      <c r="B51" s="27">
        <v>2</v>
      </c>
      <c r="C51" s="28">
        <v>2</v>
      </c>
      <c r="D51" s="29">
        <v>4</v>
      </c>
    </row>
    <row r="52" spans="1:4" ht="18" customHeight="1" x14ac:dyDescent="0.2">
      <c r="A52" s="31">
        <v>39</v>
      </c>
      <c r="B52" s="27">
        <v>5</v>
      </c>
      <c r="C52" s="28">
        <v>4</v>
      </c>
      <c r="D52" s="29">
        <v>9</v>
      </c>
    </row>
    <row r="53" spans="1:4" ht="18" customHeight="1" x14ac:dyDescent="0.2">
      <c r="A53" s="31" t="s">
        <v>74</v>
      </c>
      <c r="B53" s="27">
        <v>23</v>
      </c>
      <c r="C53" s="28">
        <v>21</v>
      </c>
      <c r="D53" s="29">
        <v>44</v>
      </c>
    </row>
    <row r="54" spans="1:4" ht="18" customHeight="1" x14ac:dyDescent="0.2">
      <c r="A54" s="31">
        <v>40</v>
      </c>
      <c r="B54" s="27">
        <v>9</v>
      </c>
      <c r="C54" s="28">
        <v>6</v>
      </c>
      <c r="D54" s="29">
        <v>15</v>
      </c>
    </row>
    <row r="55" spans="1:4" ht="18" customHeight="1" x14ac:dyDescent="0.2">
      <c r="A55" s="31">
        <v>41</v>
      </c>
      <c r="B55" s="27">
        <v>8</v>
      </c>
      <c r="C55" s="28">
        <v>11</v>
      </c>
      <c r="D55" s="29">
        <v>19</v>
      </c>
    </row>
    <row r="56" spans="1:4" ht="18" customHeight="1" x14ac:dyDescent="0.2">
      <c r="A56" s="31">
        <v>42</v>
      </c>
      <c r="B56" s="27">
        <v>8</v>
      </c>
      <c r="C56" s="28">
        <v>6</v>
      </c>
      <c r="D56" s="29">
        <v>14</v>
      </c>
    </row>
    <row r="57" spans="1:4" ht="18" customHeight="1" x14ac:dyDescent="0.2">
      <c r="A57" s="31">
        <v>43</v>
      </c>
      <c r="B57" s="27">
        <v>3</v>
      </c>
      <c r="C57" s="28">
        <v>8</v>
      </c>
      <c r="D57" s="29">
        <v>11</v>
      </c>
    </row>
    <row r="58" spans="1:4" ht="18" customHeight="1" x14ac:dyDescent="0.2">
      <c r="A58" s="31">
        <v>44</v>
      </c>
      <c r="B58" s="27">
        <v>9</v>
      </c>
      <c r="C58" s="28">
        <v>3</v>
      </c>
      <c r="D58" s="29">
        <v>12</v>
      </c>
    </row>
    <row r="59" spans="1:4" ht="18" customHeight="1" x14ac:dyDescent="0.2">
      <c r="A59" s="31" t="s">
        <v>75</v>
      </c>
      <c r="B59" s="27">
        <v>37</v>
      </c>
      <c r="C59" s="28">
        <v>34</v>
      </c>
      <c r="D59" s="29">
        <v>71</v>
      </c>
    </row>
    <row r="60" spans="1:4" ht="18" customHeight="1" x14ac:dyDescent="0.2">
      <c r="A60" s="31">
        <v>45</v>
      </c>
      <c r="B60" s="27">
        <v>6</v>
      </c>
      <c r="C60" s="28">
        <v>9</v>
      </c>
      <c r="D60" s="29">
        <v>15</v>
      </c>
    </row>
    <row r="61" spans="1:4" ht="18" customHeight="1" x14ac:dyDescent="0.2">
      <c r="A61" s="31">
        <v>46</v>
      </c>
      <c r="B61" s="27">
        <v>7</v>
      </c>
      <c r="C61" s="28">
        <v>5</v>
      </c>
      <c r="D61" s="29">
        <v>12</v>
      </c>
    </row>
    <row r="62" spans="1:4" ht="18" customHeight="1" x14ac:dyDescent="0.2">
      <c r="A62" s="31">
        <v>47</v>
      </c>
      <c r="B62" s="27">
        <v>9</v>
      </c>
      <c r="C62" s="28">
        <v>7</v>
      </c>
      <c r="D62" s="29">
        <v>16</v>
      </c>
    </row>
    <row r="63" spans="1:4" ht="18" customHeight="1" x14ac:dyDescent="0.2">
      <c r="A63" s="31">
        <v>48</v>
      </c>
      <c r="B63" s="27">
        <v>7</v>
      </c>
      <c r="C63" s="28">
        <v>9</v>
      </c>
      <c r="D63" s="29">
        <v>16</v>
      </c>
    </row>
    <row r="64" spans="1:4" ht="18" customHeight="1" x14ac:dyDescent="0.2">
      <c r="A64" s="31">
        <v>49</v>
      </c>
      <c r="B64" s="27">
        <v>10</v>
      </c>
      <c r="C64" s="28">
        <v>6</v>
      </c>
      <c r="D64" s="29">
        <v>16</v>
      </c>
    </row>
    <row r="65" spans="1:4" ht="18" customHeight="1" x14ac:dyDescent="0.2">
      <c r="A65" s="31" t="s">
        <v>76</v>
      </c>
      <c r="B65" s="27">
        <v>39</v>
      </c>
      <c r="C65" s="28">
        <v>36</v>
      </c>
      <c r="D65" s="29">
        <v>75</v>
      </c>
    </row>
    <row r="66" spans="1:4" ht="18" customHeight="1" x14ac:dyDescent="0.2">
      <c r="A66" s="31">
        <v>50</v>
      </c>
      <c r="B66" s="27">
        <v>9</v>
      </c>
      <c r="C66" s="28">
        <v>7</v>
      </c>
      <c r="D66" s="29">
        <v>16</v>
      </c>
    </row>
    <row r="67" spans="1:4" ht="18" customHeight="1" x14ac:dyDescent="0.2">
      <c r="A67" s="31">
        <v>51</v>
      </c>
      <c r="B67" s="27">
        <v>5</v>
      </c>
      <c r="C67" s="28">
        <v>3</v>
      </c>
      <c r="D67" s="29">
        <v>8</v>
      </c>
    </row>
    <row r="68" spans="1:4" ht="18" customHeight="1" x14ac:dyDescent="0.2">
      <c r="A68" s="31">
        <v>52</v>
      </c>
      <c r="B68" s="27">
        <v>10</v>
      </c>
      <c r="C68" s="28">
        <v>8</v>
      </c>
      <c r="D68" s="29">
        <v>18</v>
      </c>
    </row>
    <row r="69" spans="1:4" ht="18" customHeight="1" x14ac:dyDescent="0.2">
      <c r="A69" s="31">
        <v>53</v>
      </c>
      <c r="B69" s="27">
        <v>7</v>
      </c>
      <c r="C69" s="28">
        <v>3</v>
      </c>
      <c r="D69" s="29">
        <v>10</v>
      </c>
    </row>
    <row r="70" spans="1:4" ht="18" customHeight="1" x14ac:dyDescent="0.2">
      <c r="A70" s="31">
        <v>54</v>
      </c>
      <c r="B70" s="27">
        <v>5</v>
      </c>
      <c r="C70" s="28">
        <v>6</v>
      </c>
      <c r="D70" s="29">
        <v>11</v>
      </c>
    </row>
    <row r="71" spans="1:4" ht="18" customHeight="1" x14ac:dyDescent="0.2">
      <c r="A71" s="31" t="s">
        <v>77</v>
      </c>
      <c r="B71" s="27">
        <v>36</v>
      </c>
      <c r="C71" s="28">
        <v>27</v>
      </c>
      <c r="D71" s="29">
        <v>63</v>
      </c>
    </row>
    <row r="72" spans="1:4" ht="18" customHeight="1" x14ac:dyDescent="0.2">
      <c r="A72" s="31">
        <v>55</v>
      </c>
      <c r="B72" s="27">
        <v>9</v>
      </c>
      <c r="C72" s="28">
        <v>5</v>
      </c>
      <c r="D72" s="29">
        <v>14</v>
      </c>
    </row>
    <row r="73" spans="1:4" ht="18" customHeight="1" x14ac:dyDescent="0.2">
      <c r="A73" s="31">
        <v>56</v>
      </c>
      <c r="B73" s="27">
        <v>10</v>
      </c>
      <c r="C73" s="28">
        <v>8</v>
      </c>
      <c r="D73" s="29">
        <v>18</v>
      </c>
    </row>
    <row r="74" spans="1:4" ht="18" customHeight="1" x14ac:dyDescent="0.2">
      <c r="A74" s="31">
        <v>57</v>
      </c>
      <c r="B74" s="27">
        <v>8</v>
      </c>
      <c r="C74" s="28">
        <v>6</v>
      </c>
      <c r="D74" s="29">
        <v>14</v>
      </c>
    </row>
    <row r="75" spans="1:4" ht="18" customHeight="1" x14ac:dyDescent="0.2">
      <c r="A75" s="31">
        <v>58</v>
      </c>
      <c r="B75" s="27">
        <v>8</v>
      </c>
      <c r="C75" s="28">
        <v>7</v>
      </c>
      <c r="D75" s="29">
        <v>15</v>
      </c>
    </row>
    <row r="76" spans="1:4" ht="18" customHeight="1" x14ac:dyDescent="0.2">
      <c r="A76" s="31">
        <v>59</v>
      </c>
      <c r="B76" s="27">
        <v>13</v>
      </c>
      <c r="C76" s="28">
        <v>15</v>
      </c>
      <c r="D76" s="29">
        <v>28</v>
      </c>
    </row>
    <row r="77" spans="1:4" ht="18" customHeight="1" x14ac:dyDescent="0.2">
      <c r="A77" s="31" t="s">
        <v>78</v>
      </c>
      <c r="B77" s="27">
        <v>48</v>
      </c>
      <c r="C77" s="28">
        <v>41</v>
      </c>
      <c r="D77" s="29">
        <v>89</v>
      </c>
    </row>
    <row r="78" spans="1:4" ht="18" customHeight="1" x14ac:dyDescent="0.2">
      <c r="A78" s="31">
        <v>60</v>
      </c>
      <c r="B78" s="27">
        <v>10</v>
      </c>
      <c r="C78" s="28">
        <v>7</v>
      </c>
      <c r="D78" s="29">
        <v>17</v>
      </c>
    </row>
    <row r="79" spans="1:4" ht="18" customHeight="1" x14ac:dyDescent="0.2">
      <c r="A79" s="31">
        <v>61</v>
      </c>
      <c r="B79" s="27">
        <v>8</v>
      </c>
      <c r="C79" s="28">
        <v>18</v>
      </c>
      <c r="D79" s="29">
        <v>26</v>
      </c>
    </row>
    <row r="80" spans="1:4" ht="18" customHeight="1" x14ac:dyDescent="0.2">
      <c r="A80" s="31">
        <v>62</v>
      </c>
      <c r="B80" s="27">
        <v>10</v>
      </c>
      <c r="C80" s="28">
        <v>8</v>
      </c>
      <c r="D80" s="29">
        <v>18</v>
      </c>
    </row>
    <row r="81" spans="1:4" ht="18" customHeight="1" x14ac:dyDescent="0.2">
      <c r="A81" s="31">
        <v>63</v>
      </c>
      <c r="B81" s="27">
        <v>4</v>
      </c>
      <c r="C81" s="28">
        <v>4</v>
      </c>
      <c r="D81" s="29">
        <v>8</v>
      </c>
    </row>
    <row r="82" spans="1:4" ht="18" customHeight="1" x14ac:dyDescent="0.2">
      <c r="A82" s="31">
        <v>64</v>
      </c>
      <c r="B82" s="27">
        <v>7</v>
      </c>
      <c r="C82" s="28">
        <v>8</v>
      </c>
      <c r="D82" s="29">
        <v>15</v>
      </c>
    </row>
    <row r="83" spans="1:4" ht="18" customHeight="1" x14ac:dyDescent="0.2">
      <c r="A83" s="31" t="s">
        <v>79</v>
      </c>
      <c r="B83" s="27">
        <v>39</v>
      </c>
      <c r="C83" s="28">
        <v>45</v>
      </c>
      <c r="D83" s="29">
        <v>84</v>
      </c>
    </row>
    <row r="84" spans="1:4" ht="18" customHeight="1" x14ac:dyDescent="0.2">
      <c r="A84" s="31" t="s">
        <v>80</v>
      </c>
      <c r="B84" s="27">
        <v>336</v>
      </c>
      <c r="C84" s="28">
        <v>322</v>
      </c>
      <c r="D84" s="29">
        <v>658</v>
      </c>
    </row>
    <row r="85" spans="1:4" ht="18" customHeight="1" x14ac:dyDescent="0.2">
      <c r="A85" s="31">
        <v>65</v>
      </c>
      <c r="B85" s="27">
        <v>9</v>
      </c>
      <c r="C85" s="28">
        <v>7</v>
      </c>
      <c r="D85" s="29">
        <v>16</v>
      </c>
    </row>
    <row r="86" spans="1:4" ht="18" customHeight="1" x14ac:dyDescent="0.2">
      <c r="A86" s="31">
        <v>66</v>
      </c>
      <c r="B86" s="27">
        <v>8</v>
      </c>
      <c r="C86" s="28">
        <v>8</v>
      </c>
      <c r="D86" s="29">
        <v>16</v>
      </c>
    </row>
    <row r="87" spans="1:4" ht="18" customHeight="1" x14ac:dyDescent="0.2">
      <c r="A87" s="31">
        <v>67</v>
      </c>
      <c r="B87" s="27">
        <v>11</v>
      </c>
      <c r="C87" s="28">
        <v>7</v>
      </c>
      <c r="D87" s="29">
        <v>18</v>
      </c>
    </row>
    <row r="88" spans="1:4" ht="18" customHeight="1" x14ac:dyDescent="0.2">
      <c r="A88" s="31">
        <v>68</v>
      </c>
      <c r="B88" s="27">
        <v>6</v>
      </c>
      <c r="C88" s="28">
        <v>10</v>
      </c>
      <c r="D88" s="29">
        <v>16</v>
      </c>
    </row>
    <row r="89" spans="1:4" ht="18" customHeight="1" x14ac:dyDescent="0.2">
      <c r="A89" s="31">
        <v>69</v>
      </c>
      <c r="B89" s="27">
        <v>4</v>
      </c>
      <c r="C89" s="28">
        <v>6</v>
      </c>
      <c r="D89" s="29">
        <v>10</v>
      </c>
    </row>
    <row r="90" spans="1:4" ht="18" customHeight="1" x14ac:dyDescent="0.2">
      <c r="A90" s="31" t="s">
        <v>81</v>
      </c>
      <c r="B90" s="27">
        <v>38</v>
      </c>
      <c r="C90" s="28">
        <v>38</v>
      </c>
      <c r="D90" s="29">
        <v>76</v>
      </c>
    </row>
    <row r="91" spans="1:4" ht="18" customHeight="1" x14ac:dyDescent="0.2">
      <c r="A91" s="31">
        <v>70</v>
      </c>
      <c r="B91" s="27">
        <v>9</v>
      </c>
      <c r="C91" s="28">
        <v>9</v>
      </c>
      <c r="D91" s="29">
        <v>18</v>
      </c>
    </row>
    <row r="92" spans="1:4" ht="18" customHeight="1" x14ac:dyDescent="0.2">
      <c r="A92" s="31">
        <v>71</v>
      </c>
      <c r="B92" s="27">
        <v>7</v>
      </c>
      <c r="C92" s="28">
        <v>14</v>
      </c>
      <c r="D92" s="29">
        <v>21</v>
      </c>
    </row>
    <row r="93" spans="1:4" ht="18" customHeight="1" x14ac:dyDescent="0.2">
      <c r="A93" s="31">
        <v>72</v>
      </c>
      <c r="B93" s="27">
        <v>5</v>
      </c>
      <c r="C93" s="28">
        <v>9</v>
      </c>
      <c r="D93" s="29">
        <v>14</v>
      </c>
    </row>
    <row r="94" spans="1:4" ht="18" customHeight="1" x14ac:dyDescent="0.2">
      <c r="A94" s="31">
        <v>73</v>
      </c>
      <c r="B94" s="27">
        <v>4</v>
      </c>
      <c r="C94" s="28">
        <v>14</v>
      </c>
      <c r="D94" s="29">
        <v>18</v>
      </c>
    </row>
    <row r="95" spans="1:4" ht="18" customHeight="1" x14ac:dyDescent="0.2">
      <c r="A95" s="31">
        <v>74</v>
      </c>
      <c r="B95" s="27">
        <v>9</v>
      </c>
      <c r="C95" s="28">
        <v>6</v>
      </c>
      <c r="D95" s="29">
        <v>15</v>
      </c>
    </row>
    <row r="96" spans="1:4" ht="18" customHeight="1" x14ac:dyDescent="0.2">
      <c r="A96" s="31" t="s">
        <v>82</v>
      </c>
      <c r="B96" s="27">
        <v>34</v>
      </c>
      <c r="C96" s="28">
        <v>52</v>
      </c>
      <c r="D96" s="29">
        <v>86</v>
      </c>
    </row>
    <row r="97" spans="1:4" ht="18" customHeight="1" x14ac:dyDescent="0.2">
      <c r="A97" s="31">
        <v>75</v>
      </c>
      <c r="B97" s="27">
        <v>5</v>
      </c>
      <c r="C97" s="28">
        <v>5</v>
      </c>
      <c r="D97" s="29">
        <v>10</v>
      </c>
    </row>
    <row r="98" spans="1:4" ht="18" customHeight="1" x14ac:dyDescent="0.2">
      <c r="A98" s="31">
        <v>76</v>
      </c>
      <c r="B98" s="27">
        <v>5</v>
      </c>
      <c r="C98" s="28">
        <v>7</v>
      </c>
      <c r="D98" s="29">
        <v>12</v>
      </c>
    </row>
    <row r="99" spans="1:4" ht="18" customHeight="1" x14ac:dyDescent="0.2">
      <c r="A99" s="31">
        <v>77</v>
      </c>
      <c r="B99" s="27">
        <v>7</v>
      </c>
      <c r="C99" s="28">
        <v>6</v>
      </c>
      <c r="D99" s="29">
        <v>13</v>
      </c>
    </row>
    <row r="100" spans="1:4" ht="18" customHeight="1" x14ac:dyDescent="0.2">
      <c r="A100" s="31">
        <v>78</v>
      </c>
      <c r="B100" s="27">
        <v>5</v>
      </c>
      <c r="C100" s="28">
        <v>8</v>
      </c>
      <c r="D100" s="29">
        <v>13</v>
      </c>
    </row>
    <row r="101" spans="1:4" ht="18" customHeight="1" x14ac:dyDescent="0.2">
      <c r="A101" s="31">
        <v>79</v>
      </c>
      <c r="B101" s="27">
        <v>5</v>
      </c>
      <c r="C101" s="28">
        <v>6</v>
      </c>
      <c r="D101" s="29">
        <v>11</v>
      </c>
    </row>
    <row r="102" spans="1:4" ht="18" customHeight="1" x14ac:dyDescent="0.2">
      <c r="A102" s="31" t="s">
        <v>83</v>
      </c>
      <c r="B102" s="27">
        <v>27</v>
      </c>
      <c r="C102" s="28">
        <v>32</v>
      </c>
      <c r="D102" s="29">
        <v>59</v>
      </c>
    </row>
    <row r="103" spans="1:4" ht="18" customHeight="1" x14ac:dyDescent="0.2">
      <c r="A103" s="31">
        <v>80</v>
      </c>
      <c r="B103" s="27">
        <v>3</v>
      </c>
      <c r="C103" s="28">
        <v>8</v>
      </c>
      <c r="D103" s="29">
        <v>11</v>
      </c>
    </row>
    <row r="104" spans="1:4" ht="18" customHeight="1" x14ac:dyDescent="0.2">
      <c r="A104" s="31">
        <v>81</v>
      </c>
      <c r="B104" s="27">
        <v>6</v>
      </c>
      <c r="C104" s="28">
        <v>7</v>
      </c>
      <c r="D104" s="29">
        <v>13</v>
      </c>
    </row>
    <row r="105" spans="1:4" ht="18" customHeight="1" x14ac:dyDescent="0.2">
      <c r="A105" s="31">
        <v>82</v>
      </c>
      <c r="B105" s="27">
        <v>8</v>
      </c>
      <c r="C105" s="28">
        <v>5</v>
      </c>
      <c r="D105" s="29">
        <v>13</v>
      </c>
    </row>
    <row r="106" spans="1:4" ht="18" customHeight="1" x14ac:dyDescent="0.2">
      <c r="A106" s="31">
        <v>83</v>
      </c>
      <c r="B106" s="27">
        <v>4</v>
      </c>
      <c r="C106" s="28">
        <v>5</v>
      </c>
      <c r="D106" s="29">
        <v>9</v>
      </c>
    </row>
    <row r="107" spans="1:4" ht="18" customHeight="1" x14ac:dyDescent="0.2">
      <c r="A107" s="31">
        <v>84</v>
      </c>
      <c r="B107" s="27">
        <v>10</v>
      </c>
      <c r="C107" s="28">
        <v>9</v>
      </c>
      <c r="D107" s="29">
        <v>19</v>
      </c>
    </row>
    <row r="108" spans="1:4" ht="18" customHeight="1" x14ac:dyDescent="0.2">
      <c r="A108" s="31" t="s">
        <v>84</v>
      </c>
      <c r="B108" s="27">
        <v>31</v>
      </c>
      <c r="C108" s="28">
        <v>34</v>
      </c>
      <c r="D108" s="29">
        <v>65</v>
      </c>
    </row>
    <row r="109" spans="1:4" ht="18" customHeight="1" x14ac:dyDescent="0.2">
      <c r="A109" s="31">
        <v>85</v>
      </c>
      <c r="B109" s="27">
        <v>0</v>
      </c>
      <c r="C109" s="28">
        <v>6</v>
      </c>
      <c r="D109" s="29">
        <v>6</v>
      </c>
    </row>
    <row r="110" spans="1:4" ht="18" customHeight="1" x14ac:dyDescent="0.2">
      <c r="A110" s="31">
        <v>86</v>
      </c>
      <c r="B110" s="27">
        <v>4</v>
      </c>
      <c r="C110" s="28">
        <v>4</v>
      </c>
      <c r="D110" s="29">
        <v>8</v>
      </c>
    </row>
    <row r="111" spans="1:4" ht="18" customHeight="1" x14ac:dyDescent="0.2">
      <c r="A111" s="31">
        <v>87</v>
      </c>
      <c r="B111" s="27">
        <v>3</v>
      </c>
      <c r="C111" s="28">
        <v>4</v>
      </c>
      <c r="D111" s="29">
        <v>7</v>
      </c>
    </row>
    <row r="112" spans="1:4" ht="18" customHeight="1" x14ac:dyDescent="0.2">
      <c r="A112" s="31">
        <v>88</v>
      </c>
      <c r="B112" s="27">
        <v>0</v>
      </c>
      <c r="C112" s="28">
        <v>6</v>
      </c>
      <c r="D112" s="29">
        <v>6</v>
      </c>
    </row>
    <row r="113" spans="1:4" ht="18" customHeight="1" x14ac:dyDescent="0.2">
      <c r="A113" s="31">
        <v>89</v>
      </c>
      <c r="B113" s="27">
        <v>1</v>
      </c>
      <c r="C113" s="28">
        <v>4</v>
      </c>
      <c r="D113" s="29">
        <v>5</v>
      </c>
    </row>
    <row r="114" spans="1:4" ht="18" customHeight="1" x14ac:dyDescent="0.2">
      <c r="A114" s="31" t="s">
        <v>85</v>
      </c>
      <c r="B114" s="27">
        <v>8</v>
      </c>
      <c r="C114" s="28">
        <v>24</v>
      </c>
      <c r="D114" s="29">
        <v>32</v>
      </c>
    </row>
    <row r="115" spans="1:4" ht="18" customHeight="1" x14ac:dyDescent="0.2">
      <c r="A115" s="31">
        <v>90</v>
      </c>
      <c r="B115" s="27">
        <v>3</v>
      </c>
      <c r="C115" s="28">
        <v>2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5</v>
      </c>
      <c r="D116" s="29">
        <v>5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2</v>
      </c>
      <c r="C119" s="28">
        <v>3</v>
      </c>
      <c r="D119" s="29">
        <v>5</v>
      </c>
    </row>
    <row r="120" spans="1:4" ht="18" customHeight="1" x14ac:dyDescent="0.2">
      <c r="A120" s="31" t="s">
        <v>86</v>
      </c>
      <c r="B120" s="27">
        <v>6</v>
      </c>
      <c r="C120" s="28">
        <v>12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2</v>
      </c>
      <c r="C122" s="28">
        <v>1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3</v>
      </c>
      <c r="C126" s="28">
        <v>3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147</v>
      </c>
      <c r="C130" s="5">
        <v>195</v>
      </c>
      <c r="D130" s="6">
        <v>342</v>
      </c>
    </row>
    <row r="131" spans="1:4" ht="18" customHeight="1" x14ac:dyDescent="0.2">
      <c r="A131" s="33" t="s">
        <v>65</v>
      </c>
      <c r="B131" s="7">
        <v>542</v>
      </c>
      <c r="C131" s="8">
        <v>582</v>
      </c>
      <c r="D131" s="9">
        <v>112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39</v>
      </c>
      <c r="C5" s="37">
        <v>29</v>
      </c>
      <c r="D5" s="39">
        <v>68</v>
      </c>
    </row>
    <row r="6" spans="1:4" ht="18" customHeight="1" x14ac:dyDescent="0.2">
      <c r="A6" s="31">
        <v>1</v>
      </c>
      <c r="B6" s="35">
        <v>36</v>
      </c>
      <c r="C6" s="28">
        <v>42</v>
      </c>
      <c r="D6" s="29">
        <v>78</v>
      </c>
    </row>
    <row r="7" spans="1:4" ht="18" customHeight="1" x14ac:dyDescent="0.2">
      <c r="A7" s="31">
        <v>2</v>
      </c>
      <c r="B7" s="35">
        <v>33</v>
      </c>
      <c r="C7" s="28">
        <v>39</v>
      </c>
      <c r="D7" s="29">
        <v>72</v>
      </c>
    </row>
    <row r="8" spans="1:4" ht="18" customHeight="1" x14ac:dyDescent="0.2">
      <c r="A8" s="31">
        <v>3</v>
      </c>
      <c r="B8" s="35">
        <v>42</v>
      </c>
      <c r="C8" s="28">
        <v>39</v>
      </c>
      <c r="D8" s="29">
        <v>81</v>
      </c>
    </row>
    <row r="9" spans="1:4" ht="18" customHeight="1" x14ac:dyDescent="0.2">
      <c r="A9" s="31">
        <v>4</v>
      </c>
      <c r="B9" s="36">
        <v>56</v>
      </c>
      <c r="C9" s="38">
        <v>47</v>
      </c>
      <c r="D9" s="40">
        <v>103</v>
      </c>
    </row>
    <row r="10" spans="1:4" ht="18" customHeight="1" x14ac:dyDescent="0.2">
      <c r="A10" s="31" t="s">
        <v>66</v>
      </c>
      <c r="B10" s="27">
        <v>206</v>
      </c>
      <c r="C10" s="28">
        <v>196</v>
      </c>
      <c r="D10" s="29">
        <v>402</v>
      </c>
    </row>
    <row r="11" spans="1:4" ht="18" customHeight="1" x14ac:dyDescent="0.2">
      <c r="A11" s="31">
        <v>5</v>
      </c>
      <c r="B11" s="35">
        <v>41</v>
      </c>
      <c r="C11" s="28">
        <v>52</v>
      </c>
      <c r="D11" s="29">
        <v>93</v>
      </c>
    </row>
    <row r="12" spans="1:4" ht="18" customHeight="1" x14ac:dyDescent="0.2">
      <c r="A12" s="31">
        <v>6</v>
      </c>
      <c r="B12" s="35">
        <v>53</v>
      </c>
      <c r="C12" s="28">
        <v>44</v>
      </c>
      <c r="D12" s="29">
        <v>97</v>
      </c>
    </row>
    <row r="13" spans="1:4" ht="18" customHeight="1" x14ac:dyDescent="0.2">
      <c r="A13" s="31">
        <v>7</v>
      </c>
      <c r="B13" s="35">
        <v>59</v>
      </c>
      <c r="C13" s="28">
        <v>65</v>
      </c>
      <c r="D13" s="29">
        <v>124</v>
      </c>
    </row>
    <row r="14" spans="1:4" ht="18" customHeight="1" x14ac:dyDescent="0.2">
      <c r="A14" s="31">
        <v>8</v>
      </c>
      <c r="B14" s="35">
        <v>50</v>
      </c>
      <c r="C14" s="28">
        <v>53</v>
      </c>
      <c r="D14" s="29">
        <v>103</v>
      </c>
    </row>
    <row r="15" spans="1:4" ht="18" customHeight="1" x14ac:dyDescent="0.2">
      <c r="A15" s="31">
        <v>9</v>
      </c>
      <c r="B15" s="35">
        <v>49</v>
      </c>
      <c r="C15" s="28">
        <v>48</v>
      </c>
      <c r="D15" s="29">
        <v>97</v>
      </c>
    </row>
    <row r="16" spans="1:4" ht="18" customHeight="1" x14ac:dyDescent="0.2">
      <c r="A16" s="31" t="s">
        <v>67</v>
      </c>
      <c r="B16" s="27">
        <v>252</v>
      </c>
      <c r="C16" s="28">
        <v>262</v>
      </c>
      <c r="D16" s="29">
        <v>514</v>
      </c>
    </row>
    <row r="17" spans="1:4" ht="18" customHeight="1" x14ac:dyDescent="0.2">
      <c r="A17" s="31">
        <v>10</v>
      </c>
      <c r="B17" s="27">
        <v>68</v>
      </c>
      <c r="C17" s="28">
        <v>68</v>
      </c>
      <c r="D17" s="29">
        <v>136</v>
      </c>
    </row>
    <row r="18" spans="1:4" ht="18" customHeight="1" x14ac:dyDescent="0.2">
      <c r="A18" s="31">
        <v>11</v>
      </c>
      <c r="B18" s="27">
        <v>60</v>
      </c>
      <c r="C18" s="28">
        <v>59</v>
      </c>
      <c r="D18" s="29">
        <v>119</v>
      </c>
    </row>
    <row r="19" spans="1:4" ht="18" customHeight="1" x14ac:dyDescent="0.2">
      <c r="A19" s="31">
        <v>12</v>
      </c>
      <c r="B19" s="27">
        <v>67</v>
      </c>
      <c r="C19" s="28">
        <v>59</v>
      </c>
      <c r="D19" s="29">
        <v>126</v>
      </c>
    </row>
    <row r="20" spans="1:4" ht="18" customHeight="1" x14ac:dyDescent="0.2">
      <c r="A20" s="31">
        <v>13</v>
      </c>
      <c r="B20" s="27">
        <v>66</v>
      </c>
      <c r="C20" s="28">
        <v>51</v>
      </c>
      <c r="D20" s="29">
        <v>117</v>
      </c>
    </row>
    <row r="21" spans="1:4" ht="18" customHeight="1" x14ac:dyDescent="0.2">
      <c r="A21" s="31">
        <v>14</v>
      </c>
      <c r="B21" s="27">
        <v>64</v>
      </c>
      <c r="C21" s="28">
        <v>68</v>
      </c>
      <c r="D21" s="29">
        <v>132</v>
      </c>
    </row>
    <row r="22" spans="1:4" ht="18" customHeight="1" x14ac:dyDescent="0.2">
      <c r="A22" s="31" t="s">
        <v>68</v>
      </c>
      <c r="B22" s="27">
        <v>325</v>
      </c>
      <c r="C22" s="28">
        <v>305</v>
      </c>
      <c r="D22" s="29">
        <v>630</v>
      </c>
    </row>
    <row r="23" spans="1:4" ht="18" customHeight="1" x14ac:dyDescent="0.2">
      <c r="A23" s="31" t="s">
        <v>69</v>
      </c>
      <c r="B23" s="27">
        <v>783</v>
      </c>
      <c r="C23" s="28">
        <v>763</v>
      </c>
      <c r="D23" s="29">
        <v>1546</v>
      </c>
    </row>
    <row r="24" spans="1:4" ht="18" customHeight="1" x14ac:dyDescent="0.2">
      <c r="A24" s="31">
        <v>15</v>
      </c>
      <c r="B24" s="27">
        <v>64</v>
      </c>
      <c r="C24" s="28">
        <v>50</v>
      </c>
      <c r="D24" s="29">
        <v>114</v>
      </c>
    </row>
    <row r="25" spans="1:4" ht="18" customHeight="1" x14ac:dyDescent="0.2">
      <c r="A25" s="31">
        <v>16</v>
      </c>
      <c r="B25" s="27">
        <v>70</v>
      </c>
      <c r="C25" s="28">
        <v>64</v>
      </c>
      <c r="D25" s="29">
        <v>134</v>
      </c>
    </row>
    <row r="26" spans="1:4" ht="18" customHeight="1" x14ac:dyDescent="0.2">
      <c r="A26" s="31">
        <v>17</v>
      </c>
      <c r="B26" s="27">
        <v>43</v>
      </c>
      <c r="C26" s="28">
        <v>55</v>
      </c>
      <c r="D26" s="29">
        <v>98</v>
      </c>
    </row>
    <row r="27" spans="1:4" ht="18" customHeight="1" x14ac:dyDescent="0.2">
      <c r="A27" s="31">
        <v>18</v>
      </c>
      <c r="B27" s="27">
        <v>45</v>
      </c>
      <c r="C27" s="28">
        <v>50</v>
      </c>
      <c r="D27" s="29">
        <v>95</v>
      </c>
    </row>
    <row r="28" spans="1:4" ht="18" customHeight="1" x14ac:dyDescent="0.2">
      <c r="A28" s="31">
        <v>19</v>
      </c>
      <c r="B28" s="27">
        <v>67</v>
      </c>
      <c r="C28" s="28">
        <v>50</v>
      </c>
      <c r="D28" s="29">
        <v>117</v>
      </c>
    </row>
    <row r="29" spans="1:4" ht="18" customHeight="1" x14ac:dyDescent="0.2">
      <c r="A29" s="31" t="s">
        <v>70</v>
      </c>
      <c r="B29" s="27">
        <v>289</v>
      </c>
      <c r="C29" s="28">
        <v>269</v>
      </c>
      <c r="D29" s="29">
        <v>558</v>
      </c>
    </row>
    <row r="30" spans="1:4" ht="18" customHeight="1" x14ac:dyDescent="0.2">
      <c r="A30" s="31">
        <v>20</v>
      </c>
      <c r="B30" s="27">
        <v>54</v>
      </c>
      <c r="C30" s="28">
        <v>58</v>
      </c>
      <c r="D30" s="29">
        <v>112</v>
      </c>
    </row>
    <row r="31" spans="1:4" ht="18" customHeight="1" x14ac:dyDescent="0.2">
      <c r="A31" s="31">
        <v>21</v>
      </c>
      <c r="B31" s="27">
        <v>55</v>
      </c>
      <c r="C31" s="28">
        <v>42</v>
      </c>
      <c r="D31" s="29">
        <v>97</v>
      </c>
    </row>
    <row r="32" spans="1:4" ht="18" customHeight="1" x14ac:dyDescent="0.2">
      <c r="A32" s="31">
        <v>22</v>
      </c>
      <c r="B32" s="27">
        <v>47</v>
      </c>
      <c r="C32" s="28">
        <v>49</v>
      </c>
      <c r="D32" s="29">
        <v>96</v>
      </c>
    </row>
    <row r="33" spans="1:4" ht="18" customHeight="1" x14ac:dyDescent="0.2">
      <c r="A33" s="31">
        <v>23</v>
      </c>
      <c r="B33" s="27">
        <v>35</v>
      </c>
      <c r="C33" s="28">
        <v>59</v>
      </c>
      <c r="D33" s="29">
        <v>94</v>
      </c>
    </row>
    <row r="34" spans="1:4" ht="18" customHeight="1" x14ac:dyDescent="0.2">
      <c r="A34" s="31">
        <v>24</v>
      </c>
      <c r="B34" s="27">
        <v>55</v>
      </c>
      <c r="C34" s="28">
        <v>48</v>
      </c>
      <c r="D34" s="29">
        <v>103</v>
      </c>
    </row>
    <row r="35" spans="1:4" ht="18" customHeight="1" x14ac:dyDescent="0.2">
      <c r="A35" s="31" t="s">
        <v>71</v>
      </c>
      <c r="B35" s="27">
        <v>246</v>
      </c>
      <c r="C35" s="28">
        <v>256</v>
      </c>
      <c r="D35" s="29">
        <v>502</v>
      </c>
    </row>
    <row r="36" spans="1:4" ht="18" customHeight="1" x14ac:dyDescent="0.2">
      <c r="A36" s="31">
        <v>25</v>
      </c>
      <c r="B36" s="27">
        <v>53</v>
      </c>
      <c r="C36" s="28">
        <v>48</v>
      </c>
      <c r="D36" s="29">
        <v>101</v>
      </c>
    </row>
    <row r="37" spans="1:4" ht="18" customHeight="1" x14ac:dyDescent="0.2">
      <c r="A37" s="31">
        <v>26</v>
      </c>
      <c r="B37" s="27">
        <v>55</v>
      </c>
      <c r="C37" s="28">
        <v>42</v>
      </c>
      <c r="D37" s="29">
        <v>97</v>
      </c>
    </row>
    <row r="38" spans="1:4" ht="18" customHeight="1" x14ac:dyDescent="0.2">
      <c r="A38" s="31">
        <v>27</v>
      </c>
      <c r="B38" s="27">
        <v>41</v>
      </c>
      <c r="C38" s="28">
        <v>46</v>
      </c>
      <c r="D38" s="29">
        <v>87</v>
      </c>
    </row>
    <row r="39" spans="1:4" ht="18" customHeight="1" x14ac:dyDescent="0.2">
      <c r="A39" s="31">
        <v>28</v>
      </c>
      <c r="B39" s="27">
        <v>55</v>
      </c>
      <c r="C39" s="28">
        <v>49</v>
      </c>
      <c r="D39" s="29">
        <v>104</v>
      </c>
    </row>
    <row r="40" spans="1:4" ht="18" customHeight="1" x14ac:dyDescent="0.2">
      <c r="A40" s="31">
        <v>29</v>
      </c>
      <c r="B40" s="27">
        <v>54</v>
      </c>
      <c r="C40" s="28">
        <v>53</v>
      </c>
      <c r="D40" s="29">
        <v>107</v>
      </c>
    </row>
    <row r="41" spans="1:4" ht="18" customHeight="1" x14ac:dyDescent="0.2">
      <c r="A41" s="31" t="s">
        <v>72</v>
      </c>
      <c r="B41" s="27">
        <v>258</v>
      </c>
      <c r="C41" s="28">
        <v>238</v>
      </c>
      <c r="D41" s="29">
        <v>496</v>
      </c>
    </row>
    <row r="42" spans="1:4" ht="18" customHeight="1" x14ac:dyDescent="0.2">
      <c r="A42" s="31">
        <v>30</v>
      </c>
      <c r="B42" s="27">
        <v>46</v>
      </c>
      <c r="C42" s="28">
        <v>56</v>
      </c>
      <c r="D42" s="29">
        <v>102</v>
      </c>
    </row>
    <row r="43" spans="1:4" ht="18" customHeight="1" x14ac:dyDescent="0.2">
      <c r="A43" s="31">
        <v>31</v>
      </c>
      <c r="B43" s="27">
        <v>62</v>
      </c>
      <c r="C43" s="28">
        <v>58</v>
      </c>
      <c r="D43" s="29">
        <v>120</v>
      </c>
    </row>
    <row r="44" spans="1:4" ht="18" customHeight="1" x14ac:dyDescent="0.2">
      <c r="A44" s="31">
        <v>32</v>
      </c>
      <c r="B44" s="27">
        <v>70</v>
      </c>
      <c r="C44" s="28">
        <v>48</v>
      </c>
      <c r="D44" s="29">
        <v>118</v>
      </c>
    </row>
    <row r="45" spans="1:4" ht="18" customHeight="1" x14ac:dyDescent="0.2">
      <c r="A45" s="31">
        <v>33</v>
      </c>
      <c r="B45" s="27">
        <v>72</v>
      </c>
      <c r="C45" s="28">
        <v>74</v>
      </c>
      <c r="D45" s="29">
        <v>146</v>
      </c>
    </row>
    <row r="46" spans="1:4" ht="18" customHeight="1" x14ac:dyDescent="0.2">
      <c r="A46" s="31">
        <v>34</v>
      </c>
      <c r="B46" s="27">
        <v>72</v>
      </c>
      <c r="C46" s="28">
        <v>80</v>
      </c>
      <c r="D46" s="29">
        <v>152</v>
      </c>
    </row>
    <row r="47" spans="1:4" ht="18" customHeight="1" x14ac:dyDescent="0.2">
      <c r="A47" s="31" t="s">
        <v>73</v>
      </c>
      <c r="B47" s="27">
        <v>322</v>
      </c>
      <c r="C47" s="28">
        <v>316</v>
      </c>
      <c r="D47" s="29">
        <v>638</v>
      </c>
    </row>
    <row r="48" spans="1:4" ht="18" customHeight="1" x14ac:dyDescent="0.2">
      <c r="A48" s="31">
        <v>35</v>
      </c>
      <c r="B48" s="27">
        <v>87</v>
      </c>
      <c r="C48" s="28">
        <v>76</v>
      </c>
      <c r="D48" s="29">
        <v>163</v>
      </c>
    </row>
    <row r="49" spans="1:4" ht="18" customHeight="1" x14ac:dyDescent="0.2">
      <c r="A49" s="31">
        <v>36</v>
      </c>
      <c r="B49" s="27">
        <v>77</v>
      </c>
      <c r="C49" s="28">
        <v>98</v>
      </c>
      <c r="D49" s="29">
        <v>175</v>
      </c>
    </row>
    <row r="50" spans="1:4" ht="18" customHeight="1" x14ac:dyDescent="0.2">
      <c r="A50" s="31">
        <v>37</v>
      </c>
      <c r="B50" s="27">
        <v>96</v>
      </c>
      <c r="C50" s="28">
        <v>100</v>
      </c>
      <c r="D50" s="29">
        <v>196</v>
      </c>
    </row>
    <row r="51" spans="1:4" ht="18" customHeight="1" x14ac:dyDescent="0.2">
      <c r="A51" s="31">
        <v>38</v>
      </c>
      <c r="B51" s="27">
        <v>86</v>
      </c>
      <c r="C51" s="28">
        <v>75</v>
      </c>
      <c r="D51" s="29">
        <v>161</v>
      </c>
    </row>
    <row r="52" spans="1:4" ht="18" customHeight="1" x14ac:dyDescent="0.2">
      <c r="A52" s="31">
        <v>39</v>
      </c>
      <c r="B52" s="27">
        <v>82</v>
      </c>
      <c r="C52" s="28">
        <v>75</v>
      </c>
      <c r="D52" s="29">
        <v>157</v>
      </c>
    </row>
    <row r="53" spans="1:4" ht="18" customHeight="1" x14ac:dyDescent="0.2">
      <c r="A53" s="31" t="s">
        <v>74</v>
      </c>
      <c r="B53" s="27">
        <v>428</v>
      </c>
      <c r="C53" s="28">
        <v>424</v>
      </c>
      <c r="D53" s="29">
        <v>852</v>
      </c>
    </row>
    <row r="54" spans="1:4" ht="18" customHeight="1" x14ac:dyDescent="0.2">
      <c r="A54" s="31">
        <v>40</v>
      </c>
      <c r="B54" s="27">
        <v>87</v>
      </c>
      <c r="C54" s="28">
        <v>69</v>
      </c>
      <c r="D54" s="29">
        <v>156</v>
      </c>
    </row>
    <row r="55" spans="1:4" ht="18" customHeight="1" x14ac:dyDescent="0.2">
      <c r="A55" s="31">
        <v>41</v>
      </c>
      <c r="B55" s="27">
        <v>75</v>
      </c>
      <c r="C55" s="28">
        <v>84</v>
      </c>
      <c r="D55" s="29">
        <v>159</v>
      </c>
    </row>
    <row r="56" spans="1:4" ht="18" customHeight="1" x14ac:dyDescent="0.2">
      <c r="A56" s="31">
        <v>42</v>
      </c>
      <c r="B56" s="27">
        <v>63</v>
      </c>
      <c r="C56" s="28">
        <v>62</v>
      </c>
      <c r="D56" s="29">
        <v>125</v>
      </c>
    </row>
    <row r="57" spans="1:4" ht="18" customHeight="1" x14ac:dyDescent="0.2">
      <c r="A57" s="31">
        <v>43</v>
      </c>
      <c r="B57" s="27">
        <v>55</v>
      </c>
      <c r="C57" s="28">
        <v>54</v>
      </c>
      <c r="D57" s="29">
        <v>109</v>
      </c>
    </row>
    <row r="58" spans="1:4" ht="18" customHeight="1" x14ac:dyDescent="0.2">
      <c r="A58" s="31">
        <v>44</v>
      </c>
      <c r="B58" s="27">
        <v>59</v>
      </c>
      <c r="C58" s="28">
        <v>64</v>
      </c>
      <c r="D58" s="29">
        <v>123</v>
      </c>
    </row>
    <row r="59" spans="1:4" ht="18" customHeight="1" x14ac:dyDescent="0.2">
      <c r="A59" s="31" t="s">
        <v>75</v>
      </c>
      <c r="B59" s="27">
        <v>339</v>
      </c>
      <c r="C59" s="28">
        <v>333</v>
      </c>
      <c r="D59" s="29">
        <v>672</v>
      </c>
    </row>
    <row r="60" spans="1:4" ht="18" customHeight="1" x14ac:dyDescent="0.2">
      <c r="A60" s="31">
        <v>45</v>
      </c>
      <c r="B60" s="27">
        <v>67</v>
      </c>
      <c r="C60" s="28">
        <v>63</v>
      </c>
      <c r="D60" s="29">
        <v>130</v>
      </c>
    </row>
    <row r="61" spans="1:4" ht="18" customHeight="1" x14ac:dyDescent="0.2">
      <c r="A61" s="31">
        <v>46</v>
      </c>
      <c r="B61" s="27">
        <v>59</v>
      </c>
      <c r="C61" s="28">
        <v>69</v>
      </c>
      <c r="D61" s="29">
        <v>128</v>
      </c>
    </row>
    <row r="62" spans="1:4" ht="18" customHeight="1" x14ac:dyDescent="0.2">
      <c r="A62" s="31">
        <v>47</v>
      </c>
      <c r="B62" s="27">
        <v>78</v>
      </c>
      <c r="C62" s="28">
        <v>55</v>
      </c>
      <c r="D62" s="29">
        <v>133</v>
      </c>
    </row>
    <row r="63" spans="1:4" ht="18" customHeight="1" x14ac:dyDescent="0.2">
      <c r="A63" s="31">
        <v>48</v>
      </c>
      <c r="B63" s="27">
        <v>52</v>
      </c>
      <c r="C63" s="28">
        <v>61</v>
      </c>
      <c r="D63" s="29">
        <v>113</v>
      </c>
    </row>
    <row r="64" spans="1:4" ht="18" customHeight="1" x14ac:dyDescent="0.2">
      <c r="A64" s="31">
        <v>49</v>
      </c>
      <c r="B64" s="27">
        <v>72</v>
      </c>
      <c r="C64" s="28">
        <v>65</v>
      </c>
      <c r="D64" s="29">
        <v>137</v>
      </c>
    </row>
    <row r="65" spans="1:4" ht="18" customHeight="1" x14ac:dyDescent="0.2">
      <c r="A65" s="31" t="s">
        <v>76</v>
      </c>
      <c r="B65" s="27">
        <v>328</v>
      </c>
      <c r="C65" s="28">
        <v>313</v>
      </c>
      <c r="D65" s="29">
        <v>641</v>
      </c>
    </row>
    <row r="66" spans="1:4" ht="18" customHeight="1" x14ac:dyDescent="0.2">
      <c r="A66" s="31">
        <v>50</v>
      </c>
      <c r="B66" s="27">
        <v>76</v>
      </c>
      <c r="C66" s="28">
        <v>76</v>
      </c>
      <c r="D66" s="29">
        <v>152</v>
      </c>
    </row>
    <row r="67" spans="1:4" ht="18" customHeight="1" x14ac:dyDescent="0.2">
      <c r="A67" s="31">
        <v>51</v>
      </c>
      <c r="B67" s="27">
        <v>68</v>
      </c>
      <c r="C67" s="28">
        <v>57</v>
      </c>
      <c r="D67" s="29">
        <v>125</v>
      </c>
    </row>
    <row r="68" spans="1:4" ht="18" customHeight="1" x14ac:dyDescent="0.2">
      <c r="A68" s="31">
        <v>52</v>
      </c>
      <c r="B68" s="27">
        <v>68</v>
      </c>
      <c r="C68" s="28">
        <v>65</v>
      </c>
      <c r="D68" s="29">
        <v>133</v>
      </c>
    </row>
    <row r="69" spans="1:4" ht="18" customHeight="1" x14ac:dyDescent="0.2">
      <c r="A69" s="31">
        <v>53</v>
      </c>
      <c r="B69" s="27">
        <v>62</v>
      </c>
      <c r="C69" s="28">
        <v>57</v>
      </c>
      <c r="D69" s="29">
        <v>119</v>
      </c>
    </row>
    <row r="70" spans="1:4" ht="18" customHeight="1" x14ac:dyDescent="0.2">
      <c r="A70" s="31">
        <v>54</v>
      </c>
      <c r="B70" s="27">
        <v>75</v>
      </c>
      <c r="C70" s="28">
        <v>70</v>
      </c>
      <c r="D70" s="29">
        <v>145</v>
      </c>
    </row>
    <row r="71" spans="1:4" ht="18" customHeight="1" x14ac:dyDescent="0.2">
      <c r="A71" s="31" t="s">
        <v>77</v>
      </c>
      <c r="B71" s="27">
        <v>349</v>
      </c>
      <c r="C71" s="28">
        <v>325</v>
      </c>
      <c r="D71" s="29">
        <v>674</v>
      </c>
    </row>
    <row r="72" spans="1:4" ht="18" customHeight="1" x14ac:dyDescent="0.2">
      <c r="A72" s="31">
        <v>55</v>
      </c>
      <c r="B72" s="27">
        <v>62</v>
      </c>
      <c r="C72" s="28">
        <v>67</v>
      </c>
      <c r="D72" s="29">
        <v>129</v>
      </c>
    </row>
    <row r="73" spans="1:4" ht="18" customHeight="1" x14ac:dyDescent="0.2">
      <c r="A73" s="31">
        <v>56</v>
      </c>
      <c r="B73" s="27">
        <v>69</v>
      </c>
      <c r="C73" s="28">
        <v>87</v>
      </c>
      <c r="D73" s="29">
        <v>156</v>
      </c>
    </row>
    <row r="74" spans="1:4" ht="18" customHeight="1" x14ac:dyDescent="0.2">
      <c r="A74" s="31">
        <v>57</v>
      </c>
      <c r="B74" s="27">
        <v>78</v>
      </c>
      <c r="C74" s="28">
        <v>76</v>
      </c>
      <c r="D74" s="29">
        <v>154</v>
      </c>
    </row>
    <row r="75" spans="1:4" ht="18" customHeight="1" x14ac:dyDescent="0.2">
      <c r="A75" s="31">
        <v>58</v>
      </c>
      <c r="B75" s="27">
        <v>83</v>
      </c>
      <c r="C75" s="28">
        <v>84</v>
      </c>
      <c r="D75" s="29">
        <v>167</v>
      </c>
    </row>
    <row r="76" spans="1:4" ht="18" customHeight="1" x14ac:dyDescent="0.2">
      <c r="A76" s="31">
        <v>59</v>
      </c>
      <c r="B76" s="27">
        <v>103</v>
      </c>
      <c r="C76" s="28">
        <v>108</v>
      </c>
      <c r="D76" s="29">
        <v>211</v>
      </c>
    </row>
    <row r="77" spans="1:4" ht="18" customHeight="1" x14ac:dyDescent="0.2">
      <c r="A77" s="31" t="s">
        <v>78</v>
      </c>
      <c r="B77" s="27">
        <v>395</v>
      </c>
      <c r="C77" s="28">
        <v>422</v>
      </c>
      <c r="D77" s="29">
        <v>817</v>
      </c>
    </row>
    <row r="78" spans="1:4" ht="18" customHeight="1" x14ac:dyDescent="0.2">
      <c r="A78" s="31">
        <v>60</v>
      </c>
      <c r="B78" s="27">
        <v>95</v>
      </c>
      <c r="C78" s="28">
        <v>122</v>
      </c>
      <c r="D78" s="29">
        <v>217</v>
      </c>
    </row>
    <row r="79" spans="1:4" ht="18" customHeight="1" x14ac:dyDescent="0.2">
      <c r="A79" s="31">
        <v>61</v>
      </c>
      <c r="B79" s="27">
        <v>117</v>
      </c>
      <c r="C79" s="28">
        <v>100</v>
      </c>
      <c r="D79" s="29">
        <v>217</v>
      </c>
    </row>
    <row r="80" spans="1:4" ht="18" customHeight="1" x14ac:dyDescent="0.2">
      <c r="A80" s="31">
        <v>62</v>
      </c>
      <c r="B80" s="27">
        <v>113</v>
      </c>
      <c r="C80" s="28">
        <v>115</v>
      </c>
      <c r="D80" s="29">
        <v>228</v>
      </c>
    </row>
    <row r="81" spans="1:4" ht="18" customHeight="1" x14ac:dyDescent="0.2">
      <c r="A81" s="31">
        <v>63</v>
      </c>
      <c r="B81" s="27">
        <v>56</v>
      </c>
      <c r="C81" s="28">
        <v>48</v>
      </c>
      <c r="D81" s="29">
        <v>104</v>
      </c>
    </row>
    <row r="82" spans="1:4" ht="18" customHeight="1" x14ac:dyDescent="0.2">
      <c r="A82" s="31">
        <v>64</v>
      </c>
      <c r="B82" s="27">
        <v>65</v>
      </c>
      <c r="C82" s="28">
        <v>81</v>
      </c>
      <c r="D82" s="29">
        <v>146</v>
      </c>
    </row>
    <row r="83" spans="1:4" ht="18" customHeight="1" x14ac:dyDescent="0.2">
      <c r="A83" s="31" t="s">
        <v>79</v>
      </c>
      <c r="B83" s="27">
        <v>446</v>
      </c>
      <c r="C83" s="28">
        <v>466</v>
      </c>
      <c r="D83" s="29">
        <v>912</v>
      </c>
    </row>
    <row r="84" spans="1:4" ht="18" customHeight="1" x14ac:dyDescent="0.2">
      <c r="A84" s="31" t="s">
        <v>80</v>
      </c>
      <c r="B84" s="27">
        <v>3400</v>
      </c>
      <c r="C84" s="28">
        <v>3362</v>
      </c>
      <c r="D84" s="29">
        <v>6762</v>
      </c>
    </row>
    <row r="85" spans="1:4" ht="18" customHeight="1" x14ac:dyDescent="0.2">
      <c r="A85" s="31">
        <v>65</v>
      </c>
      <c r="B85" s="27">
        <v>73</v>
      </c>
      <c r="C85" s="28">
        <v>87</v>
      </c>
      <c r="D85" s="29">
        <v>160</v>
      </c>
    </row>
    <row r="86" spans="1:4" ht="18" customHeight="1" x14ac:dyDescent="0.2">
      <c r="A86" s="31">
        <v>66</v>
      </c>
      <c r="B86" s="27">
        <v>75</v>
      </c>
      <c r="C86" s="28">
        <v>77</v>
      </c>
      <c r="D86" s="29">
        <v>152</v>
      </c>
    </row>
    <row r="87" spans="1:4" ht="18" customHeight="1" x14ac:dyDescent="0.2">
      <c r="A87" s="31">
        <v>67</v>
      </c>
      <c r="B87" s="27">
        <v>66</v>
      </c>
      <c r="C87" s="28">
        <v>68</v>
      </c>
      <c r="D87" s="29">
        <v>134</v>
      </c>
    </row>
    <row r="88" spans="1:4" ht="18" customHeight="1" x14ac:dyDescent="0.2">
      <c r="A88" s="31">
        <v>68</v>
      </c>
      <c r="B88" s="27">
        <v>59</v>
      </c>
      <c r="C88" s="28">
        <v>78</v>
      </c>
      <c r="D88" s="29">
        <v>137</v>
      </c>
    </row>
    <row r="89" spans="1:4" ht="18" customHeight="1" x14ac:dyDescent="0.2">
      <c r="A89" s="31">
        <v>69</v>
      </c>
      <c r="B89" s="27">
        <v>62</v>
      </c>
      <c r="C89" s="28">
        <v>67</v>
      </c>
      <c r="D89" s="29">
        <v>129</v>
      </c>
    </row>
    <row r="90" spans="1:4" ht="18" customHeight="1" x14ac:dyDescent="0.2">
      <c r="A90" s="31" t="s">
        <v>81</v>
      </c>
      <c r="B90" s="27">
        <v>335</v>
      </c>
      <c r="C90" s="28">
        <v>377</v>
      </c>
      <c r="D90" s="29">
        <v>712</v>
      </c>
    </row>
    <row r="91" spans="1:4" ht="18" customHeight="1" x14ac:dyDescent="0.2">
      <c r="A91" s="31">
        <v>70</v>
      </c>
      <c r="B91" s="27">
        <v>59</v>
      </c>
      <c r="C91" s="28">
        <v>60</v>
      </c>
      <c r="D91" s="29">
        <v>119</v>
      </c>
    </row>
    <row r="92" spans="1:4" ht="18" customHeight="1" x14ac:dyDescent="0.2">
      <c r="A92" s="31">
        <v>71</v>
      </c>
      <c r="B92" s="27">
        <v>55</v>
      </c>
      <c r="C92" s="28">
        <v>83</v>
      </c>
      <c r="D92" s="29">
        <v>138</v>
      </c>
    </row>
    <row r="93" spans="1:4" ht="18" customHeight="1" x14ac:dyDescent="0.2">
      <c r="A93" s="31">
        <v>72</v>
      </c>
      <c r="B93" s="27">
        <v>68</v>
      </c>
      <c r="C93" s="28">
        <v>69</v>
      </c>
      <c r="D93" s="29">
        <v>137</v>
      </c>
    </row>
    <row r="94" spans="1:4" ht="18" customHeight="1" x14ac:dyDescent="0.2">
      <c r="A94" s="31">
        <v>73</v>
      </c>
      <c r="B94" s="27">
        <v>56</v>
      </c>
      <c r="C94" s="28">
        <v>89</v>
      </c>
      <c r="D94" s="29">
        <v>145</v>
      </c>
    </row>
    <row r="95" spans="1:4" ht="18" customHeight="1" x14ac:dyDescent="0.2">
      <c r="A95" s="31">
        <v>74</v>
      </c>
      <c r="B95" s="27">
        <v>57</v>
      </c>
      <c r="C95" s="28">
        <v>65</v>
      </c>
      <c r="D95" s="29">
        <v>122</v>
      </c>
    </row>
    <row r="96" spans="1:4" ht="18" customHeight="1" x14ac:dyDescent="0.2">
      <c r="A96" s="31" t="s">
        <v>82</v>
      </c>
      <c r="B96" s="27">
        <v>295</v>
      </c>
      <c r="C96" s="28">
        <v>366</v>
      </c>
      <c r="D96" s="29">
        <v>661</v>
      </c>
    </row>
    <row r="97" spans="1:4" ht="18" customHeight="1" x14ac:dyDescent="0.2">
      <c r="A97" s="31">
        <v>75</v>
      </c>
      <c r="B97" s="27">
        <v>64</v>
      </c>
      <c r="C97" s="28">
        <v>85</v>
      </c>
      <c r="D97" s="29">
        <v>149</v>
      </c>
    </row>
    <row r="98" spans="1:4" ht="18" customHeight="1" x14ac:dyDescent="0.2">
      <c r="A98" s="31">
        <v>76</v>
      </c>
      <c r="B98" s="27">
        <v>44</v>
      </c>
      <c r="C98" s="28">
        <v>71</v>
      </c>
      <c r="D98" s="29">
        <v>115</v>
      </c>
    </row>
    <row r="99" spans="1:4" ht="18" customHeight="1" x14ac:dyDescent="0.2">
      <c r="A99" s="31">
        <v>77</v>
      </c>
      <c r="B99" s="27">
        <v>49</v>
      </c>
      <c r="C99" s="28">
        <v>66</v>
      </c>
      <c r="D99" s="29">
        <v>115</v>
      </c>
    </row>
    <row r="100" spans="1:4" ht="18" customHeight="1" x14ac:dyDescent="0.2">
      <c r="A100" s="31">
        <v>78</v>
      </c>
      <c r="B100" s="27">
        <v>60</v>
      </c>
      <c r="C100" s="28">
        <v>53</v>
      </c>
      <c r="D100" s="29">
        <v>113</v>
      </c>
    </row>
    <row r="101" spans="1:4" ht="18" customHeight="1" x14ac:dyDescent="0.2">
      <c r="A101" s="31">
        <v>79</v>
      </c>
      <c r="B101" s="27">
        <v>43</v>
      </c>
      <c r="C101" s="28">
        <v>54</v>
      </c>
      <c r="D101" s="29">
        <v>97</v>
      </c>
    </row>
    <row r="102" spans="1:4" ht="18" customHeight="1" x14ac:dyDescent="0.2">
      <c r="A102" s="31" t="s">
        <v>83</v>
      </c>
      <c r="B102" s="27">
        <v>260</v>
      </c>
      <c r="C102" s="28">
        <v>329</v>
      </c>
      <c r="D102" s="29">
        <v>589</v>
      </c>
    </row>
    <row r="103" spans="1:4" ht="18" customHeight="1" x14ac:dyDescent="0.2">
      <c r="A103" s="31">
        <v>80</v>
      </c>
      <c r="B103" s="27">
        <v>38</v>
      </c>
      <c r="C103" s="28">
        <v>54</v>
      </c>
      <c r="D103" s="29">
        <v>92</v>
      </c>
    </row>
    <row r="104" spans="1:4" ht="18" customHeight="1" x14ac:dyDescent="0.2">
      <c r="A104" s="31">
        <v>81</v>
      </c>
      <c r="B104" s="27">
        <v>33</v>
      </c>
      <c r="C104" s="28">
        <v>57</v>
      </c>
      <c r="D104" s="29">
        <v>90</v>
      </c>
    </row>
    <row r="105" spans="1:4" ht="18" customHeight="1" x14ac:dyDescent="0.2">
      <c r="A105" s="31">
        <v>82</v>
      </c>
      <c r="B105" s="27">
        <v>34</v>
      </c>
      <c r="C105" s="28">
        <v>49</v>
      </c>
      <c r="D105" s="29">
        <v>83</v>
      </c>
    </row>
    <row r="106" spans="1:4" ht="18" customHeight="1" x14ac:dyDescent="0.2">
      <c r="A106" s="31">
        <v>83</v>
      </c>
      <c r="B106" s="27">
        <v>23</v>
      </c>
      <c r="C106" s="28">
        <v>60</v>
      </c>
      <c r="D106" s="29">
        <v>83</v>
      </c>
    </row>
    <row r="107" spans="1:4" ht="18" customHeight="1" x14ac:dyDescent="0.2">
      <c r="A107" s="31">
        <v>84</v>
      </c>
      <c r="B107" s="27">
        <v>31</v>
      </c>
      <c r="C107" s="28">
        <v>45</v>
      </c>
      <c r="D107" s="29">
        <v>76</v>
      </c>
    </row>
    <row r="108" spans="1:4" ht="18" customHeight="1" x14ac:dyDescent="0.2">
      <c r="A108" s="31" t="s">
        <v>84</v>
      </c>
      <c r="B108" s="27">
        <v>159</v>
      </c>
      <c r="C108" s="28">
        <v>265</v>
      </c>
      <c r="D108" s="29">
        <v>424</v>
      </c>
    </row>
    <row r="109" spans="1:4" ht="18" customHeight="1" x14ac:dyDescent="0.2">
      <c r="A109" s="31">
        <v>85</v>
      </c>
      <c r="B109" s="27">
        <v>14</v>
      </c>
      <c r="C109" s="28">
        <v>40</v>
      </c>
      <c r="D109" s="29">
        <v>54</v>
      </c>
    </row>
    <row r="110" spans="1:4" ht="18" customHeight="1" x14ac:dyDescent="0.2">
      <c r="A110" s="31">
        <v>86</v>
      </c>
      <c r="B110" s="27">
        <v>19</v>
      </c>
      <c r="C110" s="28">
        <v>40</v>
      </c>
      <c r="D110" s="29">
        <v>59</v>
      </c>
    </row>
    <row r="111" spans="1:4" ht="18" customHeight="1" x14ac:dyDescent="0.2">
      <c r="A111" s="31">
        <v>87</v>
      </c>
      <c r="B111" s="27">
        <v>13</v>
      </c>
      <c r="C111" s="28">
        <v>43</v>
      </c>
      <c r="D111" s="29">
        <v>56</v>
      </c>
    </row>
    <row r="112" spans="1:4" ht="18" customHeight="1" x14ac:dyDescent="0.2">
      <c r="A112" s="31">
        <v>88</v>
      </c>
      <c r="B112" s="27">
        <v>11</v>
      </c>
      <c r="C112" s="28">
        <v>24</v>
      </c>
      <c r="D112" s="29">
        <v>35</v>
      </c>
    </row>
    <row r="113" spans="1:4" ht="18" customHeight="1" x14ac:dyDescent="0.2">
      <c r="A113" s="31">
        <v>89</v>
      </c>
      <c r="B113" s="27">
        <v>6</v>
      </c>
      <c r="C113" s="28">
        <v>21</v>
      </c>
      <c r="D113" s="29">
        <v>27</v>
      </c>
    </row>
    <row r="114" spans="1:4" ht="18" customHeight="1" x14ac:dyDescent="0.2">
      <c r="A114" s="31" t="s">
        <v>85</v>
      </c>
      <c r="B114" s="27">
        <v>63</v>
      </c>
      <c r="C114" s="28">
        <v>168</v>
      </c>
      <c r="D114" s="29">
        <v>231</v>
      </c>
    </row>
    <row r="115" spans="1:4" ht="18" customHeight="1" x14ac:dyDescent="0.2">
      <c r="A115" s="31">
        <v>90</v>
      </c>
      <c r="B115" s="27">
        <v>5</v>
      </c>
      <c r="C115" s="28">
        <v>25</v>
      </c>
      <c r="D115" s="29">
        <v>30</v>
      </c>
    </row>
    <row r="116" spans="1:4" ht="18" customHeight="1" x14ac:dyDescent="0.2">
      <c r="A116" s="31">
        <v>91</v>
      </c>
      <c r="B116" s="27">
        <v>10</v>
      </c>
      <c r="C116" s="28">
        <v>26</v>
      </c>
      <c r="D116" s="29">
        <v>36</v>
      </c>
    </row>
    <row r="117" spans="1:4" ht="18" customHeight="1" x14ac:dyDescent="0.2">
      <c r="A117" s="31">
        <v>92</v>
      </c>
      <c r="B117" s="27">
        <v>3</v>
      </c>
      <c r="C117" s="28">
        <v>21</v>
      </c>
      <c r="D117" s="29">
        <v>24</v>
      </c>
    </row>
    <row r="118" spans="1:4" ht="18" customHeight="1" x14ac:dyDescent="0.2">
      <c r="A118" s="31">
        <v>93</v>
      </c>
      <c r="B118" s="27">
        <v>3</v>
      </c>
      <c r="C118" s="28">
        <v>18</v>
      </c>
      <c r="D118" s="29">
        <v>21</v>
      </c>
    </row>
    <row r="119" spans="1:4" ht="18" customHeight="1" x14ac:dyDescent="0.2">
      <c r="A119" s="31">
        <v>94</v>
      </c>
      <c r="B119" s="27">
        <v>3</v>
      </c>
      <c r="C119" s="28">
        <v>15</v>
      </c>
      <c r="D119" s="29">
        <v>18</v>
      </c>
    </row>
    <row r="120" spans="1:4" ht="18" customHeight="1" x14ac:dyDescent="0.2">
      <c r="A120" s="31" t="s">
        <v>86</v>
      </c>
      <c r="B120" s="27">
        <v>24</v>
      </c>
      <c r="C120" s="28">
        <v>105</v>
      </c>
      <c r="D120" s="29">
        <v>129</v>
      </c>
    </row>
    <row r="121" spans="1:4" ht="18" customHeight="1" x14ac:dyDescent="0.2">
      <c r="A121" s="31">
        <v>95</v>
      </c>
      <c r="B121" s="27">
        <v>3</v>
      </c>
      <c r="C121" s="28">
        <v>16</v>
      </c>
      <c r="D121" s="29">
        <v>19</v>
      </c>
    </row>
    <row r="122" spans="1:4" ht="18" customHeight="1" x14ac:dyDescent="0.2">
      <c r="A122" s="31">
        <v>96</v>
      </c>
      <c r="B122" s="27">
        <v>3</v>
      </c>
      <c r="C122" s="28">
        <v>9</v>
      </c>
      <c r="D122" s="29">
        <v>12</v>
      </c>
    </row>
    <row r="123" spans="1:4" ht="18" customHeight="1" x14ac:dyDescent="0.2">
      <c r="A123" s="31">
        <v>97</v>
      </c>
      <c r="B123" s="27">
        <v>2</v>
      </c>
      <c r="C123" s="28">
        <v>5</v>
      </c>
      <c r="D123" s="29">
        <v>7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87</v>
      </c>
      <c r="B126" s="27">
        <v>10</v>
      </c>
      <c r="C126" s="28">
        <v>32</v>
      </c>
      <c r="D126" s="29">
        <v>42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90</v>
      </c>
      <c r="B130" s="4">
        <v>1146</v>
      </c>
      <c r="C130" s="5">
        <v>1644</v>
      </c>
      <c r="D130" s="6">
        <v>2790</v>
      </c>
    </row>
    <row r="131" spans="1:4" ht="18" customHeight="1" x14ac:dyDescent="0.2">
      <c r="A131" s="33" t="s">
        <v>65</v>
      </c>
      <c r="B131" s="7">
        <v>5329</v>
      </c>
      <c r="C131" s="8">
        <v>5769</v>
      </c>
      <c r="D131" s="9">
        <v>1109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0</v>
      </c>
      <c r="C5" s="37">
        <v>8</v>
      </c>
      <c r="D5" s="39">
        <v>18</v>
      </c>
    </row>
    <row r="6" spans="1:4" ht="18" customHeight="1" x14ac:dyDescent="0.2">
      <c r="A6" s="31">
        <v>1</v>
      </c>
      <c r="B6" s="35">
        <v>10</v>
      </c>
      <c r="C6" s="28">
        <v>9</v>
      </c>
      <c r="D6" s="29">
        <v>19</v>
      </c>
    </row>
    <row r="7" spans="1:4" ht="18" customHeight="1" x14ac:dyDescent="0.2">
      <c r="A7" s="31">
        <v>2</v>
      </c>
      <c r="B7" s="35">
        <v>13</v>
      </c>
      <c r="C7" s="28">
        <v>5</v>
      </c>
      <c r="D7" s="29">
        <v>18</v>
      </c>
    </row>
    <row r="8" spans="1:4" ht="18" customHeight="1" x14ac:dyDescent="0.2">
      <c r="A8" s="31">
        <v>3</v>
      </c>
      <c r="B8" s="35">
        <v>7</v>
      </c>
      <c r="C8" s="28">
        <v>11</v>
      </c>
      <c r="D8" s="29">
        <v>18</v>
      </c>
    </row>
    <row r="9" spans="1:4" ht="18" customHeight="1" x14ac:dyDescent="0.2">
      <c r="A9" s="31">
        <v>4</v>
      </c>
      <c r="B9" s="36">
        <v>9</v>
      </c>
      <c r="C9" s="38">
        <v>5</v>
      </c>
      <c r="D9" s="40">
        <v>14</v>
      </c>
    </row>
    <row r="10" spans="1:4" ht="18" customHeight="1" x14ac:dyDescent="0.2">
      <c r="A10" s="31" t="s">
        <v>66</v>
      </c>
      <c r="B10" s="27">
        <v>49</v>
      </c>
      <c r="C10" s="28">
        <v>38</v>
      </c>
      <c r="D10" s="29">
        <v>87</v>
      </c>
    </row>
    <row r="11" spans="1:4" ht="18" customHeight="1" x14ac:dyDescent="0.2">
      <c r="A11" s="31">
        <v>5</v>
      </c>
      <c r="B11" s="35">
        <v>6</v>
      </c>
      <c r="C11" s="28">
        <v>11</v>
      </c>
      <c r="D11" s="29">
        <v>17</v>
      </c>
    </row>
    <row r="12" spans="1:4" ht="18" customHeight="1" x14ac:dyDescent="0.2">
      <c r="A12" s="31">
        <v>6</v>
      </c>
      <c r="B12" s="35">
        <v>16</v>
      </c>
      <c r="C12" s="28">
        <v>15</v>
      </c>
      <c r="D12" s="29">
        <v>31</v>
      </c>
    </row>
    <row r="13" spans="1:4" ht="18" customHeight="1" x14ac:dyDescent="0.2">
      <c r="A13" s="31">
        <v>7</v>
      </c>
      <c r="B13" s="35">
        <v>11</v>
      </c>
      <c r="C13" s="28">
        <v>9</v>
      </c>
      <c r="D13" s="29">
        <v>20</v>
      </c>
    </row>
    <row r="14" spans="1:4" ht="18" customHeight="1" x14ac:dyDescent="0.2">
      <c r="A14" s="31">
        <v>8</v>
      </c>
      <c r="B14" s="35">
        <v>5</v>
      </c>
      <c r="C14" s="28">
        <v>9</v>
      </c>
      <c r="D14" s="29">
        <v>14</v>
      </c>
    </row>
    <row r="15" spans="1:4" ht="18" customHeight="1" x14ac:dyDescent="0.2">
      <c r="A15" s="31">
        <v>9</v>
      </c>
      <c r="B15" s="35">
        <v>8</v>
      </c>
      <c r="C15" s="28">
        <v>13</v>
      </c>
      <c r="D15" s="29">
        <v>21</v>
      </c>
    </row>
    <row r="16" spans="1:4" ht="18" customHeight="1" x14ac:dyDescent="0.2">
      <c r="A16" s="31" t="s">
        <v>67</v>
      </c>
      <c r="B16" s="27">
        <v>46</v>
      </c>
      <c r="C16" s="28">
        <v>57</v>
      </c>
      <c r="D16" s="29">
        <v>103</v>
      </c>
    </row>
    <row r="17" spans="1:4" ht="18" customHeight="1" x14ac:dyDescent="0.2">
      <c r="A17" s="31">
        <v>10</v>
      </c>
      <c r="B17" s="27">
        <v>13</v>
      </c>
      <c r="C17" s="28">
        <v>6</v>
      </c>
      <c r="D17" s="29">
        <v>19</v>
      </c>
    </row>
    <row r="18" spans="1:4" ht="18" customHeight="1" x14ac:dyDescent="0.2">
      <c r="A18" s="31">
        <v>11</v>
      </c>
      <c r="B18" s="27">
        <v>8</v>
      </c>
      <c r="C18" s="28">
        <v>10</v>
      </c>
      <c r="D18" s="29">
        <v>18</v>
      </c>
    </row>
    <row r="19" spans="1:4" ht="18" customHeight="1" x14ac:dyDescent="0.2">
      <c r="A19" s="31">
        <v>12</v>
      </c>
      <c r="B19" s="27">
        <v>5</v>
      </c>
      <c r="C19" s="28">
        <v>9</v>
      </c>
      <c r="D19" s="29">
        <v>14</v>
      </c>
    </row>
    <row r="20" spans="1:4" ht="18" customHeight="1" x14ac:dyDescent="0.2">
      <c r="A20" s="31">
        <v>13</v>
      </c>
      <c r="B20" s="27">
        <v>5</v>
      </c>
      <c r="C20" s="28">
        <v>11</v>
      </c>
      <c r="D20" s="29">
        <v>16</v>
      </c>
    </row>
    <row r="21" spans="1:4" ht="18" customHeight="1" x14ac:dyDescent="0.2">
      <c r="A21" s="31">
        <v>14</v>
      </c>
      <c r="B21" s="27">
        <v>6</v>
      </c>
      <c r="C21" s="28">
        <v>10</v>
      </c>
      <c r="D21" s="29">
        <v>16</v>
      </c>
    </row>
    <row r="22" spans="1:4" ht="18" customHeight="1" x14ac:dyDescent="0.2">
      <c r="A22" s="31" t="s">
        <v>68</v>
      </c>
      <c r="B22" s="27">
        <v>37</v>
      </c>
      <c r="C22" s="28">
        <v>46</v>
      </c>
      <c r="D22" s="29">
        <v>83</v>
      </c>
    </row>
    <row r="23" spans="1:4" ht="18" customHeight="1" x14ac:dyDescent="0.2">
      <c r="A23" s="31" t="s">
        <v>69</v>
      </c>
      <c r="B23" s="27">
        <v>132</v>
      </c>
      <c r="C23" s="28">
        <v>141</v>
      </c>
      <c r="D23" s="29">
        <v>273</v>
      </c>
    </row>
    <row r="24" spans="1:4" ht="18" customHeight="1" x14ac:dyDescent="0.2">
      <c r="A24" s="31">
        <v>15</v>
      </c>
      <c r="B24" s="27">
        <v>6</v>
      </c>
      <c r="C24" s="28">
        <v>9</v>
      </c>
      <c r="D24" s="29">
        <v>15</v>
      </c>
    </row>
    <row r="25" spans="1:4" ht="18" customHeight="1" x14ac:dyDescent="0.2">
      <c r="A25" s="31">
        <v>16</v>
      </c>
      <c r="B25" s="27">
        <v>7</v>
      </c>
      <c r="C25" s="28">
        <v>3</v>
      </c>
      <c r="D25" s="29">
        <v>10</v>
      </c>
    </row>
    <row r="26" spans="1:4" ht="18" customHeight="1" x14ac:dyDescent="0.2">
      <c r="A26" s="31">
        <v>17</v>
      </c>
      <c r="B26" s="27">
        <v>9</v>
      </c>
      <c r="C26" s="28">
        <v>12</v>
      </c>
      <c r="D26" s="29">
        <v>21</v>
      </c>
    </row>
    <row r="27" spans="1:4" ht="18" customHeight="1" x14ac:dyDescent="0.2">
      <c r="A27" s="31">
        <v>18</v>
      </c>
      <c r="B27" s="27">
        <v>9</v>
      </c>
      <c r="C27" s="28">
        <v>6</v>
      </c>
      <c r="D27" s="29">
        <v>15</v>
      </c>
    </row>
    <row r="28" spans="1:4" ht="18" customHeight="1" x14ac:dyDescent="0.2">
      <c r="A28" s="31">
        <v>19</v>
      </c>
      <c r="B28" s="27">
        <v>10</v>
      </c>
      <c r="C28" s="28">
        <v>16</v>
      </c>
      <c r="D28" s="29">
        <v>26</v>
      </c>
    </row>
    <row r="29" spans="1:4" ht="18" customHeight="1" x14ac:dyDescent="0.2">
      <c r="A29" s="31" t="s">
        <v>70</v>
      </c>
      <c r="B29" s="27">
        <v>41</v>
      </c>
      <c r="C29" s="28">
        <v>46</v>
      </c>
      <c r="D29" s="29">
        <v>87</v>
      </c>
    </row>
    <row r="30" spans="1:4" ht="18" customHeight="1" x14ac:dyDescent="0.2">
      <c r="A30" s="31">
        <v>20</v>
      </c>
      <c r="B30" s="27">
        <v>9</v>
      </c>
      <c r="C30" s="28">
        <v>8</v>
      </c>
      <c r="D30" s="29">
        <v>17</v>
      </c>
    </row>
    <row r="31" spans="1:4" ht="18" customHeight="1" x14ac:dyDescent="0.2">
      <c r="A31" s="31">
        <v>21</v>
      </c>
      <c r="B31" s="27">
        <v>7</v>
      </c>
      <c r="C31" s="28">
        <v>8</v>
      </c>
      <c r="D31" s="29">
        <v>15</v>
      </c>
    </row>
    <row r="32" spans="1:4" ht="18" customHeight="1" x14ac:dyDescent="0.2">
      <c r="A32" s="31">
        <v>22</v>
      </c>
      <c r="B32" s="27">
        <v>14</v>
      </c>
      <c r="C32" s="28">
        <v>15</v>
      </c>
      <c r="D32" s="29">
        <v>29</v>
      </c>
    </row>
    <row r="33" spans="1:4" ht="18" customHeight="1" x14ac:dyDescent="0.2">
      <c r="A33" s="31">
        <v>23</v>
      </c>
      <c r="B33" s="27">
        <v>7</v>
      </c>
      <c r="C33" s="28">
        <v>9</v>
      </c>
      <c r="D33" s="29">
        <v>16</v>
      </c>
    </row>
    <row r="34" spans="1:4" ht="18" customHeight="1" x14ac:dyDescent="0.2">
      <c r="A34" s="31">
        <v>24</v>
      </c>
      <c r="B34" s="27">
        <v>25</v>
      </c>
      <c r="C34" s="28">
        <v>17</v>
      </c>
      <c r="D34" s="29">
        <v>42</v>
      </c>
    </row>
    <row r="35" spans="1:4" ht="18" customHeight="1" x14ac:dyDescent="0.2">
      <c r="A35" s="31" t="s">
        <v>71</v>
      </c>
      <c r="B35" s="27">
        <v>62</v>
      </c>
      <c r="C35" s="28">
        <v>57</v>
      </c>
      <c r="D35" s="29">
        <v>119</v>
      </c>
    </row>
    <row r="36" spans="1:4" ht="18" customHeight="1" x14ac:dyDescent="0.2">
      <c r="A36" s="31">
        <v>25</v>
      </c>
      <c r="B36" s="27">
        <v>13</v>
      </c>
      <c r="C36" s="28">
        <v>10</v>
      </c>
      <c r="D36" s="29">
        <v>23</v>
      </c>
    </row>
    <row r="37" spans="1:4" ht="18" customHeight="1" x14ac:dyDescent="0.2">
      <c r="A37" s="31">
        <v>26</v>
      </c>
      <c r="B37" s="27">
        <v>17</v>
      </c>
      <c r="C37" s="28">
        <v>7</v>
      </c>
      <c r="D37" s="29">
        <v>24</v>
      </c>
    </row>
    <row r="38" spans="1:4" ht="18" customHeight="1" x14ac:dyDescent="0.2">
      <c r="A38" s="31">
        <v>27</v>
      </c>
      <c r="B38" s="27">
        <v>24</v>
      </c>
      <c r="C38" s="28">
        <v>12</v>
      </c>
      <c r="D38" s="29">
        <v>36</v>
      </c>
    </row>
    <row r="39" spans="1:4" ht="18" customHeight="1" x14ac:dyDescent="0.2">
      <c r="A39" s="31">
        <v>28</v>
      </c>
      <c r="B39" s="27">
        <v>19</v>
      </c>
      <c r="C39" s="28">
        <v>11</v>
      </c>
      <c r="D39" s="29">
        <v>30</v>
      </c>
    </row>
    <row r="40" spans="1:4" ht="18" customHeight="1" x14ac:dyDescent="0.2">
      <c r="A40" s="31">
        <v>29</v>
      </c>
      <c r="B40" s="27">
        <v>16</v>
      </c>
      <c r="C40" s="28">
        <v>16</v>
      </c>
      <c r="D40" s="29">
        <v>32</v>
      </c>
    </row>
    <row r="41" spans="1:4" ht="18" customHeight="1" x14ac:dyDescent="0.2">
      <c r="A41" s="31" t="s">
        <v>72</v>
      </c>
      <c r="B41" s="27">
        <v>89</v>
      </c>
      <c r="C41" s="28">
        <v>56</v>
      </c>
      <c r="D41" s="29">
        <v>145</v>
      </c>
    </row>
    <row r="42" spans="1:4" ht="18" customHeight="1" x14ac:dyDescent="0.2">
      <c r="A42" s="31">
        <v>30</v>
      </c>
      <c r="B42" s="27">
        <v>25</v>
      </c>
      <c r="C42" s="28">
        <v>11</v>
      </c>
      <c r="D42" s="29">
        <v>36</v>
      </c>
    </row>
    <row r="43" spans="1:4" ht="18" customHeight="1" x14ac:dyDescent="0.2">
      <c r="A43" s="31">
        <v>31</v>
      </c>
      <c r="B43" s="27">
        <v>15</v>
      </c>
      <c r="C43" s="28">
        <v>18</v>
      </c>
      <c r="D43" s="29">
        <v>33</v>
      </c>
    </row>
    <row r="44" spans="1:4" ht="18" customHeight="1" x14ac:dyDescent="0.2">
      <c r="A44" s="31">
        <v>32</v>
      </c>
      <c r="B44" s="27">
        <v>12</v>
      </c>
      <c r="C44" s="28">
        <v>19</v>
      </c>
      <c r="D44" s="29">
        <v>31</v>
      </c>
    </row>
    <row r="45" spans="1:4" ht="18" customHeight="1" x14ac:dyDescent="0.2">
      <c r="A45" s="31">
        <v>33</v>
      </c>
      <c r="B45" s="27">
        <v>11</v>
      </c>
      <c r="C45" s="28">
        <v>15</v>
      </c>
      <c r="D45" s="29">
        <v>26</v>
      </c>
    </row>
    <row r="46" spans="1:4" ht="18" customHeight="1" x14ac:dyDescent="0.2">
      <c r="A46" s="31">
        <v>34</v>
      </c>
      <c r="B46" s="27">
        <v>18</v>
      </c>
      <c r="C46" s="28">
        <v>13</v>
      </c>
      <c r="D46" s="29">
        <v>31</v>
      </c>
    </row>
    <row r="47" spans="1:4" ht="18" customHeight="1" x14ac:dyDescent="0.2">
      <c r="A47" s="31" t="s">
        <v>73</v>
      </c>
      <c r="B47" s="27">
        <v>81</v>
      </c>
      <c r="C47" s="28">
        <v>76</v>
      </c>
      <c r="D47" s="29">
        <v>157</v>
      </c>
    </row>
    <row r="48" spans="1:4" ht="18" customHeight="1" x14ac:dyDescent="0.2">
      <c r="A48" s="31">
        <v>35</v>
      </c>
      <c r="B48" s="27">
        <v>18</v>
      </c>
      <c r="C48" s="28">
        <v>22</v>
      </c>
      <c r="D48" s="29">
        <v>40</v>
      </c>
    </row>
    <row r="49" spans="1:4" ht="18" customHeight="1" x14ac:dyDescent="0.2">
      <c r="A49" s="31">
        <v>36</v>
      </c>
      <c r="B49" s="27">
        <v>20</v>
      </c>
      <c r="C49" s="28">
        <v>10</v>
      </c>
      <c r="D49" s="29">
        <v>30</v>
      </c>
    </row>
    <row r="50" spans="1:4" ht="18" customHeight="1" x14ac:dyDescent="0.2">
      <c r="A50" s="31">
        <v>37</v>
      </c>
      <c r="B50" s="27">
        <v>14</v>
      </c>
      <c r="C50" s="28">
        <v>15</v>
      </c>
      <c r="D50" s="29">
        <v>29</v>
      </c>
    </row>
    <row r="51" spans="1:4" ht="18" customHeight="1" x14ac:dyDescent="0.2">
      <c r="A51" s="31">
        <v>38</v>
      </c>
      <c r="B51" s="27">
        <v>15</v>
      </c>
      <c r="C51" s="28">
        <v>15</v>
      </c>
      <c r="D51" s="29">
        <v>30</v>
      </c>
    </row>
    <row r="52" spans="1:4" ht="18" customHeight="1" x14ac:dyDescent="0.2">
      <c r="A52" s="31">
        <v>39</v>
      </c>
      <c r="B52" s="27">
        <v>12</v>
      </c>
      <c r="C52" s="28">
        <v>10</v>
      </c>
      <c r="D52" s="29">
        <v>22</v>
      </c>
    </row>
    <row r="53" spans="1:4" ht="18" customHeight="1" x14ac:dyDescent="0.2">
      <c r="A53" s="31" t="s">
        <v>74</v>
      </c>
      <c r="B53" s="27">
        <v>79</v>
      </c>
      <c r="C53" s="28">
        <v>72</v>
      </c>
      <c r="D53" s="29">
        <v>151</v>
      </c>
    </row>
    <row r="54" spans="1:4" ht="18" customHeight="1" x14ac:dyDescent="0.2">
      <c r="A54" s="31">
        <v>40</v>
      </c>
      <c r="B54" s="27">
        <v>13</v>
      </c>
      <c r="C54" s="28">
        <v>11</v>
      </c>
      <c r="D54" s="29">
        <v>24</v>
      </c>
    </row>
    <row r="55" spans="1:4" ht="18" customHeight="1" x14ac:dyDescent="0.2">
      <c r="A55" s="31">
        <v>41</v>
      </c>
      <c r="B55" s="27">
        <v>5</v>
      </c>
      <c r="C55" s="28">
        <v>13</v>
      </c>
      <c r="D55" s="29">
        <v>18</v>
      </c>
    </row>
    <row r="56" spans="1:4" ht="18" customHeight="1" x14ac:dyDescent="0.2">
      <c r="A56" s="31">
        <v>42</v>
      </c>
      <c r="B56" s="27">
        <v>10</v>
      </c>
      <c r="C56" s="28">
        <v>6</v>
      </c>
      <c r="D56" s="29">
        <v>16</v>
      </c>
    </row>
    <row r="57" spans="1:4" ht="18" customHeight="1" x14ac:dyDescent="0.2">
      <c r="A57" s="31">
        <v>43</v>
      </c>
      <c r="B57" s="27">
        <v>10</v>
      </c>
      <c r="C57" s="28">
        <v>13</v>
      </c>
      <c r="D57" s="29">
        <v>23</v>
      </c>
    </row>
    <row r="58" spans="1:4" ht="18" customHeight="1" x14ac:dyDescent="0.2">
      <c r="A58" s="31">
        <v>44</v>
      </c>
      <c r="B58" s="27">
        <v>15</v>
      </c>
      <c r="C58" s="28">
        <v>11</v>
      </c>
      <c r="D58" s="29">
        <v>26</v>
      </c>
    </row>
    <row r="59" spans="1:4" ht="18" customHeight="1" x14ac:dyDescent="0.2">
      <c r="A59" s="31" t="s">
        <v>75</v>
      </c>
      <c r="B59" s="27">
        <v>53</v>
      </c>
      <c r="C59" s="28">
        <v>54</v>
      </c>
      <c r="D59" s="29">
        <v>107</v>
      </c>
    </row>
    <row r="60" spans="1:4" ht="18" customHeight="1" x14ac:dyDescent="0.2">
      <c r="A60" s="31">
        <v>45</v>
      </c>
      <c r="B60" s="27">
        <v>13</v>
      </c>
      <c r="C60" s="28">
        <v>21</v>
      </c>
      <c r="D60" s="29">
        <v>34</v>
      </c>
    </row>
    <row r="61" spans="1:4" ht="18" customHeight="1" x14ac:dyDescent="0.2">
      <c r="A61" s="31">
        <v>46</v>
      </c>
      <c r="B61" s="27">
        <v>6</v>
      </c>
      <c r="C61" s="28">
        <v>5</v>
      </c>
      <c r="D61" s="29">
        <v>11</v>
      </c>
    </row>
    <row r="62" spans="1:4" ht="18" customHeight="1" x14ac:dyDescent="0.2">
      <c r="A62" s="31">
        <v>47</v>
      </c>
      <c r="B62" s="27">
        <v>15</v>
      </c>
      <c r="C62" s="28">
        <v>4</v>
      </c>
      <c r="D62" s="29">
        <v>19</v>
      </c>
    </row>
    <row r="63" spans="1:4" ht="18" customHeight="1" x14ac:dyDescent="0.2">
      <c r="A63" s="31">
        <v>48</v>
      </c>
      <c r="B63" s="27">
        <v>8</v>
      </c>
      <c r="C63" s="28">
        <v>12</v>
      </c>
      <c r="D63" s="29">
        <v>20</v>
      </c>
    </row>
    <row r="64" spans="1:4" ht="18" customHeight="1" x14ac:dyDescent="0.2">
      <c r="A64" s="31">
        <v>49</v>
      </c>
      <c r="B64" s="27">
        <v>14</v>
      </c>
      <c r="C64" s="28">
        <v>10</v>
      </c>
      <c r="D64" s="29">
        <v>24</v>
      </c>
    </row>
    <row r="65" spans="1:4" ht="18" customHeight="1" x14ac:dyDescent="0.2">
      <c r="A65" s="31" t="s">
        <v>76</v>
      </c>
      <c r="B65" s="27">
        <v>56</v>
      </c>
      <c r="C65" s="28">
        <v>52</v>
      </c>
      <c r="D65" s="29">
        <v>108</v>
      </c>
    </row>
    <row r="66" spans="1:4" ht="18" customHeight="1" x14ac:dyDescent="0.2">
      <c r="A66" s="31">
        <v>50</v>
      </c>
      <c r="B66" s="27">
        <v>10</v>
      </c>
      <c r="C66" s="28">
        <v>12</v>
      </c>
      <c r="D66" s="29">
        <v>22</v>
      </c>
    </row>
    <row r="67" spans="1:4" ht="18" customHeight="1" x14ac:dyDescent="0.2">
      <c r="A67" s="31">
        <v>51</v>
      </c>
      <c r="B67" s="27">
        <v>14</v>
      </c>
      <c r="C67" s="28">
        <v>18</v>
      </c>
      <c r="D67" s="29">
        <v>32</v>
      </c>
    </row>
    <row r="68" spans="1:4" ht="18" customHeight="1" x14ac:dyDescent="0.2">
      <c r="A68" s="31">
        <v>52</v>
      </c>
      <c r="B68" s="27">
        <v>10</v>
      </c>
      <c r="C68" s="28">
        <v>13</v>
      </c>
      <c r="D68" s="29">
        <v>23</v>
      </c>
    </row>
    <row r="69" spans="1:4" ht="18" customHeight="1" x14ac:dyDescent="0.2">
      <c r="A69" s="31">
        <v>53</v>
      </c>
      <c r="B69" s="27">
        <v>15</v>
      </c>
      <c r="C69" s="28">
        <v>16</v>
      </c>
      <c r="D69" s="29">
        <v>31</v>
      </c>
    </row>
    <row r="70" spans="1:4" ht="18" customHeight="1" x14ac:dyDescent="0.2">
      <c r="A70" s="31">
        <v>54</v>
      </c>
      <c r="B70" s="27">
        <v>18</v>
      </c>
      <c r="C70" s="28">
        <v>21</v>
      </c>
      <c r="D70" s="29">
        <v>39</v>
      </c>
    </row>
    <row r="71" spans="1:4" ht="18" customHeight="1" x14ac:dyDescent="0.2">
      <c r="A71" s="31" t="s">
        <v>77</v>
      </c>
      <c r="B71" s="27">
        <v>67</v>
      </c>
      <c r="C71" s="28">
        <v>80</v>
      </c>
      <c r="D71" s="29">
        <v>147</v>
      </c>
    </row>
    <row r="72" spans="1:4" ht="18" customHeight="1" x14ac:dyDescent="0.2">
      <c r="A72" s="31">
        <v>55</v>
      </c>
      <c r="B72" s="27">
        <v>16</v>
      </c>
      <c r="C72" s="28">
        <v>23</v>
      </c>
      <c r="D72" s="29">
        <v>39</v>
      </c>
    </row>
    <row r="73" spans="1:4" ht="18" customHeight="1" x14ac:dyDescent="0.2">
      <c r="A73" s="31">
        <v>56</v>
      </c>
      <c r="B73" s="27">
        <v>13</v>
      </c>
      <c r="C73" s="28">
        <v>17</v>
      </c>
      <c r="D73" s="29">
        <v>30</v>
      </c>
    </row>
    <row r="74" spans="1:4" ht="18" customHeight="1" x14ac:dyDescent="0.2">
      <c r="A74" s="31">
        <v>57</v>
      </c>
      <c r="B74" s="27">
        <v>36</v>
      </c>
      <c r="C74" s="28">
        <v>16</v>
      </c>
      <c r="D74" s="29">
        <v>52</v>
      </c>
    </row>
    <row r="75" spans="1:4" ht="18" customHeight="1" x14ac:dyDescent="0.2">
      <c r="A75" s="31">
        <v>58</v>
      </c>
      <c r="B75" s="27">
        <v>23</v>
      </c>
      <c r="C75" s="28">
        <v>18</v>
      </c>
      <c r="D75" s="29">
        <v>41</v>
      </c>
    </row>
    <row r="76" spans="1:4" ht="18" customHeight="1" x14ac:dyDescent="0.2">
      <c r="A76" s="31">
        <v>59</v>
      </c>
      <c r="B76" s="27">
        <v>16</v>
      </c>
      <c r="C76" s="28">
        <v>28</v>
      </c>
      <c r="D76" s="29">
        <v>44</v>
      </c>
    </row>
    <row r="77" spans="1:4" ht="18" customHeight="1" x14ac:dyDescent="0.2">
      <c r="A77" s="31" t="s">
        <v>78</v>
      </c>
      <c r="B77" s="27">
        <v>104</v>
      </c>
      <c r="C77" s="28">
        <v>102</v>
      </c>
      <c r="D77" s="29">
        <v>206</v>
      </c>
    </row>
    <row r="78" spans="1:4" ht="18" customHeight="1" x14ac:dyDescent="0.2">
      <c r="A78" s="31">
        <v>60</v>
      </c>
      <c r="B78" s="27">
        <v>27</v>
      </c>
      <c r="C78" s="28">
        <v>24</v>
      </c>
      <c r="D78" s="29">
        <v>51</v>
      </c>
    </row>
    <row r="79" spans="1:4" ht="18" customHeight="1" x14ac:dyDescent="0.2">
      <c r="A79" s="31">
        <v>61</v>
      </c>
      <c r="B79" s="27">
        <v>34</v>
      </c>
      <c r="C79" s="28">
        <v>38</v>
      </c>
      <c r="D79" s="29">
        <v>72</v>
      </c>
    </row>
    <row r="80" spans="1:4" ht="18" customHeight="1" x14ac:dyDescent="0.2">
      <c r="A80" s="31">
        <v>62</v>
      </c>
      <c r="B80" s="27">
        <v>27</v>
      </c>
      <c r="C80" s="28">
        <v>22</v>
      </c>
      <c r="D80" s="29">
        <v>49</v>
      </c>
    </row>
    <row r="81" spans="1:4" ht="18" customHeight="1" x14ac:dyDescent="0.2">
      <c r="A81" s="31">
        <v>63</v>
      </c>
      <c r="B81" s="27">
        <v>11</v>
      </c>
      <c r="C81" s="28">
        <v>13</v>
      </c>
      <c r="D81" s="29">
        <v>24</v>
      </c>
    </row>
    <row r="82" spans="1:4" ht="18" customHeight="1" x14ac:dyDescent="0.2">
      <c r="A82" s="31">
        <v>64</v>
      </c>
      <c r="B82" s="27">
        <v>15</v>
      </c>
      <c r="C82" s="28">
        <v>21</v>
      </c>
      <c r="D82" s="29">
        <v>36</v>
      </c>
    </row>
    <row r="83" spans="1:4" ht="18" customHeight="1" x14ac:dyDescent="0.2">
      <c r="A83" s="31" t="s">
        <v>79</v>
      </c>
      <c r="B83" s="27">
        <v>114</v>
      </c>
      <c r="C83" s="28">
        <v>118</v>
      </c>
      <c r="D83" s="29">
        <v>232</v>
      </c>
    </row>
    <row r="84" spans="1:4" ht="18" customHeight="1" x14ac:dyDescent="0.2">
      <c r="A84" s="31" t="s">
        <v>80</v>
      </c>
      <c r="B84" s="27">
        <v>746</v>
      </c>
      <c r="C84" s="28">
        <v>713</v>
      </c>
      <c r="D84" s="29">
        <v>1459</v>
      </c>
    </row>
    <row r="85" spans="1:4" ht="18" customHeight="1" x14ac:dyDescent="0.2">
      <c r="A85" s="31">
        <v>65</v>
      </c>
      <c r="B85" s="27">
        <v>21</v>
      </c>
      <c r="C85" s="28">
        <v>31</v>
      </c>
      <c r="D85" s="29">
        <v>52</v>
      </c>
    </row>
    <row r="86" spans="1:4" ht="18" customHeight="1" x14ac:dyDescent="0.2">
      <c r="A86" s="31">
        <v>66</v>
      </c>
      <c r="B86" s="27">
        <v>21</v>
      </c>
      <c r="C86" s="28">
        <v>27</v>
      </c>
      <c r="D86" s="29">
        <v>48</v>
      </c>
    </row>
    <row r="87" spans="1:4" ht="18" customHeight="1" x14ac:dyDescent="0.2">
      <c r="A87" s="31">
        <v>67</v>
      </c>
      <c r="B87" s="27">
        <v>23</v>
      </c>
      <c r="C87" s="28">
        <v>29</v>
      </c>
      <c r="D87" s="29">
        <v>52</v>
      </c>
    </row>
    <row r="88" spans="1:4" ht="18" customHeight="1" x14ac:dyDescent="0.2">
      <c r="A88" s="31">
        <v>68</v>
      </c>
      <c r="B88" s="27">
        <v>19</v>
      </c>
      <c r="C88" s="28">
        <v>18</v>
      </c>
      <c r="D88" s="29">
        <v>37</v>
      </c>
    </row>
    <row r="89" spans="1:4" ht="18" customHeight="1" x14ac:dyDescent="0.2">
      <c r="A89" s="31">
        <v>69</v>
      </c>
      <c r="B89" s="27">
        <v>22</v>
      </c>
      <c r="C89" s="28">
        <v>16</v>
      </c>
      <c r="D89" s="29">
        <v>38</v>
      </c>
    </row>
    <row r="90" spans="1:4" ht="18" customHeight="1" x14ac:dyDescent="0.2">
      <c r="A90" s="31" t="s">
        <v>81</v>
      </c>
      <c r="B90" s="27">
        <v>106</v>
      </c>
      <c r="C90" s="28">
        <v>121</v>
      </c>
      <c r="D90" s="29">
        <v>227</v>
      </c>
    </row>
    <row r="91" spans="1:4" ht="18" customHeight="1" x14ac:dyDescent="0.2">
      <c r="A91" s="31">
        <v>70</v>
      </c>
      <c r="B91" s="27">
        <v>11</v>
      </c>
      <c r="C91" s="28">
        <v>19</v>
      </c>
      <c r="D91" s="29">
        <v>30</v>
      </c>
    </row>
    <row r="92" spans="1:4" ht="18" customHeight="1" x14ac:dyDescent="0.2">
      <c r="A92" s="31">
        <v>71</v>
      </c>
      <c r="B92" s="27">
        <v>21</v>
      </c>
      <c r="C92" s="28">
        <v>21</v>
      </c>
      <c r="D92" s="29">
        <v>42</v>
      </c>
    </row>
    <row r="93" spans="1:4" ht="18" customHeight="1" x14ac:dyDescent="0.2">
      <c r="A93" s="31">
        <v>72</v>
      </c>
      <c r="B93" s="27">
        <v>19</v>
      </c>
      <c r="C93" s="28">
        <v>26</v>
      </c>
      <c r="D93" s="29">
        <v>45</v>
      </c>
    </row>
    <row r="94" spans="1:4" ht="18" customHeight="1" x14ac:dyDescent="0.2">
      <c r="A94" s="31">
        <v>73</v>
      </c>
      <c r="B94" s="27">
        <v>11</v>
      </c>
      <c r="C94" s="28">
        <v>17</v>
      </c>
      <c r="D94" s="29">
        <v>28</v>
      </c>
    </row>
    <row r="95" spans="1:4" ht="18" customHeight="1" x14ac:dyDescent="0.2">
      <c r="A95" s="31">
        <v>74</v>
      </c>
      <c r="B95" s="27">
        <v>8</v>
      </c>
      <c r="C95" s="28">
        <v>23</v>
      </c>
      <c r="D95" s="29">
        <v>31</v>
      </c>
    </row>
    <row r="96" spans="1:4" ht="18" customHeight="1" x14ac:dyDescent="0.2">
      <c r="A96" s="31" t="s">
        <v>82</v>
      </c>
      <c r="B96" s="27">
        <v>70</v>
      </c>
      <c r="C96" s="28">
        <v>106</v>
      </c>
      <c r="D96" s="29">
        <v>176</v>
      </c>
    </row>
    <row r="97" spans="1:4" ht="18" customHeight="1" x14ac:dyDescent="0.2">
      <c r="A97" s="31">
        <v>75</v>
      </c>
      <c r="B97" s="27">
        <v>21</v>
      </c>
      <c r="C97" s="28">
        <v>17</v>
      </c>
      <c r="D97" s="29">
        <v>38</v>
      </c>
    </row>
    <row r="98" spans="1:4" ht="18" customHeight="1" x14ac:dyDescent="0.2">
      <c r="A98" s="31">
        <v>76</v>
      </c>
      <c r="B98" s="27">
        <v>15</v>
      </c>
      <c r="C98" s="28">
        <v>29</v>
      </c>
      <c r="D98" s="29">
        <v>44</v>
      </c>
    </row>
    <row r="99" spans="1:4" ht="18" customHeight="1" x14ac:dyDescent="0.2">
      <c r="A99" s="31">
        <v>77</v>
      </c>
      <c r="B99" s="27">
        <v>16</v>
      </c>
      <c r="C99" s="28">
        <v>21</v>
      </c>
      <c r="D99" s="29">
        <v>37</v>
      </c>
    </row>
    <row r="100" spans="1:4" ht="18" customHeight="1" x14ac:dyDescent="0.2">
      <c r="A100" s="31">
        <v>78</v>
      </c>
      <c r="B100" s="27">
        <v>9</v>
      </c>
      <c r="C100" s="28">
        <v>23</v>
      </c>
      <c r="D100" s="29">
        <v>32</v>
      </c>
    </row>
    <row r="101" spans="1:4" ht="18" customHeight="1" x14ac:dyDescent="0.2">
      <c r="A101" s="31">
        <v>79</v>
      </c>
      <c r="B101" s="27">
        <v>16</v>
      </c>
      <c r="C101" s="28">
        <v>21</v>
      </c>
      <c r="D101" s="29">
        <v>37</v>
      </c>
    </row>
    <row r="102" spans="1:4" ht="18" customHeight="1" x14ac:dyDescent="0.2">
      <c r="A102" s="31" t="s">
        <v>83</v>
      </c>
      <c r="B102" s="27">
        <v>77</v>
      </c>
      <c r="C102" s="28">
        <v>111</v>
      </c>
      <c r="D102" s="29">
        <v>188</v>
      </c>
    </row>
    <row r="103" spans="1:4" ht="18" customHeight="1" x14ac:dyDescent="0.2">
      <c r="A103" s="31">
        <v>80</v>
      </c>
      <c r="B103" s="27">
        <v>20</v>
      </c>
      <c r="C103" s="28">
        <v>17</v>
      </c>
      <c r="D103" s="29">
        <v>37</v>
      </c>
    </row>
    <row r="104" spans="1:4" ht="18" customHeight="1" x14ac:dyDescent="0.2">
      <c r="A104" s="31">
        <v>81</v>
      </c>
      <c r="B104" s="27">
        <v>11</v>
      </c>
      <c r="C104" s="28">
        <v>26</v>
      </c>
      <c r="D104" s="29">
        <v>37</v>
      </c>
    </row>
    <row r="105" spans="1:4" ht="18" customHeight="1" x14ac:dyDescent="0.2">
      <c r="A105" s="31">
        <v>82</v>
      </c>
      <c r="B105" s="27">
        <v>8</v>
      </c>
      <c r="C105" s="28">
        <v>17</v>
      </c>
      <c r="D105" s="29">
        <v>25</v>
      </c>
    </row>
    <row r="106" spans="1:4" ht="18" customHeight="1" x14ac:dyDescent="0.2">
      <c r="A106" s="31">
        <v>83</v>
      </c>
      <c r="B106" s="27">
        <v>11</v>
      </c>
      <c r="C106" s="28">
        <v>18</v>
      </c>
      <c r="D106" s="29">
        <v>29</v>
      </c>
    </row>
    <row r="107" spans="1:4" ht="18" customHeight="1" x14ac:dyDescent="0.2">
      <c r="A107" s="31">
        <v>84</v>
      </c>
      <c r="B107" s="27">
        <v>4</v>
      </c>
      <c r="C107" s="28">
        <v>20</v>
      </c>
      <c r="D107" s="29">
        <v>24</v>
      </c>
    </row>
    <row r="108" spans="1:4" ht="18" customHeight="1" x14ac:dyDescent="0.2">
      <c r="A108" s="31" t="s">
        <v>84</v>
      </c>
      <c r="B108" s="27">
        <v>54</v>
      </c>
      <c r="C108" s="28">
        <v>98</v>
      </c>
      <c r="D108" s="29">
        <v>152</v>
      </c>
    </row>
    <row r="109" spans="1:4" ht="18" customHeight="1" x14ac:dyDescent="0.2">
      <c r="A109" s="31">
        <v>85</v>
      </c>
      <c r="B109" s="27">
        <v>6</v>
      </c>
      <c r="C109" s="28">
        <v>14</v>
      </c>
      <c r="D109" s="29">
        <v>20</v>
      </c>
    </row>
    <row r="110" spans="1:4" ht="18" customHeight="1" x14ac:dyDescent="0.2">
      <c r="A110" s="31">
        <v>86</v>
      </c>
      <c r="B110" s="27">
        <v>9</v>
      </c>
      <c r="C110" s="28">
        <v>12</v>
      </c>
      <c r="D110" s="29">
        <v>21</v>
      </c>
    </row>
    <row r="111" spans="1:4" ht="18" customHeight="1" x14ac:dyDescent="0.2">
      <c r="A111" s="31">
        <v>87</v>
      </c>
      <c r="B111" s="27">
        <v>6</v>
      </c>
      <c r="C111" s="28">
        <v>11</v>
      </c>
      <c r="D111" s="29">
        <v>17</v>
      </c>
    </row>
    <row r="112" spans="1:4" ht="18" customHeight="1" x14ac:dyDescent="0.2">
      <c r="A112" s="31">
        <v>88</v>
      </c>
      <c r="B112" s="27">
        <v>6</v>
      </c>
      <c r="C112" s="28">
        <v>12</v>
      </c>
      <c r="D112" s="29">
        <v>18</v>
      </c>
    </row>
    <row r="113" spans="1:4" ht="18" customHeight="1" x14ac:dyDescent="0.2">
      <c r="A113" s="31">
        <v>89</v>
      </c>
      <c r="B113" s="27">
        <v>3</v>
      </c>
      <c r="C113" s="28">
        <v>9</v>
      </c>
      <c r="D113" s="29">
        <v>12</v>
      </c>
    </row>
    <row r="114" spans="1:4" ht="18" customHeight="1" x14ac:dyDescent="0.2">
      <c r="A114" s="31" t="s">
        <v>85</v>
      </c>
      <c r="B114" s="27">
        <v>30</v>
      </c>
      <c r="C114" s="28">
        <v>58</v>
      </c>
      <c r="D114" s="29">
        <v>88</v>
      </c>
    </row>
    <row r="115" spans="1:4" ht="18" customHeight="1" x14ac:dyDescent="0.2">
      <c r="A115" s="31">
        <v>90</v>
      </c>
      <c r="B115" s="27">
        <v>3</v>
      </c>
      <c r="C115" s="28">
        <v>9</v>
      </c>
      <c r="D115" s="29">
        <v>12</v>
      </c>
    </row>
    <row r="116" spans="1:4" ht="18" customHeight="1" x14ac:dyDescent="0.2">
      <c r="A116" s="31">
        <v>91</v>
      </c>
      <c r="B116" s="27">
        <v>3</v>
      </c>
      <c r="C116" s="28">
        <v>12</v>
      </c>
      <c r="D116" s="29">
        <v>15</v>
      </c>
    </row>
    <row r="117" spans="1:4" ht="18" customHeight="1" x14ac:dyDescent="0.2">
      <c r="A117" s="31">
        <v>92</v>
      </c>
      <c r="B117" s="27">
        <v>2</v>
      </c>
      <c r="C117" s="28">
        <v>6</v>
      </c>
      <c r="D117" s="29">
        <v>8</v>
      </c>
    </row>
    <row r="118" spans="1:4" ht="18" customHeight="1" x14ac:dyDescent="0.2">
      <c r="A118" s="31">
        <v>93</v>
      </c>
      <c r="B118" s="27">
        <v>2</v>
      </c>
      <c r="C118" s="28">
        <v>3</v>
      </c>
      <c r="D118" s="29">
        <v>5</v>
      </c>
    </row>
    <row r="119" spans="1:4" ht="18" customHeight="1" x14ac:dyDescent="0.2">
      <c r="A119" s="31">
        <v>94</v>
      </c>
      <c r="B119" s="27">
        <v>3</v>
      </c>
      <c r="C119" s="28">
        <v>7</v>
      </c>
      <c r="D119" s="29">
        <v>10</v>
      </c>
    </row>
    <row r="120" spans="1:4" ht="18" customHeight="1" x14ac:dyDescent="0.2">
      <c r="A120" s="31" t="s">
        <v>86</v>
      </c>
      <c r="B120" s="27">
        <v>13</v>
      </c>
      <c r="C120" s="28">
        <v>37</v>
      </c>
      <c r="D120" s="29">
        <v>50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6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350</v>
      </c>
      <c r="C130" s="5">
        <v>537</v>
      </c>
      <c r="D130" s="6">
        <v>887</v>
      </c>
    </row>
    <row r="131" spans="1:4" ht="18" customHeight="1" x14ac:dyDescent="0.2">
      <c r="A131" s="33" t="s">
        <v>65</v>
      </c>
      <c r="B131" s="7">
        <v>1228</v>
      </c>
      <c r="C131" s="8">
        <v>1391</v>
      </c>
      <c r="D131" s="9">
        <v>261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6</v>
      </c>
      <c r="C5" s="37">
        <v>20</v>
      </c>
      <c r="D5" s="39">
        <v>46</v>
      </c>
    </row>
    <row r="6" spans="1:4" ht="18" customHeight="1" x14ac:dyDescent="0.2">
      <c r="A6" s="31">
        <v>1</v>
      </c>
      <c r="B6" s="35">
        <v>34</v>
      </c>
      <c r="C6" s="28">
        <v>20</v>
      </c>
      <c r="D6" s="29">
        <v>54</v>
      </c>
    </row>
    <row r="7" spans="1:4" ht="18" customHeight="1" x14ac:dyDescent="0.2">
      <c r="A7" s="31">
        <v>2</v>
      </c>
      <c r="B7" s="35">
        <v>33</v>
      </c>
      <c r="C7" s="28">
        <v>27</v>
      </c>
      <c r="D7" s="29">
        <v>60</v>
      </c>
    </row>
    <row r="8" spans="1:4" ht="18" customHeight="1" x14ac:dyDescent="0.2">
      <c r="A8" s="31">
        <v>3</v>
      </c>
      <c r="B8" s="35">
        <v>36</v>
      </c>
      <c r="C8" s="28">
        <v>29</v>
      </c>
      <c r="D8" s="29">
        <v>65</v>
      </c>
    </row>
    <row r="9" spans="1:4" ht="18" customHeight="1" x14ac:dyDescent="0.2">
      <c r="A9" s="31">
        <v>4</v>
      </c>
      <c r="B9" s="36">
        <v>41</v>
      </c>
      <c r="C9" s="38">
        <v>32</v>
      </c>
      <c r="D9" s="40">
        <v>73</v>
      </c>
    </row>
    <row r="10" spans="1:4" ht="18" customHeight="1" x14ac:dyDescent="0.2">
      <c r="A10" s="31" t="s">
        <v>66</v>
      </c>
      <c r="B10" s="27">
        <v>170</v>
      </c>
      <c r="C10" s="28">
        <v>128</v>
      </c>
      <c r="D10" s="29">
        <v>298</v>
      </c>
    </row>
    <row r="11" spans="1:4" ht="18" customHeight="1" x14ac:dyDescent="0.2">
      <c r="A11" s="31">
        <v>5</v>
      </c>
      <c r="B11" s="35">
        <v>32</v>
      </c>
      <c r="C11" s="28">
        <v>38</v>
      </c>
      <c r="D11" s="29">
        <v>70</v>
      </c>
    </row>
    <row r="12" spans="1:4" ht="18" customHeight="1" x14ac:dyDescent="0.2">
      <c r="A12" s="31">
        <v>6</v>
      </c>
      <c r="B12" s="35">
        <v>40</v>
      </c>
      <c r="C12" s="28">
        <v>33</v>
      </c>
      <c r="D12" s="29">
        <v>73</v>
      </c>
    </row>
    <row r="13" spans="1:4" ht="18" customHeight="1" x14ac:dyDescent="0.2">
      <c r="A13" s="31">
        <v>7</v>
      </c>
      <c r="B13" s="35">
        <v>47</v>
      </c>
      <c r="C13" s="28">
        <v>20</v>
      </c>
      <c r="D13" s="29">
        <v>67</v>
      </c>
    </row>
    <row r="14" spans="1:4" ht="18" customHeight="1" x14ac:dyDescent="0.2">
      <c r="A14" s="31">
        <v>8</v>
      </c>
      <c r="B14" s="35">
        <v>37</v>
      </c>
      <c r="C14" s="28">
        <v>38</v>
      </c>
      <c r="D14" s="29">
        <v>75</v>
      </c>
    </row>
    <row r="15" spans="1:4" ht="18" customHeight="1" x14ac:dyDescent="0.2">
      <c r="A15" s="31">
        <v>9</v>
      </c>
      <c r="B15" s="35">
        <v>44</v>
      </c>
      <c r="C15" s="28">
        <v>49</v>
      </c>
      <c r="D15" s="29">
        <v>93</v>
      </c>
    </row>
    <row r="16" spans="1:4" ht="18" customHeight="1" x14ac:dyDescent="0.2">
      <c r="A16" s="31" t="s">
        <v>67</v>
      </c>
      <c r="B16" s="27">
        <v>200</v>
      </c>
      <c r="C16" s="28">
        <v>178</v>
      </c>
      <c r="D16" s="29">
        <v>378</v>
      </c>
    </row>
    <row r="17" spans="1:4" ht="18" customHeight="1" x14ac:dyDescent="0.2">
      <c r="A17" s="31">
        <v>10</v>
      </c>
      <c r="B17" s="27">
        <v>43</v>
      </c>
      <c r="C17" s="28">
        <v>34</v>
      </c>
      <c r="D17" s="29">
        <v>77</v>
      </c>
    </row>
    <row r="18" spans="1:4" ht="18" customHeight="1" x14ac:dyDescent="0.2">
      <c r="A18" s="31">
        <v>11</v>
      </c>
      <c r="B18" s="27">
        <v>40</v>
      </c>
      <c r="C18" s="28">
        <v>37</v>
      </c>
      <c r="D18" s="29">
        <v>77</v>
      </c>
    </row>
    <row r="19" spans="1:4" ht="18" customHeight="1" x14ac:dyDescent="0.2">
      <c r="A19" s="31">
        <v>12</v>
      </c>
      <c r="B19" s="27">
        <v>45</v>
      </c>
      <c r="C19" s="28">
        <v>37</v>
      </c>
      <c r="D19" s="29">
        <v>82</v>
      </c>
    </row>
    <row r="20" spans="1:4" ht="18" customHeight="1" x14ac:dyDescent="0.2">
      <c r="A20" s="31">
        <v>13</v>
      </c>
      <c r="B20" s="27">
        <v>45</v>
      </c>
      <c r="C20" s="28">
        <v>40</v>
      </c>
      <c r="D20" s="29">
        <v>85</v>
      </c>
    </row>
    <row r="21" spans="1:4" ht="18" customHeight="1" x14ac:dyDescent="0.2">
      <c r="A21" s="31">
        <v>14</v>
      </c>
      <c r="B21" s="27">
        <v>42</v>
      </c>
      <c r="C21" s="28">
        <v>32</v>
      </c>
      <c r="D21" s="29">
        <v>74</v>
      </c>
    </row>
    <row r="22" spans="1:4" ht="18" customHeight="1" x14ac:dyDescent="0.2">
      <c r="A22" s="31" t="s">
        <v>68</v>
      </c>
      <c r="B22" s="27">
        <v>215</v>
      </c>
      <c r="C22" s="28">
        <v>180</v>
      </c>
      <c r="D22" s="29">
        <v>395</v>
      </c>
    </row>
    <row r="23" spans="1:4" ht="18" customHeight="1" x14ac:dyDescent="0.2">
      <c r="A23" s="31" t="s">
        <v>69</v>
      </c>
      <c r="B23" s="27">
        <v>585</v>
      </c>
      <c r="C23" s="28">
        <v>486</v>
      </c>
      <c r="D23" s="29">
        <v>1071</v>
      </c>
    </row>
    <row r="24" spans="1:4" ht="18" customHeight="1" x14ac:dyDescent="0.2">
      <c r="A24" s="31">
        <v>15</v>
      </c>
      <c r="B24" s="27">
        <v>41</v>
      </c>
      <c r="C24" s="28">
        <v>40</v>
      </c>
      <c r="D24" s="29">
        <v>81</v>
      </c>
    </row>
    <row r="25" spans="1:4" ht="18" customHeight="1" x14ac:dyDescent="0.2">
      <c r="A25" s="31">
        <v>16</v>
      </c>
      <c r="B25" s="27">
        <v>40</v>
      </c>
      <c r="C25" s="28">
        <v>28</v>
      </c>
      <c r="D25" s="29">
        <v>68</v>
      </c>
    </row>
    <row r="26" spans="1:4" ht="18" customHeight="1" x14ac:dyDescent="0.2">
      <c r="A26" s="31">
        <v>17</v>
      </c>
      <c r="B26" s="27">
        <v>35</v>
      </c>
      <c r="C26" s="28">
        <v>38</v>
      </c>
      <c r="D26" s="29">
        <v>73</v>
      </c>
    </row>
    <row r="27" spans="1:4" ht="18" customHeight="1" x14ac:dyDescent="0.2">
      <c r="A27" s="31">
        <v>18</v>
      </c>
      <c r="B27" s="27">
        <v>35</v>
      </c>
      <c r="C27" s="28">
        <v>38</v>
      </c>
      <c r="D27" s="29">
        <v>73</v>
      </c>
    </row>
    <row r="28" spans="1:4" ht="18" customHeight="1" x14ac:dyDescent="0.2">
      <c r="A28" s="31">
        <v>19</v>
      </c>
      <c r="B28" s="27">
        <v>31</v>
      </c>
      <c r="C28" s="28">
        <v>36</v>
      </c>
      <c r="D28" s="29">
        <v>67</v>
      </c>
    </row>
    <row r="29" spans="1:4" ht="18" customHeight="1" x14ac:dyDescent="0.2">
      <c r="A29" s="31" t="s">
        <v>70</v>
      </c>
      <c r="B29" s="27">
        <v>182</v>
      </c>
      <c r="C29" s="28">
        <v>180</v>
      </c>
      <c r="D29" s="29">
        <v>362</v>
      </c>
    </row>
    <row r="30" spans="1:4" ht="18" customHeight="1" x14ac:dyDescent="0.2">
      <c r="A30" s="31">
        <v>20</v>
      </c>
      <c r="B30" s="27">
        <v>43</v>
      </c>
      <c r="C30" s="28">
        <v>34</v>
      </c>
      <c r="D30" s="29">
        <v>77</v>
      </c>
    </row>
    <row r="31" spans="1:4" ht="18" customHeight="1" x14ac:dyDescent="0.2">
      <c r="A31" s="31">
        <v>21</v>
      </c>
      <c r="B31" s="27">
        <v>34</v>
      </c>
      <c r="C31" s="28">
        <v>33</v>
      </c>
      <c r="D31" s="29">
        <v>67</v>
      </c>
    </row>
    <row r="32" spans="1:4" ht="18" customHeight="1" x14ac:dyDescent="0.2">
      <c r="A32" s="31">
        <v>22</v>
      </c>
      <c r="B32" s="27">
        <v>40</v>
      </c>
      <c r="C32" s="28">
        <v>48</v>
      </c>
      <c r="D32" s="29">
        <v>88</v>
      </c>
    </row>
    <row r="33" spans="1:4" ht="18" customHeight="1" x14ac:dyDescent="0.2">
      <c r="A33" s="31">
        <v>23</v>
      </c>
      <c r="B33" s="27">
        <v>35</v>
      </c>
      <c r="C33" s="28">
        <v>31</v>
      </c>
      <c r="D33" s="29">
        <v>66</v>
      </c>
    </row>
    <row r="34" spans="1:4" ht="18" customHeight="1" x14ac:dyDescent="0.2">
      <c r="A34" s="31">
        <v>24</v>
      </c>
      <c r="B34" s="27">
        <v>38</v>
      </c>
      <c r="C34" s="28">
        <v>39</v>
      </c>
      <c r="D34" s="29">
        <v>77</v>
      </c>
    </row>
    <row r="35" spans="1:4" ht="18" customHeight="1" x14ac:dyDescent="0.2">
      <c r="A35" s="31" t="s">
        <v>71</v>
      </c>
      <c r="B35" s="27">
        <v>190</v>
      </c>
      <c r="C35" s="28">
        <v>185</v>
      </c>
      <c r="D35" s="29">
        <v>375</v>
      </c>
    </row>
    <row r="36" spans="1:4" ht="18" customHeight="1" x14ac:dyDescent="0.2">
      <c r="A36" s="31">
        <v>25</v>
      </c>
      <c r="B36" s="27">
        <v>42</v>
      </c>
      <c r="C36" s="28">
        <v>32</v>
      </c>
      <c r="D36" s="29">
        <v>74</v>
      </c>
    </row>
    <row r="37" spans="1:4" ht="18" customHeight="1" x14ac:dyDescent="0.2">
      <c r="A37" s="31">
        <v>26</v>
      </c>
      <c r="B37" s="27">
        <v>35</v>
      </c>
      <c r="C37" s="28">
        <v>35</v>
      </c>
      <c r="D37" s="29">
        <v>70</v>
      </c>
    </row>
    <row r="38" spans="1:4" ht="18" customHeight="1" x14ac:dyDescent="0.2">
      <c r="A38" s="31">
        <v>27</v>
      </c>
      <c r="B38" s="27">
        <v>45</v>
      </c>
      <c r="C38" s="28">
        <v>42</v>
      </c>
      <c r="D38" s="29">
        <v>87</v>
      </c>
    </row>
    <row r="39" spans="1:4" ht="18" customHeight="1" x14ac:dyDescent="0.2">
      <c r="A39" s="31">
        <v>28</v>
      </c>
      <c r="B39" s="27">
        <v>41</v>
      </c>
      <c r="C39" s="28">
        <v>36</v>
      </c>
      <c r="D39" s="29">
        <v>77</v>
      </c>
    </row>
    <row r="40" spans="1:4" ht="18" customHeight="1" x14ac:dyDescent="0.2">
      <c r="A40" s="31">
        <v>29</v>
      </c>
      <c r="B40" s="27">
        <v>38</v>
      </c>
      <c r="C40" s="28">
        <v>38</v>
      </c>
      <c r="D40" s="29">
        <v>76</v>
      </c>
    </row>
    <row r="41" spans="1:4" ht="18" customHeight="1" x14ac:dyDescent="0.2">
      <c r="A41" s="31" t="s">
        <v>72</v>
      </c>
      <c r="B41" s="27">
        <v>201</v>
      </c>
      <c r="C41" s="28">
        <v>183</v>
      </c>
      <c r="D41" s="29">
        <v>384</v>
      </c>
    </row>
    <row r="42" spans="1:4" ht="18" customHeight="1" x14ac:dyDescent="0.2">
      <c r="A42" s="31">
        <v>30</v>
      </c>
      <c r="B42" s="27">
        <v>49</v>
      </c>
      <c r="C42" s="28">
        <v>41</v>
      </c>
      <c r="D42" s="29">
        <v>90</v>
      </c>
    </row>
    <row r="43" spans="1:4" ht="18" customHeight="1" x14ac:dyDescent="0.2">
      <c r="A43" s="31">
        <v>31</v>
      </c>
      <c r="B43" s="27">
        <v>54</v>
      </c>
      <c r="C43" s="28">
        <v>43</v>
      </c>
      <c r="D43" s="29">
        <v>97</v>
      </c>
    </row>
    <row r="44" spans="1:4" ht="18" customHeight="1" x14ac:dyDescent="0.2">
      <c r="A44" s="31">
        <v>32</v>
      </c>
      <c r="B44" s="27">
        <v>43</v>
      </c>
      <c r="C44" s="28">
        <v>38</v>
      </c>
      <c r="D44" s="29">
        <v>81</v>
      </c>
    </row>
    <row r="45" spans="1:4" ht="18" customHeight="1" x14ac:dyDescent="0.2">
      <c r="A45" s="31">
        <v>33</v>
      </c>
      <c r="B45" s="27">
        <v>45</v>
      </c>
      <c r="C45" s="28">
        <v>40</v>
      </c>
      <c r="D45" s="29">
        <v>85</v>
      </c>
    </row>
    <row r="46" spans="1:4" ht="18" customHeight="1" x14ac:dyDescent="0.2">
      <c r="A46" s="31">
        <v>34</v>
      </c>
      <c r="B46" s="27">
        <v>53</v>
      </c>
      <c r="C46" s="28">
        <v>49</v>
      </c>
      <c r="D46" s="29">
        <v>102</v>
      </c>
    </row>
    <row r="47" spans="1:4" ht="18" customHeight="1" x14ac:dyDescent="0.2">
      <c r="A47" s="31" t="s">
        <v>73</v>
      </c>
      <c r="B47" s="27">
        <v>244</v>
      </c>
      <c r="C47" s="28">
        <v>211</v>
      </c>
      <c r="D47" s="29">
        <v>455</v>
      </c>
    </row>
    <row r="48" spans="1:4" ht="18" customHeight="1" x14ac:dyDescent="0.2">
      <c r="A48" s="31">
        <v>35</v>
      </c>
      <c r="B48" s="27">
        <v>38</v>
      </c>
      <c r="C48" s="28">
        <v>46</v>
      </c>
      <c r="D48" s="29">
        <v>84</v>
      </c>
    </row>
    <row r="49" spans="1:4" ht="18" customHeight="1" x14ac:dyDescent="0.2">
      <c r="A49" s="31">
        <v>36</v>
      </c>
      <c r="B49" s="27">
        <v>55</v>
      </c>
      <c r="C49" s="28">
        <v>58</v>
      </c>
      <c r="D49" s="29">
        <v>113</v>
      </c>
    </row>
    <row r="50" spans="1:4" ht="18" customHeight="1" x14ac:dyDescent="0.2">
      <c r="A50" s="31">
        <v>37</v>
      </c>
      <c r="B50" s="27">
        <v>43</v>
      </c>
      <c r="C50" s="28">
        <v>51</v>
      </c>
      <c r="D50" s="29">
        <v>94</v>
      </c>
    </row>
    <row r="51" spans="1:4" ht="18" customHeight="1" x14ac:dyDescent="0.2">
      <c r="A51" s="31">
        <v>38</v>
      </c>
      <c r="B51" s="27">
        <v>49</v>
      </c>
      <c r="C51" s="28">
        <v>46</v>
      </c>
      <c r="D51" s="29">
        <v>95</v>
      </c>
    </row>
    <row r="52" spans="1:4" ht="18" customHeight="1" x14ac:dyDescent="0.2">
      <c r="A52" s="31">
        <v>39</v>
      </c>
      <c r="B52" s="27">
        <v>60</v>
      </c>
      <c r="C52" s="28">
        <v>49</v>
      </c>
      <c r="D52" s="29">
        <v>109</v>
      </c>
    </row>
    <row r="53" spans="1:4" ht="18" customHeight="1" x14ac:dyDescent="0.2">
      <c r="A53" s="31" t="s">
        <v>74</v>
      </c>
      <c r="B53" s="27">
        <v>245</v>
      </c>
      <c r="C53" s="28">
        <v>250</v>
      </c>
      <c r="D53" s="29">
        <v>495</v>
      </c>
    </row>
    <row r="54" spans="1:4" ht="18" customHeight="1" x14ac:dyDescent="0.2">
      <c r="A54" s="31">
        <v>40</v>
      </c>
      <c r="B54" s="27">
        <v>48</v>
      </c>
      <c r="C54" s="28">
        <v>51</v>
      </c>
      <c r="D54" s="29">
        <v>99</v>
      </c>
    </row>
    <row r="55" spans="1:4" ht="18" customHeight="1" x14ac:dyDescent="0.2">
      <c r="A55" s="31">
        <v>41</v>
      </c>
      <c r="B55" s="27">
        <v>56</v>
      </c>
      <c r="C55" s="28">
        <v>59</v>
      </c>
      <c r="D55" s="29">
        <v>115</v>
      </c>
    </row>
    <row r="56" spans="1:4" ht="18" customHeight="1" x14ac:dyDescent="0.2">
      <c r="A56" s="31">
        <v>42</v>
      </c>
      <c r="B56" s="27">
        <v>40</v>
      </c>
      <c r="C56" s="28">
        <v>36</v>
      </c>
      <c r="D56" s="29">
        <v>76</v>
      </c>
    </row>
    <row r="57" spans="1:4" ht="18" customHeight="1" x14ac:dyDescent="0.2">
      <c r="A57" s="31">
        <v>43</v>
      </c>
      <c r="B57" s="27">
        <v>43</v>
      </c>
      <c r="C57" s="28">
        <v>44</v>
      </c>
      <c r="D57" s="29">
        <v>87</v>
      </c>
    </row>
    <row r="58" spans="1:4" ht="18" customHeight="1" x14ac:dyDescent="0.2">
      <c r="A58" s="31">
        <v>44</v>
      </c>
      <c r="B58" s="27">
        <v>52</v>
      </c>
      <c r="C58" s="28">
        <v>38</v>
      </c>
      <c r="D58" s="29">
        <v>90</v>
      </c>
    </row>
    <row r="59" spans="1:4" ht="18" customHeight="1" x14ac:dyDescent="0.2">
      <c r="A59" s="31" t="s">
        <v>75</v>
      </c>
      <c r="B59" s="27">
        <v>239</v>
      </c>
      <c r="C59" s="28">
        <v>228</v>
      </c>
      <c r="D59" s="29">
        <v>467</v>
      </c>
    </row>
    <row r="60" spans="1:4" ht="18" customHeight="1" x14ac:dyDescent="0.2">
      <c r="A60" s="31">
        <v>45</v>
      </c>
      <c r="B60" s="27">
        <v>45</v>
      </c>
      <c r="C60" s="28">
        <v>44</v>
      </c>
      <c r="D60" s="29">
        <v>89</v>
      </c>
    </row>
    <row r="61" spans="1:4" ht="18" customHeight="1" x14ac:dyDescent="0.2">
      <c r="A61" s="31">
        <v>46</v>
      </c>
      <c r="B61" s="27">
        <v>40</v>
      </c>
      <c r="C61" s="28">
        <v>34</v>
      </c>
      <c r="D61" s="29">
        <v>74</v>
      </c>
    </row>
    <row r="62" spans="1:4" ht="18" customHeight="1" x14ac:dyDescent="0.2">
      <c r="A62" s="31">
        <v>47</v>
      </c>
      <c r="B62" s="27">
        <v>33</v>
      </c>
      <c r="C62" s="28">
        <v>47</v>
      </c>
      <c r="D62" s="29">
        <v>80</v>
      </c>
    </row>
    <row r="63" spans="1:4" ht="18" customHeight="1" x14ac:dyDescent="0.2">
      <c r="A63" s="31">
        <v>48</v>
      </c>
      <c r="B63" s="27">
        <v>49</v>
      </c>
      <c r="C63" s="28">
        <v>63</v>
      </c>
      <c r="D63" s="29">
        <v>112</v>
      </c>
    </row>
    <row r="64" spans="1:4" ht="18" customHeight="1" x14ac:dyDescent="0.2">
      <c r="A64" s="31">
        <v>49</v>
      </c>
      <c r="B64" s="27">
        <v>46</v>
      </c>
      <c r="C64" s="28">
        <v>39</v>
      </c>
      <c r="D64" s="29">
        <v>85</v>
      </c>
    </row>
    <row r="65" spans="1:4" ht="18" customHeight="1" x14ac:dyDescent="0.2">
      <c r="A65" s="31" t="s">
        <v>76</v>
      </c>
      <c r="B65" s="27">
        <v>213</v>
      </c>
      <c r="C65" s="28">
        <v>227</v>
      </c>
      <c r="D65" s="29">
        <v>440</v>
      </c>
    </row>
    <row r="66" spans="1:4" ht="18" customHeight="1" x14ac:dyDescent="0.2">
      <c r="A66" s="31">
        <v>50</v>
      </c>
      <c r="B66" s="27">
        <v>38</v>
      </c>
      <c r="C66" s="28">
        <v>38</v>
      </c>
      <c r="D66" s="29">
        <v>76</v>
      </c>
    </row>
    <row r="67" spans="1:4" ht="18" customHeight="1" x14ac:dyDescent="0.2">
      <c r="A67" s="31">
        <v>51</v>
      </c>
      <c r="B67" s="27">
        <v>49</v>
      </c>
      <c r="C67" s="28">
        <v>46</v>
      </c>
      <c r="D67" s="29">
        <v>95</v>
      </c>
    </row>
    <row r="68" spans="1:4" ht="18" customHeight="1" x14ac:dyDescent="0.2">
      <c r="A68" s="31">
        <v>52</v>
      </c>
      <c r="B68" s="27">
        <v>36</v>
      </c>
      <c r="C68" s="28">
        <v>42</v>
      </c>
      <c r="D68" s="29">
        <v>78</v>
      </c>
    </row>
    <row r="69" spans="1:4" ht="18" customHeight="1" x14ac:dyDescent="0.2">
      <c r="A69" s="31">
        <v>53</v>
      </c>
      <c r="B69" s="27">
        <v>47</v>
      </c>
      <c r="C69" s="28">
        <v>46</v>
      </c>
      <c r="D69" s="29">
        <v>93</v>
      </c>
    </row>
    <row r="70" spans="1:4" ht="18" customHeight="1" x14ac:dyDescent="0.2">
      <c r="A70" s="31">
        <v>54</v>
      </c>
      <c r="B70" s="27">
        <v>58</v>
      </c>
      <c r="C70" s="28">
        <v>55</v>
      </c>
      <c r="D70" s="29">
        <v>113</v>
      </c>
    </row>
    <row r="71" spans="1:4" ht="18" customHeight="1" x14ac:dyDescent="0.2">
      <c r="A71" s="31" t="s">
        <v>77</v>
      </c>
      <c r="B71" s="27">
        <v>228</v>
      </c>
      <c r="C71" s="28">
        <v>227</v>
      </c>
      <c r="D71" s="29">
        <v>455</v>
      </c>
    </row>
    <row r="72" spans="1:4" ht="18" customHeight="1" x14ac:dyDescent="0.2">
      <c r="A72" s="31">
        <v>55</v>
      </c>
      <c r="B72" s="27">
        <v>53</v>
      </c>
      <c r="C72" s="28">
        <v>53</v>
      </c>
      <c r="D72" s="29">
        <v>106</v>
      </c>
    </row>
    <row r="73" spans="1:4" ht="18" customHeight="1" x14ac:dyDescent="0.2">
      <c r="A73" s="31">
        <v>56</v>
      </c>
      <c r="B73" s="27">
        <v>56</v>
      </c>
      <c r="C73" s="28">
        <v>62</v>
      </c>
      <c r="D73" s="29">
        <v>118</v>
      </c>
    </row>
    <row r="74" spans="1:4" ht="18" customHeight="1" x14ac:dyDescent="0.2">
      <c r="A74" s="31">
        <v>57</v>
      </c>
      <c r="B74" s="27">
        <v>66</v>
      </c>
      <c r="C74" s="28">
        <v>50</v>
      </c>
      <c r="D74" s="29">
        <v>116</v>
      </c>
    </row>
    <row r="75" spans="1:4" ht="18" customHeight="1" x14ac:dyDescent="0.2">
      <c r="A75" s="31">
        <v>58</v>
      </c>
      <c r="B75" s="27">
        <v>58</v>
      </c>
      <c r="C75" s="28">
        <v>59</v>
      </c>
      <c r="D75" s="29">
        <v>117</v>
      </c>
    </row>
    <row r="76" spans="1:4" ht="18" customHeight="1" x14ac:dyDescent="0.2">
      <c r="A76" s="31">
        <v>59</v>
      </c>
      <c r="B76" s="27">
        <v>71</v>
      </c>
      <c r="C76" s="28">
        <v>52</v>
      </c>
      <c r="D76" s="29">
        <v>123</v>
      </c>
    </row>
    <row r="77" spans="1:4" ht="18" customHeight="1" x14ac:dyDescent="0.2">
      <c r="A77" s="31" t="s">
        <v>78</v>
      </c>
      <c r="B77" s="27">
        <v>304</v>
      </c>
      <c r="C77" s="28">
        <v>276</v>
      </c>
      <c r="D77" s="29">
        <v>580</v>
      </c>
    </row>
    <row r="78" spans="1:4" ht="18" customHeight="1" x14ac:dyDescent="0.2">
      <c r="A78" s="31">
        <v>60</v>
      </c>
      <c r="B78" s="27">
        <v>77</v>
      </c>
      <c r="C78" s="28">
        <v>57</v>
      </c>
      <c r="D78" s="29">
        <v>134</v>
      </c>
    </row>
    <row r="79" spans="1:4" ht="18" customHeight="1" x14ac:dyDescent="0.2">
      <c r="A79" s="31">
        <v>61</v>
      </c>
      <c r="B79" s="27">
        <v>75</v>
      </c>
      <c r="C79" s="28">
        <v>77</v>
      </c>
      <c r="D79" s="29">
        <v>152</v>
      </c>
    </row>
    <row r="80" spans="1:4" ht="18" customHeight="1" x14ac:dyDescent="0.2">
      <c r="A80" s="31">
        <v>62</v>
      </c>
      <c r="B80" s="27">
        <v>57</v>
      </c>
      <c r="C80" s="28">
        <v>61</v>
      </c>
      <c r="D80" s="29">
        <v>118</v>
      </c>
    </row>
    <row r="81" spans="1:4" ht="18" customHeight="1" x14ac:dyDescent="0.2">
      <c r="A81" s="31">
        <v>63</v>
      </c>
      <c r="B81" s="27">
        <v>29</v>
      </c>
      <c r="C81" s="28">
        <v>29</v>
      </c>
      <c r="D81" s="29">
        <v>58</v>
      </c>
    </row>
    <row r="82" spans="1:4" ht="18" customHeight="1" x14ac:dyDescent="0.2">
      <c r="A82" s="31">
        <v>64</v>
      </c>
      <c r="B82" s="27">
        <v>55</v>
      </c>
      <c r="C82" s="28">
        <v>41</v>
      </c>
      <c r="D82" s="29">
        <v>96</v>
      </c>
    </row>
    <row r="83" spans="1:4" ht="18" customHeight="1" x14ac:dyDescent="0.2">
      <c r="A83" s="31" t="s">
        <v>79</v>
      </c>
      <c r="B83" s="27">
        <v>293</v>
      </c>
      <c r="C83" s="28">
        <v>265</v>
      </c>
      <c r="D83" s="29">
        <v>558</v>
      </c>
    </row>
    <row r="84" spans="1:4" ht="18" customHeight="1" x14ac:dyDescent="0.2">
      <c r="A84" s="31" t="s">
        <v>80</v>
      </c>
      <c r="B84" s="27">
        <v>2339</v>
      </c>
      <c r="C84" s="28">
        <v>2232</v>
      </c>
      <c r="D84" s="29">
        <v>4571</v>
      </c>
    </row>
    <row r="85" spans="1:4" ht="18" customHeight="1" x14ac:dyDescent="0.2">
      <c r="A85" s="31">
        <v>65</v>
      </c>
      <c r="B85" s="27">
        <v>46</v>
      </c>
      <c r="C85" s="28">
        <v>51</v>
      </c>
      <c r="D85" s="29">
        <v>97</v>
      </c>
    </row>
    <row r="86" spans="1:4" ht="18" customHeight="1" x14ac:dyDescent="0.2">
      <c r="A86" s="31">
        <v>66</v>
      </c>
      <c r="B86" s="27">
        <v>39</v>
      </c>
      <c r="C86" s="28">
        <v>52</v>
      </c>
      <c r="D86" s="29">
        <v>91</v>
      </c>
    </row>
    <row r="87" spans="1:4" ht="18" customHeight="1" x14ac:dyDescent="0.2">
      <c r="A87" s="31">
        <v>67</v>
      </c>
      <c r="B87" s="27">
        <v>51</v>
      </c>
      <c r="C87" s="28">
        <v>56</v>
      </c>
      <c r="D87" s="29">
        <v>107</v>
      </c>
    </row>
    <row r="88" spans="1:4" ht="18" customHeight="1" x14ac:dyDescent="0.2">
      <c r="A88" s="31">
        <v>68</v>
      </c>
      <c r="B88" s="27">
        <v>56</v>
      </c>
      <c r="C88" s="28">
        <v>45</v>
      </c>
      <c r="D88" s="29">
        <v>101</v>
      </c>
    </row>
    <row r="89" spans="1:4" ht="18" customHeight="1" x14ac:dyDescent="0.2">
      <c r="A89" s="31">
        <v>69</v>
      </c>
      <c r="B89" s="27">
        <v>25</v>
      </c>
      <c r="C89" s="28">
        <v>34</v>
      </c>
      <c r="D89" s="29">
        <v>59</v>
      </c>
    </row>
    <row r="90" spans="1:4" ht="18" customHeight="1" x14ac:dyDescent="0.2">
      <c r="A90" s="31" t="s">
        <v>81</v>
      </c>
      <c r="B90" s="27">
        <v>217</v>
      </c>
      <c r="C90" s="28">
        <v>238</v>
      </c>
      <c r="D90" s="29">
        <v>455</v>
      </c>
    </row>
    <row r="91" spans="1:4" ht="18" customHeight="1" x14ac:dyDescent="0.2">
      <c r="A91" s="31">
        <v>70</v>
      </c>
      <c r="B91" s="27">
        <v>42</v>
      </c>
      <c r="C91" s="28">
        <v>37</v>
      </c>
      <c r="D91" s="29">
        <v>79</v>
      </c>
    </row>
    <row r="92" spans="1:4" ht="18" customHeight="1" x14ac:dyDescent="0.2">
      <c r="A92" s="31">
        <v>71</v>
      </c>
      <c r="B92" s="27">
        <v>35</v>
      </c>
      <c r="C92" s="28">
        <v>50</v>
      </c>
      <c r="D92" s="29">
        <v>85</v>
      </c>
    </row>
    <row r="93" spans="1:4" ht="18" customHeight="1" x14ac:dyDescent="0.2">
      <c r="A93" s="31">
        <v>72</v>
      </c>
      <c r="B93" s="27">
        <v>47</v>
      </c>
      <c r="C93" s="28">
        <v>50</v>
      </c>
      <c r="D93" s="29">
        <v>97</v>
      </c>
    </row>
    <row r="94" spans="1:4" ht="18" customHeight="1" x14ac:dyDescent="0.2">
      <c r="A94" s="31">
        <v>73</v>
      </c>
      <c r="B94" s="27">
        <v>42</v>
      </c>
      <c r="C94" s="28">
        <v>42</v>
      </c>
      <c r="D94" s="29">
        <v>84</v>
      </c>
    </row>
    <row r="95" spans="1:4" ht="18" customHeight="1" x14ac:dyDescent="0.2">
      <c r="A95" s="31">
        <v>74</v>
      </c>
      <c r="B95" s="27">
        <v>37</v>
      </c>
      <c r="C95" s="28">
        <v>44</v>
      </c>
      <c r="D95" s="29">
        <v>81</v>
      </c>
    </row>
    <row r="96" spans="1:4" ht="18" customHeight="1" x14ac:dyDescent="0.2">
      <c r="A96" s="31" t="s">
        <v>82</v>
      </c>
      <c r="B96" s="27">
        <v>203</v>
      </c>
      <c r="C96" s="28">
        <v>223</v>
      </c>
      <c r="D96" s="29">
        <v>426</v>
      </c>
    </row>
    <row r="97" spans="1:4" ht="18" customHeight="1" x14ac:dyDescent="0.2">
      <c r="A97" s="31">
        <v>75</v>
      </c>
      <c r="B97" s="27">
        <v>34</v>
      </c>
      <c r="C97" s="28">
        <v>45</v>
      </c>
      <c r="D97" s="29">
        <v>79</v>
      </c>
    </row>
    <row r="98" spans="1:4" ht="18" customHeight="1" x14ac:dyDescent="0.2">
      <c r="A98" s="31">
        <v>76</v>
      </c>
      <c r="B98" s="27">
        <v>32</v>
      </c>
      <c r="C98" s="28">
        <v>34</v>
      </c>
      <c r="D98" s="29">
        <v>66</v>
      </c>
    </row>
    <row r="99" spans="1:4" ht="18" customHeight="1" x14ac:dyDescent="0.2">
      <c r="A99" s="31">
        <v>77</v>
      </c>
      <c r="B99" s="27">
        <v>31</v>
      </c>
      <c r="C99" s="28">
        <v>36</v>
      </c>
      <c r="D99" s="29">
        <v>67</v>
      </c>
    </row>
    <row r="100" spans="1:4" ht="18" customHeight="1" x14ac:dyDescent="0.2">
      <c r="A100" s="31">
        <v>78</v>
      </c>
      <c r="B100" s="27">
        <v>28</v>
      </c>
      <c r="C100" s="28">
        <v>53</v>
      </c>
      <c r="D100" s="29">
        <v>81</v>
      </c>
    </row>
    <row r="101" spans="1:4" ht="18" customHeight="1" x14ac:dyDescent="0.2">
      <c r="A101" s="31">
        <v>79</v>
      </c>
      <c r="B101" s="27">
        <v>21</v>
      </c>
      <c r="C101" s="28">
        <v>28</v>
      </c>
      <c r="D101" s="29">
        <v>49</v>
      </c>
    </row>
    <row r="102" spans="1:4" ht="18" customHeight="1" x14ac:dyDescent="0.2">
      <c r="A102" s="31" t="s">
        <v>83</v>
      </c>
      <c r="B102" s="27">
        <v>146</v>
      </c>
      <c r="C102" s="28">
        <v>196</v>
      </c>
      <c r="D102" s="29">
        <v>342</v>
      </c>
    </row>
    <row r="103" spans="1:4" ht="18" customHeight="1" x14ac:dyDescent="0.2">
      <c r="A103" s="31">
        <v>80</v>
      </c>
      <c r="B103" s="27">
        <v>41</v>
      </c>
      <c r="C103" s="28">
        <v>59</v>
      </c>
      <c r="D103" s="29">
        <v>100</v>
      </c>
    </row>
    <row r="104" spans="1:4" ht="18" customHeight="1" x14ac:dyDescent="0.2">
      <c r="A104" s="31">
        <v>81</v>
      </c>
      <c r="B104" s="27">
        <v>27</v>
      </c>
      <c r="C104" s="28">
        <v>39</v>
      </c>
      <c r="D104" s="29">
        <v>66</v>
      </c>
    </row>
    <row r="105" spans="1:4" ht="18" customHeight="1" x14ac:dyDescent="0.2">
      <c r="A105" s="31">
        <v>82</v>
      </c>
      <c r="B105" s="27">
        <v>22</v>
      </c>
      <c r="C105" s="28">
        <v>37</v>
      </c>
      <c r="D105" s="29">
        <v>59</v>
      </c>
    </row>
    <row r="106" spans="1:4" ht="18" customHeight="1" x14ac:dyDescent="0.2">
      <c r="A106" s="31">
        <v>83</v>
      </c>
      <c r="B106" s="27">
        <v>19</v>
      </c>
      <c r="C106" s="28">
        <v>38</v>
      </c>
      <c r="D106" s="29">
        <v>57</v>
      </c>
    </row>
    <row r="107" spans="1:4" ht="18" customHeight="1" x14ac:dyDescent="0.2">
      <c r="A107" s="31">
        <v>84</v>
      </c>
      <c r="B107" s="27">
        <v>15</v>
      </c>
      <c r="C107" s="28">
        <v>21</v>
      </c>
      <c r="D107" s="29">
        <v>36</v>
      </c>
    </row>
    <row r="108" spans="1:4" ht="18" customHeight="1" x14ac:dyDescent="0.2">
      <c r="A108" s="31" t="s">
        <v>84</v>
      </c>
      <c r="B108" s="27">
        <v>124</v>
      </c>
      <c r="C108" s="28">
        <v>194</v>
      </c>
      <c r="D108" s="29">
        <v>318</v>
      </c>
    </row>
    <row r="109" spans="1:4" ht="18" customHeight="1" x14ac:dyDescent="0.2">
      <c r="A109" s="31">
        <v>85</v>
      </c>
      <c r="B109" s="27">
        <v>14</v>
      </c>
      <c r="C109" s="28">
        <v>36</v>
      </c>
      <c r="D109" s="29">
        <v>50</v>
      </c>
    </row>
    <row r="110" spans="1:4" ht="18" customHeight="1" x14ac:dyDescent="0.2">
      <c r="A110" s="31">
        <v>86</v>
      </c>
      <c r="B110" s="27">
        <v>10</v>
      </c>
      <c r="C110" s="28">
        <v>22</v>
      </c>
      <c r="D110" s="29">
        <v>32</v>
      </c>
    </row>
    <row r="111" spans="1:4" ht="18" customHeight="1" x14ac:dyDescent="0.2">
      <c r="A111" s="31">
        <v>87</v>
      </c>
      <c r="B111" s="27">
        <v>7</v>
      </c>
      <c r="C111" s="28">
        <v>13</v>
      </c>
      <c r="D111" s="29">
        <v>20</v>
      </c>
    </row>
    <row r="112" spans="1:4" ht="18" customHeight="1" x14ac:dyDescent="0.2">
      <c r="A112" s="31">
        <v>88</v>
      </c>
      <c r="B112" s="27">
        <v>7</v>
      </c>
      <c r="C112" s="28">
        <v>19</v>
      </c>
      <c r="D112" s="29">
        <v>26</v>
      </c>
    </row>
    <row r="113" spans="1:4" ht="18" customHeight="1" x14ac:dyDescent="0.2">
      <c r="A113" s="31">
        <v>89</v>
      </c>
      <c r="B113" s="27">
        <v>9</v>
      </c>
      <c r="C113" s="28">
        <v>21</v>
      </c>
      <c r="D113" s="29">
        <v>30</v>
      </c>
    </row>
    <row r="114" spans="1:4" ht="18" customHeight="1" x14ac:dyDescent="0.2">
      <c r="A114" s="31" t="s">
        <v>85</v>
      </c>
      <c r="B114" s="27">
        <v>47</v>
      </c>
      <c r="C114" s="28">
        <v>111</v>
      </c>
      <c r="D114" s="29">
        <v>158</v>
      </c>
    </row>
    <row r="115" spans="1:4" ht="18" customHeight="1" x14ac:dyDescent="0.2">
      <c r="A115" s="31">
        <v>90</v>
      </c>
      <c r="B115" s="27">
        <v>7</v>
      </c>
      <c r="C115" s="28">
        <v>8</v>
      </c>
      <c r="D115" s="29">
        <v>15</v>
      </c>
    </row>
    <row r="116" spans="1:4" ht="18" customHeight="1" x14ac:dyDescent="0.2">
      <c r="A116" s="31">
        <v>91</v>
      </c>
      <c r="B116" s="27">
        <v>4</v>
      </c>
      <c r="C116" s="28">
        <v>17</v>
      </c>
      <c r="D116" s="29">
        <v>21</v>
      </c>
    </row>
    <row r="117" spans="1:4" ht="18" customHeight="1" x14ac:dyDescent="0.2">
      <c r="A117" s="31">
        <v>92</v>
      </c>
      <c r="B117" s="27">
        <v>6</v>
      </c>
      <c r="C117" s="28">
        <v>9</v>
      </c>
      <c r="D117" s="29">
        <v>15</v>
      </c>
    </row>
    <row r="118" spans="1:4" ht="18" customHeight="1" x14ac:dyDescent="0.2">
      <c r="A118" s="31">
        <v>93</v>
      </c>
      <c r="B118" s="27">
        <v>2</v>
      </c>
      <c r="C118" s="28">
        <v>8</v>
      </c>
      <c r="D118" s="29">
        <v>10</v>
      </c>
    </row>
    <row r="119" spans="1:4" ht="18" customHeight="1" x14ac:dyDescent="0.2">
      <c r="A119" s="31">
        <v>94</v>
      </c>
      <c r="B119" s="27">
        <v>2</v>
      </c>
      <c r="C119" s="28">
        <v>3</v>
      </c>
      <c r="D119" s="29">
        <v>5</v>
      </c>
    </row>
    <row r="120" spans="1:4" ht="18" customHeight="1" x14ac:dyDescent="0.2">
      <c r="A120" s="31" t="s">
        <v>86</v>
      </c>
      <c r="B120" s="27">
        <v>21</v>
      </c>
      <c r="C120" s="28">
        <v>45</v>
      </c>
      <c r="D120" s="29">
        <v>66</v>
      </c>
    </row>
    <row r="121" spans="1:4" ht="18" customHeight="1" x14ac:dyDescent="0.2">
      <c r="A121" s="31">
        <v>95</v>
      </c>
      <c r="B121" s="27">
        <v>1</v>
      </c>
      <c r="C121" s="28">
        <v>7</v>
      </c>
      <c r="D121" s="29">
        <v>8</v>
      </c>
    </row>
    <row r="122" spans="1:4" ht="18" customHeight="1" x14ac:dyDescent="0.2">
      <c r="A122" s="31">
        <v>96</v>
      </c>
      <c r="B122" s="27">
        <v>0</v>
      </c>
      <c r="C122" s="28">
        <v>5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1</v>
      </c>
      <c r="C126" s="28">
        <v>15</v>
      </c>
      <c r="D126" s="29">
        <v>1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89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90</v>
      </c>
      <c r="B130" s="4">
        <v>759</v>
      </c>
      <c r="C130" s="5">
        <v>1024</v>
      </c>
      <c r="D130" s="6">
        <v>1783</v>
      </c>
    </row>
    <row r="131" spans="1:4" ht="18" customHeight="1" x14ac:dyDescent="0.2">
      <c r="A131" s="33" t="s">
        <v>65</v>
      </c>
      <c r="B131" s="7">
        <v>3683</v>
      </c>
      <c r="C131" s="8">
        <v>3742</v>
      </c>
      <c r="D131" s="9">
        <v>742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5</v>
      </c>
      <c r="C5" s="37">
        <v>30</v>
      </c>
      <c r="D5" s="39">
        <v>55</v>
      </c>
    </row>
    <row r="6" spans="1:4" ht="18" customHeight="1" x14ac:dyDescent="0.2">
      <c r="A6" s="31">
        <v>1</v>
      </c>
      <c r="B6" s="35">
        <v>33</v>
      </c>
      <c r="C6" s="28">
        <v>33</v>
      </c>
      <c r="D6" s="29">
        <v>66</v>
      </c>
    </row>
    <row r="7" spans="1:4" ht="18" customHeight="1" x14ac:dyDescent="0.2">
      <c r="A7" s="31">
        <v>2</v>
      </c>
      <c r="B7" s="35">
        <v>34</v>
      </c>
      <c r="C7" s="28">
        <v>33</v>
      </c>
      <c r="D7" s="29">
        <v>67</v>
      </c>
    </row>
    <row r="8" spans="1:4" ht="18" customHeight="1" x14ac:dyDescent="0.2">
      <c r="A8" s="31">
        <v>3</v>
      </c>
      <c r="B8" s="35">
        <v>35</v>
      </c>
      <c r="C8" s="28">
        <v>33</v>
      </c>
      <c r="D8" s="29">
        <v>68</v>
      </c>
    </row>
    <row r="9" spans="1:4" ht="18" customHeight="1" x14ac:dyDescent="0.2">
      <c r="A9" s="31">
        <v>4</v>
      </c>
      <c r="B9" s="36">
        <v>31</v>
      </c>
      <c r="C9" s="38">
        <v>38</v>
      </c>
      <c r="D9" s="40">
        <v>69</v>
      </c>
    </row>
    <row r="10" spans="1:4" ht="18" customHeight="1" x14ac:dyDescent="0.2">
      <c r="A10" s="31" t="s">
        <v>66</v>
      </c>
      <c r="B10" s="27">
        <v>158</v>
      </c>
      <c r="C10" s="28">
        <v>167</v>
      </c>
      <c r="D10" s="29">
        <v>325</v>
      </c>
    </row>
    <row r="11" spans="1:4" ht="18" customHeight="1" x14ac:dyDescent="0.2">
      <c r="A11" s="31">
        <v>5</v>
      </c>
      <c r="B11" s="35">
        <v>33</v>
      </c>
      <c r="C11" s="28">
        <v>48</v>
      </c>
      <c r="D11" s="29">
        <v>81</v>
      </c>
    </row>
    <row r="12" spans="1:4" ht="18" customHeight="1" x14ac:dyDescent="0.2">
      <c r="A12" s="31">
        <v>6</v>
      </c>
      <c r="B12" s="35">
        <v>45</v>
      </c>
      <c r="C12" s="28">
        <v>34</v>
      </c>
      <c r="D12" s="29">
        <v>79</v>
      </c>
    </row>
    <row r="13" spans="1:4" ht="18" customHeight="1" x14ac:dyDescent="0.2">
      <c r="A13" s="31">
        <v>7</v>
      </c>
      <c r="B13" s="35">
        <v>41</v>
      </c>
      <c r="C13" s="28">
        <v>32</v>
      </c>
      <c r="D13" s="29">
        <v>73</v>
      </c>
    </row>
    <row r="14" spans="1:4" ht="18" customHeight="1" x14ac:dyDescent="0.2">
      <c r="A14" s="31">
        <v>8</v>
      </c>
      <c r="B14" s="35">
        <v>48</v>
      </c>
      <c r="C14" s="28">
        <v>46</v>
      </c>
      <c r="D14" s="29">
        <v>94</v>
      </c>
    </row>
    <row r="15" spans="1:4" ht="18" customHeight="1" x14ac:dyDescent="0.2">
      <c r="A15" s="31">
        <v>9</v>
      </c>
      <c r="B15" s="35">
        <v>39</v>
      </c>
      <c r="C15" s="28">
        <v>44</v>
      </c>
      <c r="D15" s="29">
        <v>83</v>
      </c>
    </row>
    <row r="16" spans="1:4" ht="18" customHeight="1" x14ac:dyDescent="0.2">
      <c r="A16" s="31" t="s">
        <v>67</v>
      </c>
      <c r="B16" s="27">
        <v>206</v>
      </c>
      <c r="C16" s="28">
        <v>204</v>
      </c>
      <c r="D16" s="29">
        <v>410</v>
      </c>
    </row>
    <row r="17" spans="1:4" ht="18" customHeight="1" x14ac:dyDescent="0.2">
      <c r="A17" s="31">
        <v>10</v>
      </c>
      <c r="B17" s="27">
        <v>44</v>
      </c>
      <c r="C17" s="28">
        <v>39</v>
      </c>
      <c r="D17" s="29">
        <v>83</v>
      </c>
    </row>
    <row r="18" spans="1:4" ht="18" customHeight="1" x14ac:dyDescent="0.2">
      <c r="A18" s="31">
        <v>11</v>
      </c>
      <c r="B18" s="27">
        <v>45</v>
      </c>
      <c r="C18" s="28">
        <v>36</v>
      </c>
      <c r="D18" s="29">
        <v>81</v>
      </c>
    </row>
    <row r="19" spans="1:4" ht="18" customHeight="1" x14ac:dyDescent="0.2">
      <c r="A19" s="31">
        <v>12</v>
      </c>
      <c r="B19" s="27">
        <v>46</v>
      </c>
      <c r="C19" s="28">
        <v>36</v>
      </c>
      <c r="D19" s="29">
        <v>82</v>
      </c>
    </row>
    <row r="20" spans="1:4" ht="18" customHeight="1" x14ac:dyDescent="0.2">
      <c r="A20" s="31">
        <v>13</v>
      </c>
      <c r="B20" s="27">
        <v>37</v>
      </c>
      <c r="C20" s="28">
        <v>41</v>
      </c>
      <c r="D20" s="29">
        <v>78</v>
      </c>
    </row>
    <row r="21" spans="1:4" ht="18" customHeight="1" x14ac:dyDescent="0.2">
      <c r="A21" s="31">
        <v>14</v>
      </c>
      <c r="B21" s="27">
        <v>30</v>
      </c>
      <c r="C21" s="28">
        <v>32</v>
      </c>
      <c r="D21" s="29">
        <v>62</v>
      </c>
    </row>
    <row r="22" spans="1:4" ht="18" customHeight="1" x14ac:dyDescent="0.2">
      <c r="A22" s="31" t="s">
        <v>68</v>
      </c>
      <c r="B22" s="27">
        <v>202</v>
      </c>
      <c r="C22" s="28">
        <v>184</v>
      </c>
      <c r="D22" s="29">
        <v>386</v>
      </c>
    </row>
    <row r="23" spans="1:4" ht="18" customHeight="1" x14ac:dyDescent="0.2">
      <c r="A23" s="31" t="s">
        <v>69</v>
      </c>
      <c r="B23" s="27">
        <v>566</v>
      </c>
      <c r="C23" s="28">
        <v>555</v>
      </c>
      <c r="D23" s="29">
        <v>1121</v>
      </c>
    </row>
    <row r="24" spans="1:4" ht="18" customHeight="1" x14ac:dyDescent="0.2">
      <c r="A24" s="31">
        <v>15</v>
      </c>
      <c r="B24" s="27">
        <v>40</v>
      </c>
      <c r="C24" s="28">
        <v>30</v>
      </c>
      <c r="D24" s="29">
        <v>70</v>
      </c>
    </row>
    <row r="25" spans="1:4" ht="18" customHeight="1" x14ac:dyDescent="0.2">
      <c r="A25" s="31">
        <v>16</v>
      </c>
      <c r="B25" s="27">
        <v>33</v>
      </c>
      <c r="C25" s="28">
        <v>28</v>
      </c>
      <c r="D25" s="29">
        <v>61</v>
      </c>
    </row>
    <row r="26" spans="1:4" ht="18" customHeight="1" x14ac:dyDescent="0.2">
      <c r="A26" s="31">
        <v>17</v>
      </c>
      <c r="B26" s="27">
        <v>36</v>
      </c>
      <c r="C26" s="28">
        <v>44</v>
      </c>
      <c r="D26" s="29">
        <v>80</v>
      </c>
    </row>
    <row r="27" spans="1:4" ht="18" customHeight="1" x14ac:dyDescent="0.2">
      <c r="A27" s="31">
        <v>18</v>
      </c>
      <c r="B27" s="27">
        <v>32</v>
      </c>
      <c r="C27" s="28">
        <v>30</v>
      </c>
      <c r="D27" s="29">
        <v>62</v>
      </c>
    </row>
    <row r="28" spans="1:4" ht="18" customHeight="1" x14ac:dyDescent="0.2">
      <c r="A28" s="31">
        <v>19</v>
      </c>
      <c r="B28" s="27">
        <v>34</v>
      </c>
      <c r="C28" s="28">
        <v>27</v>
      </c>
      <c r="D28" s="29">
        <v>61</v>
      </c>
    </row>
    <row r="29" spans="1:4" ht="18" customHeight="1" x14ac:dyDescent="0.2">
      <c r="A29" s="31" t="s">
        <v>70</v>
      </c>
      <c r="B29" s="27">
        <v>175</v>
      </c>
      <c r="C29" s="28">
        <v>159</v>
      </c>
      <c r="D29" s="29">
        <v>334</v>
      </c>
    </row>
    <row r="30" spans="1:4" ht="18" customHeight="1" x14ac:dyDescent="0.2">
      <c r="A30" s="31">
        <v>20</v>
      </c>
      <c r="B30" s="27">
        <v>37</v>
      </c>
      <c r="C30" s="28">
        <v>56</v>
      </c>
      <c r="D30" s="29">
        <v>93</v>
      </c>
    </row>
    <row r="31" spans="1:4" ht="18" customHeight="1" x14ac:dyDescent="0.2">
      <c r="A31" s="31">
        <v>21</v>
      </c>
      <c r="B31" s="27">
        <v>32</v>
      </c>
      <c r="C31" s="28">
        <v>31</v>
      </c>
      <c r="D31" s="29">
        <v>63</v>
      </c>
    </row>
    <row r="32" spans="1:4" ht="18" customHeight="1" x14ac:dyDescent="0.2">
      <c r="A32" s="31">
        <v>22</v>
      </c>
      <c r="B32" s="27">
        <v>37</v>
      </c>
      <c r="C32" s="28">
        <v>29</v>
      </c>
      <c r="D32" s="29">
        <v>66</v>
      </c>
    </row>
    <row r="33" spans="1:4" ht="18" customHeight="1" x14ac:dyDescent="0.2">
      <c r="A33" s="31">
        <v>23</v>
      </c>
      <c r="B33" s="27">
        <v>37</v>
      </c>
      <c r="C33" s="28">
        <v>35</v>
      </c>
      <c r="D33" s="29">
        <v>72</v>
      </c>
    </row>
    <row r="34" spans="1:4" ht="18" customHeight="1" x14ac:dyDescent="0.2">
      <c r="A34" s="31">
        <v>24</v>
      </c>
      <c r="B34" s="27">
        <v>39</v>
      </c>
      <c r="C34" s="28">
        <v>39</v>
      </c>
      <c r="D34" s="29">
        <v>78</v>
      </c>
    </row>
    <row r="35" spans="1:4" ht="18" customHeight="1" x14ac:dyDescent="0.2">
      <c r="A35" s="31" t="s">
        <v>71</v>
      </c>
      <c r="B35" s="27">
        <v>182</v>
      </c>
      <c r="C35" s="28">
        <v>190</v>
      </c>
      <c r="D35" s="29">
        <v>372</v>
      </c>
    </row>
    <row r="36" spans="1:4" ht="18" customHeight="1" x14ac:dyDescent="0.2">
      <c r="A36" s="31">
        <v>25</v>
      </c>
      <c r="B36" s="27">
        <v>33</v>
      </c>
      <c r="C36" s="28">
        <v>26</v>
      </c>
      <c r="D36" s="29">
        <v>59</v>
      </c>
    </row>
    <row r="37" spans="1:4" ht="18" customHeight="1" x14ac:dyDescent="0.2">
      <c r="A37" s="31">
        <v>26</v>
      </c>
      <c r="B37" s="27">
        <v>39</v>
      </c>
      <c r="C37" s="28">
        <v>43</v>
      </c>
      <c r="D37" s="29">
        <v>82</v>
      </c>
    </row>
    <row r="38" spans="1:4" ht="18" customHeight="1" x14ac:dyDescent="0.2">
      <c r="A38" s="31">
        <v>27</v>
      </c>
      <c r="B38" s="27">
        <v>40</v>
      </c>
      <c r="C38" s="28">
        <v>25</v>
      </c>
      <c r="D38" s="29">
        <v>65</v>
      </c>
    </row>
    <row r="39" spans="1:4" ht="18" customHeight="1" x14ac:dyDescent="0.2">
      <c r="A39" s="31">
        <v>28</v>
      </c>
      <c r="B39" s="27">
        <v>44</v>
      </c>
      <c r="C39" s="28">
        <v>31</v>
      </c>
      <c r="D39" s="29">
        <v>75</v>
      </c>
    </row>
    <row r="40" spans="1:4" ht="18" customHeight="1" x14ac:dyDescent="0.2">
      <c r="A40" s="31">
        <v>29</v>
      </c>
      <c r="B40" s="27">
        <v>34</v>
      </c>
      <c r="C40" s="28">
        <v>38</v>
      </c>
      <c r="D40" s="29">
        <v>72</v>
      </c>
    </row>
    <row r="41" spans="1:4" ht="18" customHeight="1" x14ac:dyDescent="0.2">
      <c r="A41" s="31" t="s">
        <v>72</v>
      </c>
      <c r="B41" s="27">
        <v>190</v>
      </c>
      <c r="C41" s="28">
        <v>163</v>
      </c>
      <c r="D41" s="29">
        <v>353</v>
      </c>
    </row>
    <row r="42" spans="1:4" ht="18" customHeight="1" x14ac:dyDescent="0.2">
      <c r="A42" s="31">
        <v>30</v>
      </c>
      <c r="B42" s="27">
        <v>50</v>
      </c>
      <c r="C42" s="28">
        <v>53</v>
      </c>
      <c r="D42" s="29">
        <v>103</v>
      </c>
    </row>
    <row r="43" spans="1:4" ht="18" customHeight="1" x14ac:dyDescent="0.2">
      <c r="A43" s="31">
        <v>31</v>
      </c>
      <c r="B43" s="27">
        <v>62</v>
      </c>
      <c r="C43" s="28">
        <v>35</v>
      </c>
      <c r="D43" s="29">
        <v>97</v>
      </c>
    </row>
    <row r="44" spans="1:4" ht="18" customHeight="1" x14ac:dyDescent="0.2">
      <c r="A44" s="31">
        <v>32</v>
      </c>
      <c r="B44" s="27">
        <v>47</v>
      </c>
      <c r="C44" s="28">
        <v>43</v>
      </c>
      <c r="D44" s="29">
        <v>90</v>
      </c>
    </row>
    <row r="45" spans="1:4" ht="18" customHeight="1" x14ac:dyDescent="0.2">
      <c r="A45" s="31">
        <v>33</v>
      </c>
      <c r="B45" s="27">
        <v>52</v>
      </c>
      <c r="C45" s="28">
        <v>59</v>
      </c>
      <c r="D45" s="29">
        <v>111</v>
      </c>
    </row>
    <row r="46" spans="1:4" ht="18" customHeight="1" x14ac:dyDescent="0.2">
      <c r="A46" s="31">
        <v>34</v>
      </c>
      <c r="B46" s="27">
        <v>62</v>
      </c>
      <c r="C46" s="28">
        <v>54</v>
      </c>
      <c r="D46" s="29">
        <v>116</v>
      </c>
    </row>
    <row r="47" spans="1:4" ht="18" customHeight="1" x14ac:dyDescent="0.2">
      <c r="A47" s="31" t="s">
        <v>73</v>
      </c>
      <c r="B47" s="27">
        <v>273</v>
      </c>
      <c r="C47" s="28">
        <v>244</v>
      </c>
      <c r="D47" s="29">
        <v>517</v>
      </c>
    </row>
    <row r="48" spans="1:4" ht="18" customHeight="1" x14ac:dyDescent="0.2">
      <c r="A48" s="31">
        <v>35</v>
      </c>
      <c r="B48" s="27">
        <v>60</v>
      </c>
      <c r="C48" s="28">
        <v>61</v>
      </c>
      <c r="D48" s="29">
        <v>121</v>
      </c>
    </row>
    <row r="49" spans="1:4" ht="18" customHeight="1" x14ac:dyDescent="0.2">
      <c r="A49" s="31">
        <v>36</v>
      </c>
      <c r="B49" s="27">
        <v>67</v>
      </c>
      <c r="C49" s="28">
        <v>56</v>
      </c>
      <c r="D49" s="29">
        <v>123</v>
      </c>
    </row>
    <row r="50" spans="1:4" ht="18" customHeight="1" x14ac:dyDescent="0.2">
      <c r="A50" s="31">
        <v>37</v>
      </c>
      <c r="B50" s="27">
        <v>57</v>
      </c>
      <c r="C50" s="28">
        <v>52</v>
      </c>
      <c r="D50" s="29">
        <v>109</v>
      </c>
    </row>
    <row r="51" spans="1:4" ht="18" customHeight="1" x14ac:dyDescent="0.2">
      <c r="A51" s="31">
        <v>38</v>
      </c>
      <c r="B51" s="27">
        <v>57</v>
      </c>
      <c r="C51" s="28">
        <v>60</v>
      </c>
      <c r="D51" s="29">
        <v>117</v>
      </c>
    </row>
    <row r="52" spans="1:4" ht="18" customHeight="1" x14ac:dyDescent="0.2">
      <c r="A52" s="31">
        <v>39</v>
      </c>
      <c r="B52" s="27">
        <v>39</v>
      </c>
      <c r="C52" s="28">
        <v>50</v>
      </c>
      <c r="D52" s="29">
        <v>89</v>
      </c>
    </row>
    <row r="53" spans="1:4" ht="18" customHeight="1" x14ac:dyDescent="0.2">
      <c r="A53" s="31" t="s">
        <v>74</v>
      </c>
      <c r="B53" s="27">
        <v>280</v>
      </c>
      <c r="C53" s="28">
        <v>279</v>
      </c>
      <c r="D53" s="29">
        <v>559</v>
      </c>
    </row>
    <row r="54" spans="1:4" ht="18" customHeight="1" x14ac:dyDescent="0.2">
      <c r="A54" s="31">
        <v>40</v>
      </c>
      <c r="B54" s="27">
        <v>41</v>
      </c>
      <c r="C54" s="28">
        <v>39</v>
      </c>
      <c r="D54" s="29">
        <v>80</v>
      </c>
    </row>
    <row r="55" spans="1:4" ht="18" customHeight="1" x14ac:dyDescent="0.2">
      <c r="A55" s="31">
        <v>41</v>
      </c>
      <c r="B55" s="27">
        <v>34</v>
      </c>
      <c r="C55" s="28">
        <v>39</v>
      </c>
      <c r="D55" s="29">
        <v>73</v>
      </c>
    </row>
    <row r="56" spans="1:4" ht="18" customHeight="1" x14ac:dyDescent="0.2">
      <c r="A56" s="31">
        <v>42</v>
      </c>
      <c r="B56" s="27">
        <v>47</v>
      </c>
      <c r="C56" s="28">
        <v>42</v>
      </c>
      <c r="D56" s="29">
        <v>89</v>
      </c>
    </row>
    <row r="57" spans="1:4" ht="18" customHeight="1" x14ac:dyDescent="0.2">
      <c r="A57" s="31">
        <v>43</v>
      </c>
      <c r="B57" s="27">
        <v>30</v>
      </c>
      <c r="C57" s="28">
        <v>32</v>
      </c>
      <c r="D57" s="29">
        <v>62</v>
      </c>
    </row>
    <row r="58" spans="1:4" ht="18" customHeight="1" x14ac:dyDescent="0.2">
      <c r="A58" s="31">
        <v>44</v>
      </c>
      <c r="B58" s="27">
        <v>51</v>
      </c>
      <c r="C58" s="28">
        <v>38</v>
      </c>
      <c r="D58" s="29">
        <v>89</v>
      </c>
    </row>
    <row r="59" spans="1:4" ht="18" customHeight="1" x14ac:dyDescent="0.2">
      <c r="A59" s="31" t="s">
        <v>75</v>
      </c>
      <c r="B59" s="27">
        <v>203</v>
      </c>
      <c r="C59" s="28">
        <v>190</v>
      </c>
      <c r="D59" s="29">
        <v>393</v>
      </c>
    </row>
    <row r="60" spans="1:4" ht="18" customHeight="1" x14ac:dyDescent="0.2">
      <c r="A60" s="31">
        <v>45</v>
      </c>
      <c r="B60" s="27">
        <v>36</v>
      </c>
      <c r="C60" s="28">
        <v>50</v>
      </c>
      <c r="D60" s="29">
        <v>86</v>
      </c>
    </row>
    <row r="61" spans="1:4" ht="18" customHeight="1" x14ac:dyDescent="0.2">
      <c r="A61" s="31">
        <v>46</v>
      </c>
      <c r="B61" s="27">
        <v>45</v>
      </c>
      <c r="C61" s="28">
        <v>42</v>
      </c>
      <c r="D61" s="29">
        <v>87</v>
      </c>
    </row>
    <row r="62" spans="1:4" ht="18" customHeight="1" x14ac:dyDescent="0.2">
      <c r="A62" s="31">
        <v>47</v>
      </c>
      <c r="B62" s="27">
        <v>51</v>
      </c>
      <c r="C62" s="28">
        <v>36</v>
      </c>
      <c r="D62" s="29">
        <v>87</v>
      </c>
    </row>
    <row r="63" spans="1:4" ht="18" customHeight="1" x14ac:dyDescent="0.2">
      <c r="A63" s="31">
        <v>48</v>
      </c>
      <c r="B63" s="27">
        <v>49</v>
      </c>
      <c r="C63" s="28">
        <v>30</v>
      </c>
      <c r="D63" s="29">
        <v>79</v>
      </c>
    </row>
    <row r="64" spans="1:4" ht="18" customHeight="1" x14ac:dyDescent="0.2">
      <c r="A64" s="31">
        <v>49</v>
      </c>
      <c r="B64" s="27">
        <v>36</v>
      </c>
      <c r="C64" s="28">
        <v>46</v>
      </c>
      <c r="D64" s="29">
        <v>82</v>
      </c>
    </row>
    <row r="65" spans="1:4" ht="18" customHeight="1" x14ac:dyDescent="0.2">
      <c r="A65" s="31" t="s">
        <v>76</v>
      </c>
      <c r="B65" s="27">
        <v>217</v>
      </c>
      <c r="C65" s="28">
        <v>204</v>
      </c>
      <c r="D65" s="29">
        <v>421</v>
      </c>
    </row>
    <row r="66" spans="1:4" ht="18" customHeight="1" x14ac:dyDescent="0.2">
      <c r="A66" s="31">
        <v>50</v>
      </c>
      <c r="B66" s="27">
        <v>44</v>
      </c>
      <c r="C66" s="28">
        <v>42</v>
      </c>
      <c r="D66" s="29">
        <v>86</v>
      </c>
    </row>
    <row r="67" spans="1:4" ht="18" customHeight="1" x14ac:dyDescent="0.2">
      <c r="A67" s="31">
        <v>51</v>
      </c>
      <c r="B67" s="27">
        <v>42</v>
      </c>
      <c r="C67" s="28">
        <v>44</v>
      </c>
      <c r="D67" s="29">
        <v>86</v>
      </c>
    </row>
    <row r="68" spans="1:4" ht="18" customHeight="1" x14ac:dyDescent="0.2">
      <c r="A68" s="31">
        <v>52</v>
      </c>
      <c r="B68" s="27">
        <v>36</v>
      </c>
      <c r="C68" s="28">
        <v>42</v>
      </c>
      <c r="D68" s="29">
        <v>78</v>
      </c>
    </row>
    <row r="69" spans="1:4" ht="18" customHeight="1" x14ac:dyDescent="0.2">
      <c r="A69" s="31">
        <v>53</v>
      </c>
      <c r="B69" s="27">
        <v>43</v>
      </c>
      <c r="C69" s="28">
        <v>46</v>
      </c>
      <c r="D69" s="29">
        <v>89</v>
      </c>
    </row>
    <row r="70" spans="1:4" ht="18" customHeight="1" x14ac:dyDescent="0.2">
      <c r="A70" s="31">
        <v>54</v>
      </c>
      <c r="B70" s="27">
        <v>57</v>
      </c>
      <c r="C70" s="28">
        <v>60</v>
      </c>
      <c r="D70" s="29">
        <v>117</v>
      </c>
    </row>
    <row r="71" spans="1:4" ht="18" customHeight="1" x14ac:dyDescent="0.2">
      <c r="A71" s="31" t="s">
        <v>77</v>
      </c>
      <c r="B71" s="27">
        <v>222</v>
      </c>
      <c r="C71" s="28">
        <v>234</v>
      </c>
      <c r="D71" s="29">
        <v>456</v>
      </c>
    </row>
    <row r="72" spans="1:4" ht="18" customHeight="1" x14ac:dyDescent="0.2">
      <c r="A72" s="31">
        <v>55</v>
      </c>
      <c r="B72" s="27">
        <v>49</v>
      </c>
      <c r="C72" s="28">
        <v>41</v>
      </c>
      <c r="D72" s="29">
        <v>90</v>
      </c>
    </row>
    <row r="73" spans="1:4" ht="18" customHeight="1" x14ac:dyDescent="0.2">
      <c r="A73" s="31">
        <v>56</v>
      </c>
      <c r="B73" s="27">
        <v>59</v>
      </c>
      <c r="C73" s="28">
        <v>46</v>
      </c>
      <c r="D73" s="29">
        <v>105</v>
      </c>
    </row>
    <row r="74" spans="1:4" ht="18" customHeight="1" x14ac:dyDescent="0.2">
      <c r="A74" s="31">
        <v>57</v>
      </c>
      <c r="B74" s="27">
        <v>54</v>
      </c>
      <c r="C74" s="28">
        <v>75</v>
      </c>
      <c r="D74" s="29">
        <v>129</v>
      </c>
    </row>
    <row r="75" spans="1:4" ht="18" customHeight="1" x14ac:dyDescent="0.2">
      <c r="A75" s="31">
        <v>58</v>
      </c>
      <c r="B75" s="27">
        <v>61</v>
      </c>
      <c r="C75" s="28">
        <v>72</v>
      </c>
      <c r="D75" s="29">
        <v>133</v>
      </c>
    </row>
    <row r="76" spans="1:4" ht="18" customHeight="1" x14ac:dyDescent="0.2">
      <c r="A76" s="31">
        <v>59</v>
      </c>
      <c r="B76" s="27">
        <v>88</v>
      </c>
      <c r="C76" s="28">
        <v>80</v>
      </c>
      <c r="D76" s="29">
        <v>168</v>
      </c>
    </row>
    <row r="77" spans="1:4" ht="18" customHeight="1" x14ac:dyDescent="0.2">
      <c r="A77" s="31" t="s">
        <v>78</v>
      </c>
      <c r="B77" s="27">
        <v>311</v>
      </c>
      <c r="C77" s="28">
        <v>314</v>
      </c>
      <c r="D77" s="29">
        <v>625</v>
      </c>
    </row>
    <row r="78" spans="1:4" ht="18" customHeight="1" x14ac:dyDescent="0.2">
      <c r="A78" s="31">
        <v>60</v>
      </c>
      <c r="B78" s="27">
        <v>70</v>
      </c>
      <c r="C78" s="28">
        <v>67</v>
      </c>
      <c r="D78" s="29">
        <v>137</v>
      </c>
    </row>
    <row r="79" spans="1:4" ht="18" customHeight="1" x14ac:dyDescent="0.2">
      <c r="A79" s="31">
        <v>61</v>
      </c>
      <c r="B79" s="27">
        <v>85</v>
      </c>
      <c r="C79" s="28">
        <v>58</v>
      </c>
      <c r="D79" s="29">
        <v>143</v>
      </c>
    </row>
    <row r="80" spans="1:4" ht="18" customHeight="1" x14ac:dyDescent="0.2">
      <c r="A80" s="31">
        <v>62</v>
      </c>
      <c r="B80" s="27">
        <v>51</v>
      </c>
      <c r="C80" s="28">
        <v>65</v>
      </c>
      <c r="D80" s="29">
        <v>116</v>
      </c>
    </row>
    <row r="81" spans="1:4" ht="18" customHeight="1" x14ac:dyDescent="0.2">
      <c r="A81" s="31">
        <v>63</v>
      </c>
      <c r="B81" s="27">
        <v>31</v>
      </c>
      <c r="C81" s="28">
        <v>24</v>
      </c>
      <c r="D81" s="29">
        <v>55</v>
      </c>
    </row>
    <row r="82" spans="1:4" ht="18" customHeight="1" x14ac:dyDescent="0.2">
      <c r="A82" s="31">
        <v>64</v>
      </c>
      <c r="B82" s="27">
        <v>33</v>
      </c>
      <c r="C82" s="28">
        <v>44</v>
      </c>
      <c r="D82" s="29">
        <v>77</v>
      </c>
    </row>
    <row r="83" spans="1:4" ht="18" customHeight="1" x14ac:dyDescent="0.2">
      <c r="A83" s="31" t="s">
        <v>79</v>
      </c>
      <c r="B83" s="27">
        <v>270</v>
      </c>
      <c r="C83" s="28">
        <v>258</v>
      </c>
      <c r="D83" s="29">
        <v>528</v>
      </c>
    </row>
    <row r="84" spans="1:4" ht="18" customHeight="1" x14ac:dyDescent="0.2">
      <c r="A84" s="31" t="s">
        <v>80</v>
      </c>
      <c r="B84" s="27">
        <v>2323</v>
      </c>
      <c r="C84" s="28">
        <v>2235</v>
      </c>
      <c r="D84" s="29">
        <v>4558</v>
      </c>
    </row>
    <row r="85" spans="1:4" ht="18" customHeight="1" x14ac:dyDescent="0.2">
      <c r="A85" s="31">
        <v>65</v>
      </c>
      <c r="B85" s="27">
        <v>55</v>
      </c>
      <c r="C85" s="28">
        <v>31</v>
      </c>
      <c r="D85" s="29">
        <v>86</v>
      </c>
    </row>
    <row r="86" spans="1:4" ht="18" customHeight="1" x14ac:dyDescent="0.2">
      <c r="A86" s="31">
        <v>66</v>
      </c>
      <c r="B86" s="27">
        <v>42</v>
      </c>
      <c r="C86" s="28">
        <v>34</v>
      </c>
      <c r="D86" s="29">
        <v>76</v>
      </c>
    </row>
    <row r="87" spans="1:4" ht="18" customHeight="1" x14ac:dyDescent="0.2">
      <c r="A87" s="31">
        <v>67</v>
      </c>
      <c r="B87" s="27">
        <v>46</v>
      </c>
      <c r="C87" s="28">
        <v>47</v>
      </c>
      <c r="D87" s="29">
        <v>93</v>
      </c>
    </row>
    <row r="88" spans="1:4" ht="18" customHeight="1" x14ac:dyDescent="0.2">
      <c r="A88" s="31">
        <v>68</v>
      </c>
      <c r="B88" s="27">
        <v>38</v>
      </c>
      <c r="C88" s="28">
        <v>39</v>
      </c>
      <c r="D88" s="29">
        <v>77</v>
      </c>
    </row>
    <row r="89" spans="1:4" ht="18" customHeight="1" x14ac:dyDescent="0.2">
      <c r="A89" s="31">
        <v>69</v>
      </c>
      <c r="B89" s="27">
        <v>31</v>
      </c>
      <c r="C89" s="28">
        <v>40</v>
      </c>
      <c r="D89" s="29">
        <v>71</v>
      </c>
    </row>
    <row r="90" spans="1:4" ht="18" customHeight="1" x14ac:dyDescent="0.2">
      <c r="A90" s="31" t="s">
        <v>81</v>
      </c>
      <c r="B90" s="27">
        <v>212</v>
      </c>
      <c r="C90" s="28">
        <v>191</v>
      </c>
      <c r="D90" s="29">
        <v>403</v>
      </c>
    </row>
    <row r="91" spans="1:4" ht="18" customHeight="1" x14ac:dyDescent="0.2">
      <c r="A91" s="31">
        <v>70</v>
      </c>
      <c r="B91" s="27">
        <v>25</v>
      </c>
      <c r="C91" s="28">
        <v>41</v>
      </c>
      <c r="D91" s="29">
        <v>66</v>
      </c>
    </row>
    <row r="92" spans="1:4" ht="18" customHeight="1" x14ac:dyDescent="0.2">
      <c r="A92" s="31">
        <v>71</v>
      </c>
      <c r="B92" s="27">
        <v>29</v>
      </c>
      <c r="C92" s="28">
        <v>43</v>
      </c>
      <c r="D92" s="29">
        <v>72</v>
      </c>
    </row>
    <row r="93" spans="1:4" ht="18" customHeight="1" x14ac:dyDescent="0.2">
      <c r="A93" s="31">
        <v>72</v>
      </c>
      <c r="B93" s="27">
        <v>30</v>
      </c>
      <c r="C93" s="28">
        <v>39</v>
      </c>
      <c r="D93" s="29">
        <v>69</v>
      </c>
    </row>
    <row r="94" spans="1:4" ht="18" customHeight="1" x14ac:dyDescent="0.2">
      <c r="A94" s="31">
        <v>73</v>
      </c>
      <c r="B94" s="27">
        <v>44</v>
      </c>
      <c r="C94" s="28">
        <v>55</v>
      </c>
      <c r="D94" s="29">
        <v>99</v>
      </c>
    </row>
    <row r="95" spans="1:4" ht="18" customHeight="1" x14ac:dyDescent="0.2">
      <c r="A95" s="31">
        <v>74</v>
      </c>
      <c r="B95" s="27">
        <v>30</v>
      </c>
      <c r="C95" s="28">
        <v>36</v>
      </c>
      <c r="D95" s="29">
        <v>66</v>
      </c>
    </row>
    <row r="96" spans="1:4" ht="18" customHeight="1" x14ac:dyDescent="0.2">
      <c r="A96" s="31" t="s">
        <v>82</v>
      </c>
      <c r="B96" s="27">
        <v>158</v>
      </c>
      <c r="C96" s="28">
        <v>214</v>
      </c>
      <c r="D96" s="29">
        <v>372</v>
      </c>
    </row>
    <row r="97" spans="1:4" ht="18" customHeight="1" x14ac:dyDescent="0.2">
      <c r="A97" s="31">
        <v>75</v>
      </c>
      <c r="B97" s="27">
        <v>30</v>
      </c>
      <c r="C97" s="28">
        <v>49</v>
      </c>
      <c r="D97" s="29">
        <v>79</v>
      </c>
    </row>
    <row r="98" spans="1:4" ht="18" customHeight="1" x14ac:dyDescent="0.2">
      <c r="A98" s="31">
        <v>76</v>
      </c>
      <c r="B98" s="27">
        <v>44</v>
      </c>
      <c r="C98" s="28">
        <v>46</v>
      </c>
      <c r="D98" s="29">
        <v>90</v>
      </c>
    </row>
    <row r="99" spans="1:4" ht="18" customHeight="1" x14ac:dyDescent="0.2">
      <c r="A99" s="31">
        <v>77</v>
      </c>
      <c r="B99" s="27">
        <v>25</v>
      </c>
      <c r="C99" s="28">
        <v>37</v>
      </c>
      <c r="D99" s="29">
        <v>62</v>
      </c>
    </row>
    <row r="100" spans="1:4" ht="18" customHeight="1" x14ac:dyDescent="0.2">
      <c r="A100" s="31">
        <v>78</v>
      </c>
      <c r="B100" s="27">
        <v>36</v>
      </c>
      <c r="C100" s="28">
        <v>47</v>
      </c>
      <c r="D100" s="29">
        <v>83</v>
      </c>
    </row>
    <row r="101" spans="1:4" ht="18" customHeight="1" x14ac:dyDescent="0.2">
      <c r="A101" s="31">
        <v>79</v>
      </c>
      <c r="B101" s="27">
        <v>32</v>
      </c>
      <c r="C101" s="28">
        <v>40</v>
      </c>
      <c r="D101" s="29">
        <v>72</v>
      </c>
    </row>
    <row r="102" spans="1:4" ht="18" customHeight="1" x14ac:dyDescent="0.2">
      <c r="A102" s="31" t="s">
        <v>83</v>
      </c>
      <c r="B102" s="27">
        <v>167</v>
      </c>
      <c r="C102" s="28">
        <v>219</v>
      </c>
      <c r="D102" s="29">
        <v>386</v>
      </c>
    </row>
    <row r="103" spans="1:4" ht="18" customHeight="1" x14ac:dyDescent="0.2">
      <c r="A103" s="31">
        <v>80</v>
      </c>
      <c r="B103" s="27">
        <v>25</v>
      </c>
      <c r="C103" s="28">
        <v>38</v>
      </c>
      <c r="D103" s="29">
        <v>63</v>
      </c>
    </row>
    <row r="104" spans="1:4" ht="18" customHeight="1" x14ac:dyDescent="0.2">
      <c r="A104" s="31">
        <v>81</v>
      </c>
      <c r="B104" s="27">
        <v>26</v>
      </c>
      <c r="C104" s="28">
        <v>31</v>
      </c>
      <c r="D104" s="29">
        <v>57</v>
      </c>
    </row>
    <row r="105" spans="1:4" ht="18" customHeight="1" x14ac:dyDescent="0.2">
      <c r="A105" s="31">
        <v>82</v>
      </c>
      <c r="B105" s="27">
        <v>24</v>
      </c>
      <c r="C105" s="28">
        <v>30</v>
      </c>
      <c r="D105" s="29">
        <v>54</v>
      </c>
    </row>
    <row r="106" spans="1:4" ht="18" customHeight="1" x14ac:dyDescent="0.2">
      <c r="A106" s="31">
        <v>83</v>
      </c>
      <c r="B106" s="27">
        <v>24</v>
      </c>
      <c r="C106" s="28">
        <v>33</v>
      </c>
      <c r="D106" s="29">
        <v>57</v>
      </c>
    </row>
    <row r="107" spans="1:4" ht="18" customHeight="1" x14ac:dyDescent="0.2">
      <c r="A107" s="31">
        <v>84</v>
      </c>
      <c r="B107" s="27">
        <v>10</v>
      </c>
      <c r="C107" s="28">
        <v>16</v>
      </c>
      <c r="D107" s="29">
        <v>26</v>
      </c>
    </row>
    <row r="108" spans="1:4" ht="18" customHeight="1" x14ac:dyDescent="0.2">
      <c r="A108" s="31" t="s">
        <v>84</v>
      </c>
      <c r="B108" s="27">
        <v>109</v>
      </c>
      <c r="C108" s="28">
        <v>148</v>
      </c>
      <c r="D108" s="29">
        <v>257</v>
      </c>
    </row>
    <row r="109" spans="1:4" ht="18" customHeight="1" x14ac:dyDescent="0.2">
      <c r="A109" s="31">
        <v>85</v>
      </c>
      <c r="B109" s="27">
        <v>16</v>
      </c>
      <c r="C109" s="28">
        <v>33</v>
      </c>
      <c r="D109" s="29">
        <v>49</v>
      </c>
    </row>
    <row r="110" spans="1:4" ht="18" customHeight="1" x14ac:dyDescent="0.2">
      <c r="A110" s="31">
        <v>86</v>
      </c>
      <c r="B110" s="27">
        <v>9</v>
      </c>
      <c r="C110" s="28">
        <v>17</v>
      </c>
      <c r="D110" s="29">
        <v>26</v>
      </c>
    </row>
    <row r="111" spans="1:4" ht="18" customHeight="1" x14ac:dyDescent="0.2">
      <c r="A111" s="31">
        <v>87</v>
      </c>
      <c r="B111" s="27">
        <v>4</v>
      </c>
      <c r="C111" s="28">
        <v>17</v>
      </c>
      <c r="D111" s="29">
        <v>21</v>
      </c>
    </row>
    <row r="112" spans="1:4" ht="18" customHeight="1" x14ac:dyDescent="0.2">
      <c r="A112" s="31">
        <v>88</v>
      </c>
      <c r="B112" s="27">
        <v>13</v>
      </c>
      <c r="C112" s="28">
        <v>17</v>
      </c>
      <c r="D112" s="29">
        <v>30</v>
      </c>
    </row>
    <row r="113" spans="1:4" ht="18" customHeight="1" x14ac:dyDescent="0.2">
      <c r="A113" s="31">
        <v>89</v>
      </c>
      <c r="B113" s="27">
        <v>1</v>
      </c>
      <c r="C113" s="28">
        <v>15</v>
      </c>
      <c r="D113" s="29">
        <v>16</v>
      </c>
    </row>
    <row r="114" spans="1:4" ht="18" customHeight="1" x14ac:dyDescent="0.2">
      <c r="A114" s="31" t="s">
        <v>85</v>
      </c>
      <c r="B114" s="27">
        <v>43</v>
      </c>
      <c r="C114" s="28">
        <v>99</v>
      </c>
      <c r="D114" s="29">
        <v>142</v>
      </c>
    </row>
    <row r="115" spans="1:4" ht="18" customHeight="1" x14ac:dyDescent="0.2">
      <c r="A115" s="31">
        <v>90</v>
      </c>
      <c r="B115" s="27">
        <v>3</v>
      </c>
      <c r="C115" s="28">
        <v>9</v>
      </c>
      <c r="D115" s="29">
        <v>12</v>
      </c>
    </row>
    <row r="116" spans="1:4" ht="18" customHeight="1" x14ac:dyDescent="0.2">
      <c r="A116" s="31">
        <v>91</v>
      </c>
      <c r="B116" s="27">
        <v>3</v>
      </c>
      <c r="C116" s="28">
        <v>11</v>
      </c>
      <c r="D116" s="29">
        <v>14</v>
      </c>
    </row>
    <row r="117" spans="1:4" ht="18" customHeight="1" x14ac:dyDescent="0.2">
      <c r="A117" s="31">
        <v>92</v>
      </c>
      <c r="B117" s="27">
        <v>5</v>
      </c>
      <c r="C117" s="28">
        <v>7</v>
      </c>
      <c r="D117" s="29">
        <v>12</v>
      </c>
    </row>
    <row r="118" spans="1:4" ht="18" customHeight="1" x14ac:dyDescent="0.2">
      <c r="A118" s="31">
        <v>93</v>
      </c>
      <c r="B118" s="27">
        <v>0</v>
      </c>
      <c r="C118" s="28">
        <v>6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86</v>
      </c>
      <c r="B120" s="27">
        <v>11</v>
      </c>
      <c r="C120" s="28">
        <v>37</v>
      </c>
      <c r="D120" s="29">
        <v>48</v>
      </c>
    </row>
    <row r="121" spans="1:4" ht="18" customHeight="1" x14ac:dyDescent="0.2">
      <c r="A121" s="31">
        <v>95</v>
      </c>
      <c r="B121" s="27">
        <v>4</v>
      </c>
      <c r="C121" s="28">
        <v>6</v>
      </c>
      <c r="D121" s="29">
        <v>10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2</v>
      </c>
      <c r="C125" s="28">
        <v>3</v>
      </c>
      <c r="D125" s="29">
        <v>5</v>
      </c>
    </row>
    <row r="126" spans="1:4" ht="18" customHeight="1" x14ac:dyDescent="0.2">
      <c r="A126" s="31" t="s">
        <v>87</v>
      </c>
      <c r="B126" s="27">
        <v>8</v>
      </c>
      <c r="C126" s="28">
        <v>14</v>
      </c>
      <c r="D126" s="29">
        <v>2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708</v>
      </c>
      <c r="C130" s="5">
        <v>922</v>
      </c>
      <c r="D130" s="6">
        <v>1630</v>
      </c>
    </row>
    <row r="131" spans="1:4" ht="18" customHeight="1" x14ac:dyDescent="0.2">
      <c r="A131" s="33" t="s">
        <v>65</v>
      </c>
      <c r="B131" s="7">
        <v>3597</v>
      </c>
      <c r="C131" s="8">
        <v>3712</v>
      </c>
      <c r="D131" s="9">
        <v>730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4</v>
      </c>
      <c r="C5" s="37">
        <v>0</v>
      </c>
      <c r="D5" s="39">
        <v>4</v>
      </c>
    </row>
    <row r="6" spans="1:4" ht="18" customHeight="1" x14ac:dyDescent="0.2">
      <c r="A6" s="31">
        <v>1</v>
      </c>
      <c r="B6" s="35">
        <v>2</v>
      </c>
      <c r="C6" s="28">
        <v>4</v>
      </c>
      <c r="D6" s="29">
        <v>6</v>
      </c>
    </row>
    <row r="7" spans="1:4" ht="18" customHeight="1" x14ac:dyDescent="0.2">
      <c r="A7" s="31">
        <v>2</v>
      </c>
      <c r="B7" s="35">
        <v>1</v>
      </c>
      <c r="C7" s="28">
        <v>1</v>
      </c>
      <c r="D7" s="29">
        <v>2</v>
      </c>
    </row>
    <row r="8" spans="1:4" ht="18" customHeight="1" x14ac:dyDescent="0.2">
      <c r="A8" s="31">
        <v>3</v>
      </c>
      <c r="B8" s="35">
        <v>3</v>
      </c>
      <c r="C8" s="28">
        <v>1</v>
      </c>
      <c r="D8" s="29">
        <v>4</v>
      </c>
    </row>
    <row r="9" spans="1:4" ht="18" customHeight="1" x14ac:dyDescent="0.2">
      <c r="A9" s="31">
        <v>4</v>
      </c>
      <c r="B9" s="36">
        <v>5</v>
      </c>
      <c r="C9" s="38">
        <v>3</v>
      </c>
      <c r="D9" s="40">
        <v>8</v>
      </c>
    </row>
    <row r="10" spans="1:4" ht="18" customHeight="1" x14ac:dyDescent="0.2">
      <c r="A10" s="31" t="s">
        <v>66</v>
      </c>
      <c r="B10" s="27">
        <v>15</v>
      </c>
      <c r="C10" s="28">
        <v>9</v>
      </c>
      <c r="D10" s="29">
        <v>24</v>
      </c>
    </row>
    <row r="11" spans="1:4" ht="18" customHeight="1" x14ac:dyDescent="0.2">
      <c r="A11" s="31">
        <v>5</v>
      </c>
      <c r="B11" s="35">
        <v>5</v>
      </c>
      <c r="C11" s="28">
        <v>1</v>
      </c>
      <c r="D11" s="29">
        <v>6</v>
      </c>
    </row>
    <row r="12" spans="1:4" ht="18" customHeight="1" x14ac:dyDescent="0.2">
      <c r="A12" s="31">
        <v>6</v>
      </c>
      <c r="B12" s="35">
        <v>2</v>
      </c>
      <c r="C12" s="28">
        <v>5</v>
      </c>
      <c r="D12" s="29">
        <v>7</v>
      </c>
    </row>
    <row r="13" spans="1:4" ht="18" customHeight="1" x14ac:dyDescent="0.2">
      <c r="A13" s="31">
        <v>7</v>
      </c>
      <c r="B13" s="35">
        <v>4</v>
      </c>
      <c r="C13" s="28">
        <v>1</v>
      </c>
      <c r="D13" s="29">
        <v>5</v>
      </c>
    </row>
    <row r="14" spans="1:4" ht="18" customHeight="1" x14ac:dyDescent="0.2">
      <c r="A14" s="31">
        <v>8</v>
      </c>
      <c r="B14" s="35">
        <v>5</v>
      </c>
      <c r="C14" s="28">
        <v>3</v>
      </c>
      <c r="D14" s="29">
        <v>8</v>
      </c>
    </row>
    <row r="15" spans="1:4" ht="18" customHeight="1" x14ac:dyDescent="0.2">
      <c r="A15" s="31">
        <v>9</v>
      </c>
      <c r="B15" s="35">
        <v>3</v>
      </c>
      <c r="C15" s="28">
        <v>2</v>
      </c>
      <c r="D15" s="29">
        <v>5</v>
      </c>
    </row>
    <row r="16" spans="1:4" ht="18" customHeight="1" x14ac:dyDescent="0.2">
      <c r="A16" s="31" t="s">
        <v>67</v>
      </c>
      <c r="B16" s="27">
        <v>19</v>
      </c>
      <c r="C16" s="28">
        <v>12</v>
      </c>
      <c r="D16" s="29">
        <v>31</v>
      </c>
    </row>
    <row r="17" spans="1:4" ht="18" customHeight="1" x14ac:dyDescent="0.2">
      <c r="A17" s="31">
        <v>10</v>
      </c>
      <c r="B17" s="27">
        <v>2</v>
      </c>
      <c r="C17" s="28">
        <v>5</v>
      </c>
      <c r="D17" s="29">
        <v>7</v>
      </c>
    </row>
    <row r="18" spans="1:4" ht="18" customHeight="1" x14ac:dyDescent="0.2">
      <c r="A18" s="31">
        <v>11</v>
      </c>
      <c r="B18" s="27">
        <v>3</v>
      </c>
      <c r="C18" s="28">
        <v>3</v>
      </c>
      <c r="D18" s="29">
        <v>6</v>
      </c>
    </row>
    <row r="19" spans="1:4" ht="18" customHeight="1" x14ac:dyDescent="0.2">
      <c r="A19" s="31">
        <v>12</v>
      </c>
      <c r="B19" s="27">
        <v>2</v>
      </c>
      <c r="C19" s="28">
        <v>2</v>
      </c>
      <c r="D19" s="29">
        <v>4</v>
      </c>
    </row>
    <row r="20" spans="1:4" ht="18" customHeight="1" x14ac:dyDescent="0.2">
      <c r="A20" s="31">
        <v>13</v>
      </c>
      <c r="B20" s="27">
        <v>4</v>
      </c>
      <c r="C20" s="28">
        <v>4</v>
      </c>
      <c r="D20" s="29">
        <v>8</v>
      </c>
    </row>
    <row r="21" spans="1:4" ht="18" customHeight="1" x14ac:dyDescent="0.2">
      <c r="A21" s="31">
        <v>14</v>
      </c>
      <c r="B21" s="27">
        <v>3</v>
      </c>
      <c r="C21" s="28">
        <v>6</v>
      </c>
      <c r="D21" s="29">
        <v>9</v>
      </c>
    </row>
    <row r="22" spans="1:4" ht="18" customHeight="1" x14ac:dyDescent="0.2">
      <c r="A22" s="31" t="s">
        <v>68</v>
      </c>
      <c r="B22" s="27">
        <v>14</v>
      </c>
      <c r="C22" s="28">
        <v>20</v>
      </c>
      <c r="D22" s="29">
        <v>34</v>
      </c>
    </row>
    <row r="23" spans="1:4" ht="18" customHeight="1" x14ac:dyDescent="0.2">
      <c r="A23" s="31" t="s">
        <v>69</v>
      </c>
      <c r="B23" s="27">
        <v>48</v>
      </c>
      <c r="C23" s="28">
        <v>41</v>
      </c>
      <c r="D23" s="29">
        <v>89</v>
      </c>
    </row>
    <row r="24" spans="1:4" ht="18" customHeight="1" x14ac:dyDescent="0.2">
      <c r="A24" s="31">
        <v>15</v>
      </c>
      <c r="B24" s="27">
        <v>5</v>
      </c>
      <c r="C24" s="28">
        <v>5</v>
      </c>
      <c r="D24" s="29">
        <v>10</v>
      </c>
    </row>
    <row r="25" spans="1:4" ht="18" customHeight="1" x14ac:dyDescent="0.2">
      <c r="A25" s="31">
        <v>16</v>
      </c>
      <c r="B25" s="27">
        <v>4</v>
      </c>
      <c r="C25" s="28">
        <v>1</v>
      </c>
      <c r="D25" s="29">
        <v>5</v>
      </c>
    </row>
    <row r="26" spans="1:4" ht="18" customHeight="1" x14ac:dyDescent="0.2">
      <c r="A26" s="31">
        <v>17</v>
      </c>
      <c r="B26" s="27">
        <v>5</v>
      </c>
      <c r="C26" s="28">
        <v>5</v>
      </c>
      <c r="D26" s="29">
        <v>10</v>
      </c>
    </row>
    <row r="27" spans="1:4" ht="18" customHeight="1" x14ac:dyDescent="0.2">
      <c r="A27" s="31">
        <v>18</v>
      </c>
      <c r="B27" s="27">
        <v>7</v>
      </c>
      <c r="C27" s="28">
        <v>1</v>
      </c>
      <c r="D27" s="29">
        <v>8</v>
      </c>
    </row>
    <row r="28" spans="1:4" ht="18" customHeight="1" x14ac:dyDescent="0.2">
      <c r="A28" s="31">
        <v>19</v>
      </c>
      <c r="B28" s="27">
        <v>7</v>
      </c>
      <c r="C28" s="28">
        <v>3</v>
      </c>
      <c r="D28" s="29">
        <v>10</v>
      </c>
    </row>
    <row r="29" spans="1:4" ht="18" customHeight="1" x14ac:dyDescent="0.2">
      <c r="A29" s="31" t="s">
        <v>70</v>
      </c>
      <c r="B29" s="27">
        <v>28</v>
      </c>
      <c r="C29" s="28">
        <v>15</v>
      </c>
      <c r="D29" s="29">
        <v>43</v>
      </c>
    </row>
    <row r="30" spans="1:4" ht="18" customHeight="1" x14ac:dyDescent="0.2">
      <c r="A30" s="31">
        <v>20</v>
      </c>
      <c r="B30" s="27">
        <v>4</v>
      </c>
      <c r="C30" s="28">
        <v>3</v>
      </c>
      <c r="D30" s="29">
        <v>7</v>
      </c>
    </row>
    <row r="31" spans="1:4" ht="18" customHeight="1" x14ac:dyDescent="0.2">
      <c r="A31" s="31">
        <v>21</v>
      </c>
      <c r="B31" s="27">
        <v>6</v>
      </c>
      <c r="C31" s="28">
        <v>5</v>
      </c>
      <c r="D31" s="29">
        <v>11</v>
      </c>
    </row>
    <row r="32" spans="1:4" ht="18" customHeight="1" x14ac:dyDescent="0.2">
      <c r="A32" s="31">
        <v>22</v>
      </c>
      <c r="B32" s="27">
        <v>7</v>
      </c>
      <c r="C32" s="28">
        <v>6</v>
      </c>
      <c r="D32" s="29">
        <v>13</v>
      </c>
    </row>
    <row r="33" spans="1:4" ht="18" customHeight="1" x14ac:dyDescent="0.2">
      <c r="A33" s="31">
        <v>23</v>
      </c>
      <c r="B33" s="27">
        <v>5</v>
      </c>
      <c r="C33" s="28">
        <v>8</v>
      </c>
      <c r="D33" s="29">
        <v>13</v>
      </c>
    </row>
    <row r="34" spans="1:4" ht="18" customHeight="1" x14ac:dyDescent="0.2">
      <c r="A34" s="31">
        <v>24</v>
      </c>
      <c r="B34" s="27">
        <v>4</v>
      </c>
      <c r="C34" s="28">
        <v>3</v>
      </c>
      <c r="D34" s="29">
        <v>7</v>
      </c>
    </row>
    <row r="35" spans="1:4" ht="18" customHeight="1" x14ac:dyDescent="0.2">
      <c r="A35" s="31" t="s">
        <v>71</v>
      </c>
      <c r="B35" s="27">
        <v>26</v>
      </c>
      <c r="C35" s="28">
        <v>25</v>
      </c>
      <c r="D35" s="29">
        <v>51</v>
      </c>
    </row>
    <row r="36" spans="1:4" ht="18" customHeight="1" x14ac:dyDescent="0.2">
      <c r="A36" s="31">
        <v>25</v>
      </c>
      <c r="B36" s="27">
        <v>4</v>
      </c>
      <c r="C36" s="28">
        <v>4</v>
      </c>
      <c r="D36" s="29">
        <v>8</v>
      </c>
    </row>
    <row r="37" spans="1:4" ht="18" customHeight="1" x14ac:dyDescent="0.2">
      <c r="A37" s="31">
        <v>26</v>
      </c>
      <c r="B37" s="27">
        <v>3</v>
      </c>
      <c r="C37" s="28">
        <v>6</v>
      </c>
      <c r="D37" s="29">
        <v>9</v>
      </c>
    </row>
    <row r="38" spans="1:4" ht="18" customHeight="1" x14ac:dyDescent="0.2">
      <c r="A38" s="31">
        <v>27</v>
      </c>
      <c r="B38" s="27">
        <v>2</v>
      </c>
      <c r="C38" s="28">
        <v>4</v>
      </c>
      <c r="D38" s="29">
        <v>6</v>
      </c>
    </row>
    <row r="39" spans="1:4" ht="18" customHeight="1" x14ac:dyDescent="0.2">
      <c r="A39" s="31">
        <v>28</v>
      </c>
      <c r="B39" s="27">
        <v>5</v>
      </c>
      <c r="C39" s="28">
        <v>3</v>
      </c>
      <c r="D39" s="29">
        <v>8</v>
      </c>
    </row>
    <row r="40" spans="1:4" ht="18" customHeight="1" x14ac:dyDescent="0.2">
      <c r="A40" s="31">
        <v>29</v>
      </c>
      <c r="B40" s="27">
        <v>1</v>
      </c>
      <c r="C40" s="28">
        <v>2</v>
      </c>
      <c r="D40" s="29">
        <v>3</v>
      </c>
    </row>
    <row r="41" spans="1:4" ht="18" customHeight="1" x14ac:dyDescent="0.2">
      <c r="A41" s="31" t="s">
        <v>72</v>
      </c>
      <c r="B41" s="27">
        <v>15</v>
      </c>
      <c r="C41" s="28">
        <v>19</v>
      </c>
      <c r="D41" s="29">
        <v>34</v>
      </c>
    </row>
    <row r="42" spans="1:4" ht="18" customHeight="1" x14ac:dyDescent="0.2">
      <c r="A42" s="31">
        <v>30</v>
      </c>
      <c r="B42" s="27">
        <v>5</v>
      </c>
      <c r="C42" s="28">
        <v>3</v>
      </c>
      <c r="D42" s="29">
        <v>8</v>
      </c>
    </row>
    <row r="43" spans="1:4" ht="18" customHeight="1" x14ac:dyDescent="0.2">
      <c r="A43" s="31">
        <v>31</v>
      </c>
      <c r="B43" s="27">
        <v>6</v>
      </c>
      <c r="C43" s="28">
        <v>2</v>
      </c>
      <c r="D43" s="29">
        <v>8</v>
      </c>
    </row>
    <row r="44" spans="1:4" ht="18" customHeight="1" x14ac:dyDescent="0.2">
      <c r="A44" s="31">
        <v>32</v>
      </c>
      <c r="B44" s="27">
        <v>3</v>
      </c>
      <c r="C44" s="28">
        <v>2</v>
      </c>
      <c r="D44" s="29">
        <v>5</v>
      </c>
    </row>
    <row r="45" spans="1:4" ht="18" customHeight="1" x14ac:dyDescent="0.2">
      <c r="A45" s="31">
        <v>33</v>
      </c>
      <c r="B45" s="27">
        <v>4</v>
      </c>
      <c r="C45" s="28">
        <v>4</v>
      </c>
      <c r="D45" s="29">
        <v>8</v>
      </c>
    </row>
    <row r="46" spans="1:4" ht="18" customHeight="1" x14ac:dyDescent="0.2">
      <c r="A46" s="31">
        <v>34</v>
      </c>
      <c r="B46" s="27">
        <v>2</v>
      </c>
      <c r="C46" s="28">
        <v>1</v>
      </c>
      <c r="D46" s="29">
        <v>3</v>
      </c>
    </row>
    <row r="47" spans="1:4" ht="18" customHeight="1" x14ac:dyDescent="0.2">
      <c r="A47" s="31" t="s">
        <v>73</v>
      </c>
      <c r="B47" s="27">
        <v>20</v>
      </c>
      <c r="C47" s="28">
        <v>12</v>
      </c>
      <c r="D47" s="29">
        <v>32</v>
      </c>
    </row>
    <row r="48" spans="1:4" ht="18" customHeight="1" x14ac:dyDescent="0.2">
      <c r="A48" s="31">
        <v>35</v>
      </c>
      <c r="B48" s="27">
        <v>4</v>
      </c>
      <c r="C48" s="28">
        <v>3</v>
      </c>
      <c r="D48" s="29">
        <v>7</v>
      </c>
    </row>
    <row r="49" spans="1:4" ht="18" customHeight="1" x14ac:dyDescent="0.2">
      <c r="A49" s="31">
        <v>36</v>
      </c>
      <c r="B49" s="27">
        <v>9</v>
      </c>
      <c r="C49" s="28">
        <v>5</v>
      </c>
      <c r="D49" s="29">
        <v>14</v>
      </c>
    </row>
    <row r="50" spans="1:4" ht="18" customHeight="1" x14ac:dyDescent="0.2">
      <c r="A50" s="31">
        <v>37</v>
      </c>
      <c r="B50" s="27">
        <v>4</v>
      </c>
      <c r="C50" s="28">
        <v>6</v>
      </c>
      <c r="D50" s="29">
        <v>10</v>
      </c>
    </row>
    <row r="51" spans="1:4" ht="18" customHeight="1" x14ac:dyDescent="0.2">
      <c r="A51" s="31">
        <v>38</v>
      </c>
      <c r="B51" s="27">
        <v>7</v>
      </c>
      <c r="C51" s="28">
        <v>5</v>
      </c>
      <c r="D51" s="29">
        <v>12</v>
      </c>
    </row>
    <row r="52" spans="1:4" ht="18" customHeight="1" x14ac:dyDescent="0.2">
      <c r="A52" s="31">
        <v>39</v>
      </c>
      <c r="B52" s="27">
        <v>3</v>
      </c>
      <c r="C52" s="28">
        <v>3</v>
      </c>
      <c r="D52" s="29">
        <v>6</v>
      </c>
    </row>
    <row r="53" spans="1:4" ht="18" customHeight="1" x14ac:dyDescent="0.2">
      <c r="A53" s="31" t="s">
        <v>74</v>
      </c>
      <c r="B53" s="27">
        <v>27</v>
      </c>
      <c r="C53" s="28">
        <v>22</v>
      </c>
      <c r="D53" s="29">
        <v>49</v>
      </c>
    </row>
    <row r="54" spans="1:4" ht="18" customHeight="1" x14ac:dyDescent="0.2">
      <c r="A54" s="31">
        <v>40</v>
      </c>
      <c r="B54" s="27">
        <v>5</v>
      </c>
      <c r="C54" s="28">
        <v>8</v>
      </c>
      <c r="D54" s="29">
        <v>13</v>
      </c>
    </row>
    <row r="55" spans="1:4" ht="18" customHeight="1" x14ac:dyDescent="0.2">
      <c r="A55" s="31">
        <v>41</v>
      </c>
      <c r="B55" s="27">
        <v>0</v>
      </c>
      <c r="C55" s="28">
        <v>8</v>
      </c>
      <c r="D55" s="29">
        <v>8</v>
      </c>
    </row>
    <row r="56" spans="1:4" ht="18" customHeight="1" x14ac:dyDescent="0.2">
      <c r="A56" s="31">
        <v>42</v>
      </c>
      <c r="B56" s="27">
        <v>6</v>
      </c>
      <c r="C56" s="28">
        <v>4</v>
      </c>
      <c r="D56" s="29">
        <v>10</v>
      </c>
    </row>
    <row r="57" spans="1:4" ht="18" customHeight="1" x14ac:dyDescent="0.2">
      <c r="A57" s="31">
        <v>43</v>
      </c>
      <c r="B57" s="27">
        <v>2</v>
      </c>
      <c r="C57" s="28">
        <v>5</v>
      </c>
      <c r="D57" s="29">
        <v>7</v>
      </c>
    </row>
    <row r="58" spans="1:4" ht="18" customHeight="1" x14ac:dyDescent="0.2">
      <c r="A58" s="31">
        <v>44</v>
      </c>
      <c r="B58" s="27">
        <v>4</v>
      </c>
      <c r="C58" s="28">
        <v>3</v>
      </c>
      <c r="D58" s="29">
        <v>7</v>
      </c>
    </row>
    <row r="59" spans="1:4" ht="18" customHeight="1" x14ac:dyDescent="0.2">
      <c r="A59" s="31" t="s">
        <v>75</v>
      </c>
      <c r="B59" s="27">
        <v>17</v>
      </c>
      <c r="C59" s="28">
        <v>28</v>
      </c>
      <c r="D59" s="29">
        <v>45</v>
      </c>
    </row>
    <row r="60" spans="1:4" ht="18" customHeight="1" x14ac:dyDescent="0.2">
      <c r="A60" s="31">
        <v>45</v>
      </c>
      <c r="B60" s="27">
        <v>2</v>
      </c>
      <c r="C60" s="28">
        <v>11</v>
      </c>
      <c r="D60" s="29">
        <v>13</v>
      </c>
    </row>
    <row r="61" spans="1:4" ht="18" customHeight="1" x14ac:dyDescent="0.2">
      <c r="A61" s="31">
        <v>46</v>
      </c>
      <c r="B61" s="27">
        <v>5</v>
      </c>
      <c r="C61" s="28">
        <v>2</v>
      </c>
      <c r="D61" s="29">
        <v>7</v>
      </c>
    </row>
    <row r="62" spans="1:4" ht="18" customHeight="1" x14ac:dyDescent="0.2">
      <c r="A62" s="31">
        <v>47</v>
      </c>
      <c r="B62" s="27">
        <v>7</v>
      </c>
      <c r="C62" s="28">
        <v>7</v>
      </c>
      <c r="D62" s="29">
        <v>14</v>
      </c>
    </row>
    <row r="63" spans="1:4" ht="18" customHeight="1" x14ac:dyDescent="0.2">
      <c r="A63" s="31">
        <v>48</v>
      </c>
      <c r="B63" s="27">
        <v>3</v>
      </c>
      <c r="C63" s="28">
        <v>3</v>
      </c>
      <c r="D63" s="29">
        <v>6</v>
      </c>
    </row>
    <row r="64" spans="1:4" ht="18" customHeight="1" x14ac:dyDescent="0.2">
      <c r="A64" s="31">
        <v>49</v>
      </c>
      <c r="B64" s="27">
        <v>6</v>
      </c>
      <c r="C64" s="28">
        <v>7</v>
      </c>
      <c r="D64" s="29">
        <v>13</v>
      </c>
    </row>
    <row r="65" spans="1:4" ht="18" customHeight="1" x14ac:dyDescent="0.2">
      <c r="A65" s="31" t="s">
        <v>76</v>
      </c>
      <c r="B65" s="27">
        <v>23</v>
      </c>
      <c r="C65" s="28">
        <v>30</v>
      </c>
      <c r="D65" s="29">
        <v>53</v>
      </c>
    </row>
    <row r="66" spans="1:4" ht="18" customHeight="1" x14ac:dyDescent="0.2">
      <c r="A66" s="31">
        <v>50</v>
      </c>
      <c r="B66" s="27">
        <v>5</v>
      </c>
      <c r="C66" s="28">
        <v>8</v>
      </c>
      <c r="D66" s="29">
        <v>13</v>
      </c>
    </row>
    <row r="67" spans="1:4" ht="18" customHeight="1" x14ac:dyDescent="0.2">
      <c r="A67" s="31">
        <v>51</v>
      </c>
      <c r="B67" s="27">
        <v>5</v>
      </c>
      <c r="C67" s="28">
        <v>6</v>
      </c>
      <c r="D67" s="29">
        <v>11</v>
      </c>
    </row>
    <row r="68" spans="1:4" ht="18" customHeight="1" x14ac:dyDescent="0.2">
      <c r="A68" s="31">
        <v>52</v>
      </c>
      <c r="B68" s="27">
        <v>8</v>
      </c>
      <c r="C68" s="28">
        <v>6</v>
      </c>
      <c r="D68" s="29">
        <v>14</v>
      </c>
    </row>
    <row r="69" spans="1:4" ht="18" customHeight="1" x14ac:dyDescent="0.2">
      <c r="A69" s="31">
        <v>53</v>
      </c>
      <c r="B69" s="27">
        <v>9</v>
      </c>
      <c r="C69" s="28">
        <v>9</v>
      </c>
      <c r="D69" s="29">
        <v>18</v>
      </c>
    </row>
    <row r="70" spans="1:4" ht="18" customHeight="1" x14ac:dyDescent="0.2">
      <c r="A70" s="31">
        <v>54</v>
      </c>
      <c r="B70" s="27">
        <v>9</v>
      </c>
      <c r="C70" s="28">
        <v>6</v>
      </c>
      <c r="D70" s="29">
        <v>15</v>
      </c>
    </row>
    <row r="71" spans="1:4" ht="18" customHeight="1" x14ac:dyDescent="0.2">
      <c r="A71" s="31" t="s">
        <v>77</v>
      </c>
      <c r="B71" s="27">
        <v>36</v>
      </c>
      <c r="C71" s="28">
        <v>35</v>
      </c>
      <c r="D71" s="29">
        <v>71</v>
      </c>
    </row>
    <row r="72" spans="1:4" ht="18" customHeight="1" x14ac:dyDescent="0.2">
      <c r="A72" s="31">
        <v>55</v>
      </c>
      <c r="B72" s="27">
        <v>10</v>
      </c>
      <c r="C72" s="28">
        <v>15</v>
      </c>
      <c r="D72" s="29">
        <v>25</v>
      </c>
    </row>
    <row r="73" spans="1:4" ht="18" customHeight="1" x14ac:dyDescent="0.2">
      <c r="A73" s="31">
        <v>56</v>
      </c>
      <c r="B73" s="27">
        <v>13</v>
      </c>
      <c r="C73" s="28">
        <v>7</v>
      </c>
      <c r="D73" s="29">
        <v>20</v>
      </c>
    </row>
    <row r="74" spans="1:4" ht="18" customHeight="1" x14ac:dyDescent="0.2">
      <c r="A74" s="31">
        <v>57</v>
      </c>
      <c r="B74" s="27">
        <v>6</v>
      </c>
      <c r="C74" s="28">
        <v>7</v>
      </c>
      <c r="D74" s="29">
        <v>13</v>
      </c>
    </row>
    <row r="75" spans="1:4" ht="18" customHeight="1" x14ac:dyDescent="0.2">
      <c r="A75" s="31">
        <v>58</v>
      </c>
      <c r="B75" s="27">
        <v>6</v>
      </c>
      <c r="C75" s="28">
        <v>10</v>
      </c>
      <c r="D75" s="29">
        <v>16</v>
      </c>
    </row>
    <row r="76" spans="1:4" ht="18" customHeight="1" x14ac:dyDescent="0.2">
      <c r="A76" s="31">
        <v>59</v>
      </c>
      <c r="B76" s="27">
        <v>14</v>
      </c>
      <c r="C76" s="28">
        <v>8</v>
      </c>
      <c r="D76" s="29">
        <v>22</v>
      </c>
    </row>
    <row r="77" spans="1:4" ht="18" customHeight="1" x14ac:dyDescent="0.2">
      <c r="A77" s="31" t="s">
        <v>78</v>
      </c>
      <c r="B77" s="27">
        <v>49</v>
      </c>
      <c r="C77" s="28">
        <v>47</v>
      </c>
      <c r="D77" s="29">
        <v>96</v>
      </c>
    </row>
    <row r="78" spans="1:4" ht="18" customHeight="1" x14ac:dyDescent="0.2">
      <c r="A78" s="31">
        <v>60</v>
      </c>
      <c r="B78" s="27">
        <v>10</v>
      </c>
      <c r="C78" s="28">
        <v>9</v>
      </c>
      <c r="D78" s="29">
        <v>19</v>
      </c>
    </row>
    <row r="79" spans="1:4" ht="18" customHeight="1" x14ac:dyDescent="0.2">
      <c r="A79" s="31">
        <v>61</v>
      </c>
      <c r="B79" s="27">
        <v>12</v>
      </c>
      <c r="C79" s="28">
        <v>14</v>
      </c>
      <c r="D79" s="29">
        <v>26</v>
      </c>
    </row>
    <row r="80" spans="1:4" ht="18" customHeight="1" x14ac:dyDescent="0.2">
      <c r="A80" s="31">
        <v>62</v>
      </c>
      <c r="B80" s="27">
        <v>11</v>
      </c>
      <c r="C80" s="28">
        <v>4</v>
      </c>
      <c r="D80" s="29">
        <v>15</v>
      </c>
    </row>
    <row r="81" spans="1:4" ht="18" customHeight="1" x14ac:dyDescent="0.2">
      <c r="A81" s="31">
        <v>63</v>
      </c>
      <c r="B81" s="27">
        <v>3</v>
      </c>
      <c r="C81" s="28">
        <v>6</v>
      </c>
      <c r="D81" s="29">
        <v>9</v>
      </c>
    </row>
    <row r="82" spans="1:4" ht="18" customHeight="1" x14ac:dyDescent="0.2">
      <c r="A82" s="31">
        <v>64</v>
      </c>
      <c r="B82" s="27">
        <v>9</v>
      </c>
      <c r="C82" s="28">
        <v>8</v>
      </c>
      <c r="D82" s="29">
        <v>17</v>
      </c>
    </row>
    <row r="83" spans="1:4" ht="18" customHeight="1" x14ac:dyDescent="0.2">
      <c r="A83" s="31" t="s">
        <v>79</v>
      </c>
      <c r="B83" s="27">
        <v>45</v>
      </c>
      <c r="C83" s="28">
        <v>41</v>
      </c>
      <c r="D83" s="29">
        <v>86</v>
      </c>
    </row>
    <row r="84" spans="1:4" ht="18" customHeight="1" x14ac:dyDescent="0.2">
      <c r="A84" s="31" t="s">
        <v>80</v>
      </c>
      <c r="B84" s="27">
        <v>286</v>
      </c>
      <c r="C84" s="28">
        <v>274</v>
      </c>
      <c r="D84" s="29">
        <v>560</v>
      </c>
    </row>
    <row r="85" spans="1:4" ht="18" customHeight="1" x14ac:dyDescent="0.2">
      <c r="A85" s="31">
        <v>65</v>
      </c>
      <c r="B85" s="27">
        <v>9</v>
      </c>
      <c r="C85" s="28">
        <v>5</v>
      </c>
      <c r="D85" s="29">
        <v>14</v>
      </c>
    </row>
    <row r="86" spans="1:4" ht="18" customHeight="1" x14ac:dyDescent="0.2">
      <c r="A86" s="31">
        <v>66</v>
      </c>
      <c r="B86" s="27">
        <v>7</v>
      </c>
      <c r="C86" s="28">
        <v>3</v>
      </c>
      <c r="D86" s="29">
        <v>10</v>
      </c>
    </row>
    <row r="87" spans="1:4" ht="18" customHeight="1" x14ac:dyDescent="0.2">
      <c r="A87" s="31">
        <v>67</v>
      </c>
      <c r="B87" s="27">
        <v>5</v>
      </c>
      <c r="C87" s="28">
        <v>9</v>
      </c>
      <c r="D87" s="29">
        <v>14</v>
      </c>
    </row>
    <row r="88" spans="1:4" ht="18" customHeight="1" x14ac:dyDescent="0.2">
      <c r="A88" s="31">
        <v>68</v>
      </c>
      <c r="B88" s="27">
        <v>6</v>
      </c>
      <c r="C88" s="28">
        <v>3</v>
      </c>
      <c r="D88" s="29">
        <v>9</v>
      </c>
    </row>
    <row r="89" spans="1:4" ht="18" customHeight="1" x14ac:dyDescent="0.2">
      <c r="A89" s="31">
        <v>69</v>
      </c>
      <c r="B89" s="27">
        <v>3</v>
      </c>
      <c r="C89" s="28">
        <v>8</v>
      </c>
      <c r="D89" s="29">
        <v>11</v>
      </c>
    </row>
    <row r="90" spans="1:4" ht="18" customHeight="1" x14ac:dyDescent="0.2">
      <c r="A90" s="31" t="s">
        <v>81</v>
      </c>
      <c r="B90" s="27">
        <v>30</v>
      </c>
      <c r="C90" s="28">
        <v>28</v>
      </c>
      <c r="D90" s="29">
        <v>58</v>
      </c>
    </row>
    <row r="91" spans="1:4" ht="18" customHeight="1" x14ac:dyDescent="0.2">
      <c r="A91" s="31">
        <v>70</v>
      </c>
      <c r="B91" s="27">
        <v>6</v>
      </c>
      <c r="C91" s="28">
        <v>8</v>
      </c>
      <c r="D91" s="29">
        <v>14</v>
      </c>
    </row>
    <row r="92" spans="1:4" ht="18" customHeight="1" x14ac:dyDescent="0.2">
      <c r="A92" s="31">
        <v>71</v>
      </c>
      <c r="B92" s="27">
        <v>4</v>
      </c>
      <c r="C92" s="28">
        <v>8</v>
      </c>
      <c r="D92" s="29">
        <v>12</v>
      </c>
    </row>
    <row r="93" spans="1:4" ht="18" customHeight="1" x14ac:dyDescent="0.2">
      <c r="A93" s="31">
        <v>72</v>
      </c>
      <c r="B93" s="27">
        <v>3</v>
      </c>
      <c r="C93" s="28">
        <v>12</v>
      </c>
      <c r="D93" s="29">
        <v>15</v>
      </c>
    </row>
    <row r="94" spans="1:4" ht="18" customHeight="1" x14ac:dyDescent="0.2">
      <c r="A94" s="31">
        <v>73</v>
      </c>
      <c r="B94" s="27">
        <v>6</v>
      </c>
      <c r="C94" s="28">
        <v>4</v>
      </c>
      <c r="D94" s="29">
        <v>10</v>
      </c>
    </row>
    <row r="95" spans="1:4" ht="18" customHeight="1" x14ac:dyDescent="0.2">
      <c r="A95" s="31">
        <v>74</v>
      </c>
      <c r="B95" s="27">
        <v>12</v>
      </c>
      <c r="C95" s="28">
        <v>6</v>
      </c>
      <c r="D95" s="29">
        <v>18</v>
      </c>
    </row>
    <row r="96" spans="1:4" ht="18" customHeight="1" x14ac:dyDescent="0.2">
      <c r="A96" s="31" t="s">
        <v>82</v>
      </c>
      <c r="B96" s="27">
        <v>31</v>
      </c>
      <c r="C96" s="28">
        <v>38</v>
      </c>
      <c r="D96" s="29">
        <v>69</v>
      </c>
    </row>
    <row r="97" spans="1:4" ht="18" customHeight="1" x14ac:dyDescent="0.2">
      <c r="A97" s="31">
        <v>75</v>
      </c>
      <c r="B97" s="27">
        <v>8</v>
      </c>
      <c r="C97" s="28">
        <v>7</v>
      </c>
      <c r="D97" s="29">
        <v>15</v>
      </c>
    </row>
    <row r="98" spans="1:4" ht="18" customHeight="1" x14ac:dyDescent="0.2">
      <c r="A98" s="31">
        <v>76</v>
      </c>
      <c r="B98" s="27">
        <v>7</v>
      </c>
      <c r="C98" s="28">
        <v>7</v>
      </c>
      <c r="D98" s="29">
        <v>14</v>
      </c>
    </row>
    <row r="99" spans="1:4" ht="18" customHeight="1" x14ac:dyDescent="0.2">
      <c r="A99" s="31">
        <v>77</v>
      </c>
      <c r="B99" s="27">
        <v>6</v>
      </c>
      <c r="C99" s="28">
        <v>14</v>
      </c>
      <c r="D99" s="29">
        <v>20</v>
      </c>
    </row>
    <row r="100" spans="1:4" ht="18" customHeight="1" x14ac:dyDescent="0.2">
      <c r="A100" s="31">
        <v>78</v>
      </c>
      <c r="B100" s="27">
        <v>3</v>
      </c>
      <c r="C100" s="28">
        <v>6</v>
      </c>
      <c r="D100" s="29">
        <v>9</v>
      </c>
    </row>
    <row r="101" spans="1:4" ht="18" customHeight="1" x14ac:dyDescent="0.2">
      <c r="A101" s="31">
        <v>79</v>
      </c>
      <c r="B101" s="27">
        <v>3</v>
      </c>
      <c r="C101" s="28">
        <v>7</v>
      </c>
      <c r="D101" s="29">
        <v>10</v>
      </c>
    </row>
    <row r="102" spans="1:4" ht="18" customHeight="1" x14ac:dyDescent="0.2">
      <c r="A102" s="31" t="s">
        <v>83</v>
      </c>
      <c r="B102" s="27">
        <v>27</v>
      </c>
      <c r="C102" s="28">
        <v>41</v>
      </c>
      <c r="D102" s="29">
        <v>68</v>
      </c>
    </row>
    <row r="103" spans="1:4" ht="18" customHeight="1" x14ac:dyDescent="0.2">
      <c r="A103" s="31">
        <v>80</v>
      </c>
      <c r="B103" s="27">
        <v>6</v>
      </c>
      <c r="C103" s="28">
        <v>15</v>
      </c>
      <c r="D103" s="29">
        <v>21</v>
      </c>
    </row>
    <row r="104" spans="1:4" ht="18" customHeight="1" x14ac:dyDescent="0.2">
      <c r="A104" s="31">
        <v>81</v>
      </c>
      <c r="B104" s="27">
        <v>5</v>
      </c>
      <c r="C104" s="28">
        <v>10</v>
      </c>
      <c r="D104" s="29">
        <v>15</v>
      </c>
    </row>
    <row r="105" spans="1:4" ht="18" customHeight="1" x14ac:dyDescent="0.2">
      <c r="A105" s="31">
        <v>82</v>
      </c>
      <c r="B105" s="27">
        <v>7</v>
      </c>
      <c r="C105" s="28">
        <v>5</v>
      </c>
      <c r="D105" s="29">
        <v>12</v>
      </c>
    </row>
    <row r="106" spans="1:4" ht="18" customHeight="1" x14ac:dyDescent="0.2">
      <c r="A106" s="31">
        <v>83</v>
      </c>
      <c r="B106" s="27">
        <v>4</v>
      </c>
      <c r="C106" s="28">
        <v>12</v>
      </c>
      <c r="D106" s="29">
        <v>16</v>
      </c>
    </row>
    <row r="107" spans="1:4" ht="18" customHeight="1" x14ac:dyDescent="0.2">
      <c r="A107" s="31">
        <v>84</v>
      </c>
      <c r="B107" s="27">
        <v>2</v>
      </c>
      <c r="C107" s="28">
        <v>3</v>
      </c>
      <c r="D107" s="29">
        <v>5</v>
      </c>
    </row>
    <row r="108" spans="1:4" ht="18" customHeight="1" x14ac:dyDescent="0.2">
      <c r="A108" s="31" t="s">
        <v>84</v>
      </c>
      <c r="B108" s="27">
        <v>24</v>
      </c>
      <c r="C108" s="28">
        <v>45</v>
      </c>
      <c r="D108" s="29">
        <v>69</v>
      </c>
    </row>
    <row r="109" spans="1:4" ht="18" customHeight="1" x14ac:dyDescent="0.2">
      <c r="A109" s="31">
        <v>85</v>
      </c>
      <c r="B109" s="27">
        <v>6</v>
      </c>
      <c r="C109" s="28">
        <v>1</v>
      </c>
      <c r="D109" s="29">
        <v>7</v>
      </c>
    </row>
    <row r="110" spans="1:4" ht="18" customHeight="1" x14ac:dyDescent="0.2">
      <c r="A110" s="31">
        <v>86</v>
      </c>
      <c r="B110" s="27">
        <v>3</v>
      </c>
      <c r="C110" s="28">
        <v>7</v>
      </c>
      <c r="D110" s="29">
        <v>10</v>
      </c>
    </row>
    <row r="111" spans="1:4" ht="18" customHeight="1" x14ac:dyDescent="0.2">
      <c r="A111" s="31">
        <v>87</v>
      </c>
      <c r="B111" s="27">
        <v>3</v>
      </c>
      <c r="C111" s="28">
        <v>6</v>
      </c>
      <c r="D111" s="29">
        <v>9</v>
      </c>
    </row>
    <row r="112" spans="1:4" ht="18" customHeight="1" x14ac:dyDescent="0.2">
      <c r="A112" s="31">
        <v>88</v>
      </c>
      <c r="B112" s="27">
        <v>1</v>
      </c>
      <c r="C112" s="28">
        <v>6</v>
      </c>
      <c r="D112" s="29">
        <v>7</v>
      </c>
    </row>
    <row r="113" spans="1:4" ht="18" customHeight="1" x14ac:dyDescent="0.2">
      <c r="A113" s="31">
        <v>89</v>
      </c>
      <c r="B113" s="27">
        <v>2</v>
      </c>
      <c r="C113" s="28">
        <v>0</v>
      </c>
      <c r="D113" s="29">
        <v>2</v>
      </c>
    </row>
    <row r="114" spans="1:4" ht="18" customHeight="1" x14ac:dyDescent="0.2">
      <c r="A114" s="31" t="s">
        <v>85</v>
      </c>
      <c r="B114" s="27">
        <v>15</v>
      </c>
      <c r="C114" s="28">
        <v>20</v>
      </c>
      <c r="D114" s="29">
        <v>35</v>
      </c>
    </row>
    <row r="115" spans="1:4" ht="18" customHeight="1" x14ac:dyDescent="0.2">
      <c r="A115" s="31">
        <v>90</v>
      </c>
      <c r="B115" s="27">
        <v>0</v>
      </c>
      <c r="C115" s="28">
        <v>2</v>
      </c>
      <c r="D115" s="29">
        <v>2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1</v>
      </c>
      <c r="C117" s="28">
        <v>3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86</v>
      </c>
      <c r="B120" s="27">
        <v>3</v>
      </c>
      <c r="C120" s="28">
        <v>6</v>
      </c>
      <c r="D120" s="29">
        <v>9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130</v>
      </c>
      <c r="C130" s="5">
        <v>182</v>
      </c>
      <c r="D130" s="6">
        <v>312</v>
      </c>
    </row>
    <row r="131" spans="1:4" ht="18" customHeight="1" x14ac:dyDescent="0.2">
      <c r="A131" s="33" t="s">
        <v>65</v>
      </c>
      <c r="B131" s="7">
        <v>464</v>
      </c>
      <c r="C131" s="8">
        <v>497</v>
      </c>
      <c r="D131" s="9">
        <v>96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3</v>
      </c>
      <c r="C5" s="37">
        <v>1</v>
      </c>
      <c r="D5" s="39">
        <v>4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3</v>
      </c>
      <c r="C8" s="28">
        <v>3</v>
      </c>
      <c r="D8" s="29">
        <v>6</v>
      </c>
    </row>
    <row r="9" spans="1:4" ht="18" customHeight="1" x14ac:dyDescent="0.2">
      <c r="A9" s="31">
        <v>4</v>
      </c>
      <c r="B9" s="36">
        <v>2</v>
      </c>
      <c r="C9" s="38">
        <v>2</v>
      </c>
      <c r="D9" s="40">
        <v>4</v>
      </c>
    </row>
    <row r="10" spans="1:4" ht="18" customHeight="1" x14ac:dyDescent="0.2">
      <c r="A10" s="31" t="s">
        <v>66</v>
      </c>
      <c r="B10" s="27">
        <v>11</v>
      </c>
      <c r="C10" s="28">
        <v>8</v>
      </c>
      <c r="D10" s="29">
        <v>19</v>
      </c>
    </row>
    <row r="11" spans="1:4" ht="18" customHeight="1" x14ac:dyDescent="0.2">
      <c r="A11" s="31">
        <v>5</v>
      </c>
      <c r="B11" s="35">
        <v>4</v>
      </c>
      <c r="C11" s="28">
        <v>3</v>
      </c>
      <c r="D11" s="29">
        <v>7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2</v>
      </c>
      <c r="C13" s="28">
        <v>4</v>
      </c>
      <c r="D13" s="29">
        <v>6</v>
      </c>
    </row>
    <row r="14" spans="1:4" ht="18" customHeight="1" x14ac:dyDescent="0.2">
      <c r="A14" s="31">
        <v>8</v>
      </c>
      <c r="B14" s="35">
        <v>3</v>
      </c>
      <c r="C14" s="28">
        <v>1</v>
      </c>
      <c r="D14" s="29">
        <v>4</v>
      </c>
    </row>
    <row r="15" spans="1:4" ht="18" customHeight="1" x14ac:dyDescent="0.2">
      <c r="A15" s="31">
        <v>9</v>
      </c>
      <c r="B15" s="35">
        <v>2</v>
      </c>
      <c r="C15" s="28">
        <v>6</v>
      </c>
      <c r="D15" s="29">
        <v>8</v>
      </c>
    </row>
    <row r="16" spans="1:4" ht="18" customHeight="1" x14ac:dyDescent="0.2">
      <c r="A16" s="31" t="s">
        <v>67</v>
      </c>
      <c r="B16" s="27">
        <v>13</v>
      </c>
      <c r="C16" s="28">
        <v>14</v>
      </c>
      <c r="D16" s="29">
        <v>27</v>
      </c>
    </row>
    <row r="17" spans="1:4" ht="18" customHeight="1" x14ac:dyDescent="0.2">
      <c r="A17" s="31">
        <v>10</v>
      </c>
      <c r="B17" s="27">
        <v>4</v>
      </c>
      <c r="C17" s="28">
        <v>3</v>
      </c>
      <c r="D17" s="29">
        <v>7</v>
      </c>
    </row>
    <row r="18" spans="1:4" ht="18" customHeight="1" x14ac:dyDescent="0.2">
      <c r="A18" s="31">
        <v>11</v>
      </c>
      <c r="B18" s="27">
        <v>1</v>
      </c>
      <c r="C18" s="28">
        <v>0</v>
      </c>
      <c r="D18" s="29">
        <v>1</v>
      </c>
    </row>
    <row r="19" spans="1:4" ht="18" customHeight="1" x14ac:dyDescent="0.2">
      <c r="A19" s="31">
        <v>12</v>
      </c>
      <c r="B19" s="27">
        <v>3</v>
      </c>
      <c r="C19" s="28">
        <v>2</v>
      </c>
      <c r="D19" s="29">
        <v>5</v>
      </c>
    </row>
    <row r="20" spans="1:4" ht="18" customHeight="1" x14ac:dyDescent="0.2">
      <c r="A20" s="31">
        <v>13</v>
      </c>
      <c r="B20" s="27">
        <v>6</v>
      </c>
      <c r="C20" s="28">
        <v>2</v>
      </c>
      <c r="D20" s="29">
        <v>8</v>
      </c>
    </row>
    <row r="21" spans="1:4" ht="18" customHeight="1" x14ac:dyDescent="0.2">
      <c r="A21" s="31">
        <v>14</v>
      </c>
      <c r="B21" s="27">
        <v>1</v>
      </c>
      <c r="C21" s="28">
        <v>2</v>
      </c>
      <c r="D21" s="29">
        <v>3</v>
      </c>
    </row>
    <row r="22" spans="1:4" ht="18" customHeight="1" x14ac:dyDescent="0.2">
      <c r="A22" s="31" t="s">
        <v>68</v>
      </c>
      <c r="B22" s="27">
        <v>15</v>
      </c>
      <c r="C22" s="28">
        <v>9</v>
      </c>
      <c r="D22" s="29">
        <v>24</v>
      </c>
    </row>
    <row r="23" spans="1:4" ht="18" customHeight="1" x14ac:dyDescent="0.2">
      <c r="A23" s="31" t="s">
        <v>69</v>
      </c>
      <c r="B23" s="27">
        <v>39</v>
      </c>
      <c r="C23" s="28">
        <v>31</v>
      </c>
      <c r="D23" s="29">
        <v>70</v>
      </c>
    </row>
    <row r="24" spans="1:4" ht="18" customHeight="1" x14ac:dyDescent="0.2">
      <c r="A24" s="31">
        <v>15</v>
      </c>
      <c r="B24" s="27">
        <v>0</v>
      </c>
      <c r="C24" s="28">
        <v>3</v>
      </c>
      <c r="D24" s="29">
        <v>3</v>
      </c>
    </row>
    <row r="25" spans="1:4" ht="18" customHeight="1" x14ac:dyDescent="0.2">
      <c r="A25" s="31">
        <v>16</v>
      </c>
      <c r="B25" s="27">
        <v>1</v>
      </c>
      <c r="C25" s="28">
        <v>3</v>
      </c>
      <c r="D25" s="29">
        <v>4</v>
      </c>
    </row>
    <row r="26" spans="1:4" ht="18" customHeight="1" x14ac:dyDescent="0.2">
      <c r="A26" s="31">
        <v>17</v>
      </c>
      <c r="B26" s="27">
        <v>2</v>
      </c>
      <c r="C26" s="28">
        <v>3</v>
      </c>
      <c r="D26" s="29">
        <v>5</v>
      </c>
    </row>
    <row r="27" spans="1:4" ht="18" customHeight="1" x14ac:dyDescent="0.2">
      <c r="A27" s="31">
        <v>18</v>
      </c>
      <c r="B27" s="27">
        <v>5</v>
      </c>
      <c r="C27" s="28">
        <v>2</v>
      </c>
      <c r="D27" s="29">
        <v>7</v>
      </c>
    </row>
    <row r="28" spans="1:4" ht="18" customHeight="1" x14ac:dyDescent="0.2">
      <c r="A28" s="31">
        <v>19</v>
      </c>
      <c r="B28" s="27">
        <v>1</v>
      </c>
      <c r="C28" s="28">
        <v>2</v>
      </c>
      <c r="D28" s="29">
        <v>3</v>
      </c>
    </row>
    <row r="29" spans="1:4" ht="18" customHeight="1" x14ac:dyDescent="0.2">
      <c r="A29" s="31" t="s">
        <v>70</v>
      </c>
      <c r="B29" s="27">
        <v>9</v>
      </c>
      <c r="C29" s="28">
        <v>13</v>
      </c>
      <c r="D29" s="29">
        <v>22</v>
      </c>
    </row>
    <row r="30" spans="1:4" ht="18" customHeight="1" x14ac:dyDescent="0.2">
      <c r="A30" s="31">
        <v>20</v>
      </c>
      <c r="B30" s="27">
        <v>2</v>
      </c>
      <c r="C30" s="28">
        <v>6</v>
      </c>
      <c r="D30" s="29">
        <v>8</v>
      </c>
    </row>
    <row r="31" spans="1:4" ht="18" customHeight="1" x14ac:dyDescent="0.2">
      <c r="A31" s="31">
        <v>21</v>
      </c>
      <c r="B31" s="27">
        <v>5</v>
      </c>
      <c r="C31" s="28">
        <v>1</v>
      </c>
      <c r="D31" s="29">
        <v>6</v>
      </c>
    </row>
    <row r="32" spans="1:4" ht="18" customHeight="1" x14ac:dyDescent="0.2">
      <c r="A32" s="31">
        <v>22</v>
      </c>
      <c r="B32" s="27">
        <v>4</v>
      </c>
      <c r="C32" s="28">
        <v>2</v>
      </c>
      <c r="D32" s="29">
        <v>6</v>
      </c>
    </row>
    <row r="33" spans="1:4" ht="18" customHeight="1" x14ac:dyDescent="0.2">
      <c r="A33" s="31">
        <v>23</v>
      </c>
      <c r="B33" s="27">
        <v>3</v>
      </c>
      <c r="C33" s="28">
        <v>5</v>
      </c>
      <c r="D33" s="29">
        <v>8</v>
      </c>
    </row>
    <row r="34" spans="1:4" ht="18" customHeight="1" x14ac:dyDescent="0.2">
      <c r="A34" s="31">
        <v>24</v>
      </c>
      <c r="B34" s="27">
        <v>0</v>
      </c>
      <c r="C34" s="28">
        <v>2</v>
      </c>
      <c r="D34" s="29">
        <v>2</v>
      </c>
    </row>
    <row r="35" spans="1:4" ht="18" customHeight="1" x14ac:dyDescent="0.2">
      <c r="A35" s="31" t="s">
        <v>71</v>
      </c>
      <c r="B35" s="27">
        <v>14</v>
      </c>
      <c r="C35" s="28">
        <v>16</v>
      </c>
      <c r="D35" s="29">
        <v>30</v>
      </c>
    </row>
    <row r="36" spans="1:4" ht="18" customHeight="1" x14ac:dyDescent="0.2">
      <c r="A36" s="31">
        <v>25</v>
      </c>
      <c r="B36" s="27">
        <v>2</v>
      </c>
      <c r="C36" s="28">
        <v>2</v>
      </c>
      <c r="D36" s="29">
        <v>4</v>
      </c>
    </row>
    <row r="37" spans="1:4" ht="18" customHeight="1" x14ac:dyDescent="0.2">
      <c r="A37" s="31">
        <v>26</v>
      </c>
      <c r="B37" s="27">
        <v>1</v>
      </c>
      <c r="C37" s="28">
        <v>4</v>
      </c>
      <c r="D37" s="29">
        <v>5</v>
      </c>
    </row>
    <row r="38" spans="1:4" ht="18" customHeight="1" x14ac:dyDescent="0.2">
      <c r="A38" s="31">
        <v>27</v>
      </c>
      <c r="B38" s="27">
        <v>1</v>
      </c>
      <c r="C38" s="28">
        <v>4</v>
      </c>
      <c r="D38" s="29">
        <v>5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72</v>
      </c>
      <c r="B41" s="27">
        <v>7</v>
      </c>
      <c r="C41" s="28">
        <v>12</v>
      </c>
      <c r="D41" s="29">
        <v>19</v>
      </c>
    </row>
    <row r="42" spans="1:4" ht="18" customHeight="1" x14ac:dyDescent="0.2">
      <c r="A42" s="31">
        <v>30</v>
      </c>
      <c r="B42" s="27">
        <v>1</v>
      </c>
      <c r="C42" s="28">
        <v>3</v>
      </c>
      <c r="D42" s="29">
        <v>4</v>
      </c>
    </row>
    <row r="43" spans="1:4" ht="18" customHeight="1" x14ac:dyDescent="0.2">
      <c r="A43" s="31">
        <v>31</v>
      </c>
      <c r="B43" s="27">
        <v>3</v>
      </c>
      <c r="C43" s="28">
        <v>2</v>
      </c>
      <c r="D43" s="29">
        <v>5</v>
      </c>
    </row>
    <row r="44" spans="1:4" ht="18" customHeight="1" x14ac:dyDescent="0.2">
      <c r="A44" s="31">
        <v>32</v>
      </c>
      <c r="B44" s="27">
        <v>5</v>
      </c>
      <c r="C44" s="28">
        <v>4</v>
      </c>
      <c r="D44" s="29">
        <v>9</v>
      </c>
    </row>
    <row r="45" spans="1:4" ht="18" customHeight="1" x14ac:dyDescent="0.2">
      <c r="A45" s="31">
        <v>33</v>
      </c>
      <c r="B45" s="27">
        <v>3</v>
      </c>
      <c r="C45" s="28">
        <v>2</v>
      </c>
      <c r="D45" s="29">
        <v>5</v>
      </c>
    </row>
    <row r="46" spans="1:4" ht="18" customHeight="1" x14ac:dyDescent="0.2">
      <c r="A46" s="31">
        <v>34</v>
      </c>
      <c r="B46" s="27">
        <v>7</v>
      </c>
      <c r="C46" s="28">
        <v>5</v>
      </c>
      <c r="D46" s="29">
        <v>12</v>
      </c>
    </row>
    <row r="47" spans="1:4" ht="18" customHeight="1" x14ac:dyDescent="0.2">
      <c r="A47" s="31" t="s">
        <v>73</v>
      </c>
      <c r="B47" s="27">
        <v>19</v>
      </c>
      <c r="C47" s="28">
        <v>16</v>
      </c>
      <c r="D47" s="29">
        <v>35</v>
      </c>
    </row>
    <row r="48" spans="1:4" ht="18" customHeight="1" x14ac:dyDescent="0.2">
      <c r="A48" s="31">
        <v>35</v>
      </c>
      <c r="B48" s="27">
        <v>3</v>
      </c>
      <c r="C48" s="28">
        <v>1</v>
      </c>
      <c r="D48" s="29">
        <v>4</v>
      </c>
    </row>
    <row r="49" spans="1:4" ht="18" customHeight="1" x14ac:dyDescent="0.2">
      <c r="A49" s="31">
        <v>36</v>
      </c>
      <c r="B49" s="27">
        <v>2</v>
      </c>
      <c r="C49" s="28">
        <v>4</v>
      </c>
      <c r="D49" s="29">
        <v>6</v>
      </c>
    </row>
    <row r="50" spans="1:4" ht="18" customHeight="1" x14ac:dyDescent="0.2">
      <c r="A50" s="31">
        <v>37</v>
      </c>
      <c r="B50" s="27">
        <v>2</v>
      </c>
      <c r="C50" s="28">
        <v>3</v>
      </c>
      <c r="D50" s="29">
        <v>5</v>
      </c>
    </row>
    <row r="51" spans="1:4" ht="18" customHeight="1" x14ac:dyDescent="0.2">
      <c r="A51" s="31">
        <v>38</v>
      </c>
      <c r="B51" s="27">
        <v>1</v>
      </c>
      <c r="C51" s="28">
        <v>1</v>
      </c>
      <c r="D51" s="29">
        <v>2</v>
      </c>
    </row>
    <row r="52" spans="1:4" ht="18" customHeight="1" x14ac:dyDescent="0.2">
      <c r="A52" s="31">
        <v>39</v>
      </c>
      <c r="B52" s="27">
        <v>7</v>
      </c>
      <c r="C52" s="28">
        <v>0</v>
      </c>
      <c r="D52" s="29">
        <v>7</v>
      </c>
    </row>
    <row r="53" spans="1:4" ht="18" customHeight="1" x14ac:dyDescent="0.2">
      <c r="A53" s="31" t="s">
        <v>74</v>
      </c>
      <c r="B53" s="27">
        <v>15</v>
      </c>
      <c r="C53" s="28">
        <v>9</v>
      </c>
      <c r="D53" s="29">
        <v>24</v>
      </c>
    </row>
    <row r="54" spans="1:4" ht="18" customHeight="1" x14ac:dyDescent="0.2">
      <c r="A54" s="31">
        <v>40</v>
      </c>
      <c r="B54" s="27">
        <v>4</v>
      </c>
      <c r="C54" s="28">
        <v>3</v>
      </c>
      <c r="D54" s="29">
        <v>7</v>
      </c>
    </row>
    <row r="55" spans="1:4" ht="18" customHeight="1" x14ac:dyDescent="0.2">
      <c r="A55" s="31">
        <v>41</v>
      </c>
      <c r="B55" s="27">
        <v>4</v>
      </c>
      <c r="C55" s="28">
        <v>2</v>
      </c>
      <c r="D55" s="29">
        <v>6</v>
      </c>
    </row>
    <row r="56" spans="1:4" ht="18" customHeight="1" x14ac:dyDescent="0.2">
      <c r="A56" s="31">
        <v>42</v>
      </c>
      <c r="B56" s="27">
        <v>3</v>
      </c>
      <c r="C56" s="28">
        <v>4</v>
      </c>
      <c r="D56" s="29">
        <v>7</v>
      </c>
    </row>
    <row r="57" spans="1:4" ht="18" customHeight="1" x14ac:dyDescent="0.2">
      <c r="A57" s="31">
        <v>43</v>
      </c>
      <c r="B57" s="27">
        <v>1</v>
      </c>
      <c r="C57" s="28">
        <v>2</v>
      </c>
      <c r="D57" s="29">
        <v>3</v>
      </c>
    </row>
    <row r="58" spans="1:4" ht="18" customHeight="1" x14ac:dyDescent="0.2">
      <c r="A58" s="31">
        <v>44</v>
      </c>
      <c r="B58" s="27">
        <v>4</v>
      </c>
      <c r="C58" s="28">
        <v>5</v>
      </c>
      <c r="D58" s="29">
        <v>9</v>
      </c>
    </row>
    <row r="59" spans="1:4" ht="18" customHeight="1" x14ac:dyDescent="0.2">
      <c r="A59" s="31" t="s">
        <v>75</v>
      </c>
      <c r="B59" s="27">
        <v>16</v>
      </c>
      <c r="C59" s="28">
        <v>16</v>
      </c>
      <c r="D59" s="29">
        <v>32</v>
      </c>
    </row>
    <row r="60" spans="1:4" ht="18" customHeight="1" x14ac:dyDescent="0.2">
      <c r="A60" s="31">
        <v>45</v>
      </c>
      <c r="B60" s="27">
        <v>4</v>
      </c>
      <c r="C60" s="28">
        <v>0</v>
      </c>
      <c r="D60" s="29">
        <v>4</v>
      </c>
    </row>
    <row r="61" spans="1:4" ht="18" customHeight="1" x14ac:dyDescent="0.2">
      <c r="A61" s="31">
        <v>46</v>
      </c>
      <c r="B61" s="27">
        <v>0</v>
      </c>
      <c r="C61" s="28">
        <v>5</v>
      </c>
      <c r="D61" s="29">
        <v>5</v>
      </c>
    </row>
    <row r="62" spans="1:4" ht="18" customHeight="1" x14ac:dyDescent="0.2">
      <c r="A62" s="31">
        <v>47</v>
      </c>
      <c r="B62" s="27">
        <v>1</v>
      </c>
      <c r="C62" s="28">
        <v>3</v>
      </c>
      <c r="D62" s="29">
        <v>4</v>
      </c>
    </row>
    <row r="63" spans="1:4" ht="18" customHeight="1" x14ac:dyDescent="0.2">
      <c r="A63" s="31">
        <v>48</v>
      </c>
      <c r="B63" s="27">
        <v>3</v>
      </c>
      <c r="C63" s="28">
        <v>4</v>
      </c>
      <c r="D63" s="29">
        <v>7</v>
      </c>
    </row>
    <row r="64" spans="1:4" ht="18" customHeight="1" x14ac:dyDescent="0.2">
      <c r="A64" s="31">
        <v>49</v>
      </c>
      <c r="B64" s="27">
        <v>4</v>
      </c>
      <c r="C64" s="28">
        <v>3</v>
      </c>
      <c r="D64" s="29">
        <v>7</v>
      </c>
    </row>
    <row r="65" spans="1:4" ht="18" customHeight="1" x14ac:dyDescent="0.2">
      <c r="A65" s="31" t="s">
        <v>76</v>
      </c>
      <c r="B65" s="27">
        <v>12</v>
      </c>
      <c r="C65" s="28">
        <v>15</v>
      </c>
      <c r="D65" s="29">
        <v>27</v>
      </c>
    </row>
    <row r="66" spans="1:4" ht="18" customHeight="1" x14ac:dyDescent="0.2">
      <c r="A66" s="31">
        <v>50</v>
      </c>
      <c r="B66" s="27">
        <v>3</v>
      </c>
      <c r="C66" s="28">
        <v>2</v>
      </c>
      <c r="D66" s="29">
        <v>5</v>
      </c>
    </row>
    <row r="67" spans="1:4" ht="18" customHeight="1" x14ac:dyDescent="0.2">
      <c r="A67" s="31">
        <v>51</v>
      </c>
      <c r="B67" s="27">
        <v>4</v>
      </c>
      <c r="C67" s="28">
        <v>1</v>
      </c>
      <c r="D67" s="29">
        <v>5</v>
      </c>
    </row>
    <row r="68" spans="1:4" ht="18" customHeight="1" x14ac:dyDescent="0.2">
      <c r="A68" s="31">
        <v>52</v>
      </c>
      <c r="B68" s="27">
        <v>4</v>
      </c>
      <c r="C68" s="28">
        <v>2</v>
      </c>
      <c r="D68" s="29">
        <v>6</v>
      </c>
    </row>
    <row r="69" spans="1:4" ht="18" customHeight="1" x14ac:dyDescent="0.2">
      <c r="A69" s="31">
        <v>53</v>
      </c>
      <c r="B69" s="27">
        <v>5</v>
      </c>
      <c r="C69" s="28">
        <v>7</v>
      </c>
      <c r="D69" s="29">
        <v>12</v>
      </c>
    </row>
    <row r="70" spans="1:4" ht="18" customHeight="1" x14ac:dyDescent="0.2">
      <c r="A70" s="31">
        <v>54</v>
      </c>
      <c r="B70" s="27">
        <v>5</v>
      </c>
      <c r="C70" s="28">
        <v>2</v>
      </c>
      <c r="D70" s="29">
        <v>7</v>
      </c>
    </row>
    <row r="71" spans="1:4" ht="18" customHeight="1" x14ac:dyDescent="0.2">
      <c r="A71" s="31" t="s">
        <v>77</v>
      </c>
      <c r="B71" s="27">
        <v>21</v>
      </c>
      <c r="C71" s="28">
        <v>14</v>
      </c>
      <c r="D71" s="29">
        <v>35</v>
      </c>
    </row>
    <row r="72" spans="1:4" ht="18" customHeight="1" x14ac:dyDescent="0.2">
      <c r="A72" s="31">
        <v>55</v>
      </c>
      <c r="B72" s="27">
        <v>6</v>
      </c>
      <c r="C72" s="28">
        <v>7</v>
      </c>
      <c r="D72" s="29">
        <v>13</v>
      </c>
    </row>
    <row r="73" spans="1:4" ht="18" customHeight="1" x14ac:dyDescent="0.2">
      <c r="A73" s="31">
        <v>56</v>
      </c>
      <c r="B73" s="27">
        <v>2</v>
      </c>
      <c r="C73" s="28">
        <v>3</v>
      </c>
      <c r="D73" s="29">
        <v>5</v>
      </c>
    </row>
    <row r="74" spans="1:4" ht="18" customHeight="1" x14ac:dyDescent="0.2">
      <c r="A74" s="31">
        <v>57</v>
      </c>
      <c r="B74" s="27">
        <v>7</v>
      </c>
      <c r="C74" s="28">
        <v>1</v>
      </c>
      <c r="D74" s="29">
        <v>8</v>
      </c>
    </row>
    <row r="75" spans="1:4" ht="18" customHeight="1" x14ac:dyDescent="0.2">
      <c r="A75" s="31">
        <v>58</v>
      </c>
      <c r="B75" s="27">
        <v>5</v>
      </c>
      <c r="C75" s="28">
        <v>7</v>
      </c>
      <c r="D75" s="29">
        <v>12</v>
      </c>
    </row>
    <row r="76" spans="1:4" ht="18" customHeight="1" x14ac:dyDescent="0.2">
      <c r="A76" s="31">
        <v>59</v>
      </c>
      <c r="B76" s="27">
        <v>6</v>
      </c>
      <c r="C76" s="28">
        <v>6</v>
      </c>
      <c r="D76" s="29">
        <v>12</v>
      </c>
    </row>
    <row r="77" spans="1:4" ht="18" customHeight="1" x14ac:dyDescent="0.2">
      <c r="A77" s="31" t="s">
        <v>78</v>
      </c>
      <c r="B77" s="27">
        <v>26</v>
      </c>
      <c r="C77" s="28">
        <v>24</v>
      </c>
      <c r="D77" s="29">
        <v>50</v>
      </c>
    </row>
    <row r="78" spans="1:4" ht="18" customHeight="1" x14ac:dyDescent="0.2">
      <c r="A78" s="31">
        <v>60</v>
      </c>
      <c r="B78" s="27">
        <v>9</v>
      </c>
      <c r="C78" s="28">
        <v>1</v>
      </c>
      <c r="D78" s="29">
        <v>10</v>
      </c>
    </row>
    <row r="79" spans="1:4" ht="18" customHeight="1" x14ac:dyDescent="0.2">
      <c r="A79" s="31">
        <v>61</v>
      </c>
      <c r="B79" s="27">
        <v>3</v>
      </c>
      <c r="C79" s="28">
        <v>5</v>
      </c>
      <c r="D79" s="29">
        <v>8</v>
      </c>
    </row>
    <row r="80" spans="1:4" ht="18" customHeight="1" x14ac:dyDescent="0.2">
      <c r="A80" s="31">
        <v>62</v>
      </c>
      <c r="B80" s="27">
        <v>7</v>
      </c>
      <c r="C80" s="28">
        <v>4</v>
      </c>
      <c r="D80" s="29">
        <v>11</v>
      </c>
    </row>
    <row r="81" spans="1:4" ht="18" customHeight="1" x14ac:dyDescent="0.2">
      <c r="A81" s="31">
        <v>63</v>
      </c>
      <c r="B81" s="27">
        <v>1</v>
      </c>
      <c r="C81" s="28">
        <v>1</v>
      </c>
      <c r="D81" s="29">
        <v>2</v>
      </c>
    </row>
    <row r="82" spans="1:4" ht="18" customHeight="1" x14ac:dyDescent="0.2">
      <c r="A82" s="31">
        <v>64</v>
      </c>
      <c r="B82" s="27">
        <v>1</v>
      </c>
      <c r="C82" s="28">
        <v>9</v>
      </c>
      <c r="D82" s="29">
        <v>10</v>
      </c>
    </row>
    <row r="83" spans="1:4" ht="18" customHeight="1" x14ac:dyDescent="0.2">
      <c r="A83" s="31" t="s">
        <v>79</v>
      </c>
      <c r="B83" s="27">
        <v>21</v>
      </c>
      <c r="C83" s="28">
        <v>20</v>
      </c>
      <c r="D83" s="29">
        <v>41</v>
      </c>
    </row>
    <row r="84" spans="1:4" ht="18" customHeight="1" x14ac:dyDescent="0.2">
      <c r="A84" s="31" t="s">
        <v>80</v>
      </c>
      <c r="B84" s="27">
        <v>160</v>
      </c>
      <c r="C84" s="28">
        <v>155</v>
      </c>
      <c r="D84" s="29">
        <v>315</v>
      </c>
    </row>
    <row r="85" spans="1:4" ht="18" customHeight="1" x14ac:dyDescent="0.2">
      <c r="A85" s="31">
        <v>65</v>
      </c>
      <c r="B85" s="27">
        <v>0</v>
      </c>
      <c r="C85" s="28">
        <v>4</v>
      </c>
      <c r="D85" s="29">
        <v>4</v>
      </c>
    </row>
    <row r="86" spans="1:4" ht="18" customHeight="1" x14ac:dyDescent="0.2">
      <c r="A86" s="31">
        <v>66</v>
      </c>
      <c r="B86" s="27">
        <v>5</v>
      </c>
      <c r="C86" s="28">
        <v>2</v>
      </c>
      <c r="D86" s="29">
        <v>7</v>
      </c>
    </row>
    <row r="87" spans="1:4" ht="18" customHeight="1" x14ac:dyDescent="0.2">
      <c r="A87" s="31">
        <v>67</v>
      </c>
      <c r="B87" s="27">
        <v>4</v>
      </c>
      <c r="C87" s="28">
        <v>1</v>
      </c>
      <c r="D87" s="29">
        <v>5</v>
      </c>
    </row>
    <row r="88" spans="1:4" ht="18" customHeight="1" x14ac:dyDescent="0.2">
      <c r="A88" s="31">
        <v>68</v>
      </c>
      <c r="B88" s="27">
        <v>4</v>
      </c>
      <c r="C88" s="28">
        <v>3</v>
      </c>
      <c r="D88" s="29">
        <v>7</v>
      </c>
    </row>
    <row r="89" spans="1:4" ht="18" customHeight="1" x14ac:dyDescent="0.2">
      <c r="A89" s="31">
        <v>69</v>
      </c>
      <c r="B89" s="27">
        <v>2</v>
      </c>
      <c r="C89" s="28">
        <v>5</v>
      </c>
      <c r="D89" s="29">
        <v>7</v>
      </c>
    </row>
    <row r="90" spans="1:4" ht="18" customHeight="1" x14ac:dyDescent="0.2">
      <c r="A90" s="31" t="s">
        <v>81</v>
      </c>
      <c r="B90" s="27">
        <v>15</v>
      </c>
      <c r="C90" s="28">
        <v>15</v>
      </c>
      <c r="D90" s="29">
        <v>30</v>
      </c>
    </row>
    <row r="91" spans="1:4" ht="18" customHeight="1" x14ac:dyDescent="0.2">
      <c r="A91" s="31">
        <v>70</v>
      </c>
      <c r="B91" s="27">
        <v>3</v>
      </c>
      <c r="C91" s="28">
        <v>7</v>
      </c>
      <c r="D91" s="29">
        <v>10</v>
      </c>
    </row>
    <row r="92" spans="1:4" ht="18" customHeight="1" x14ac:dyDescent="0.2">
      <c r="A92" s="31">
        <v>71</v>
      </c>
      <c r="B92" s="27">
        <v>3</v>
      </c>
      <c r="C92" s="28">
        <v>5</v>
      </c>
      <c r="D92" s="29">
        <v>8</v>
      </c>
    </row>
    <row r="93" spans="1:4" ht="18" customHeight="1" x14ac:dyDescent="0.2">
      <c r="A93" s="31">
        <v>72</v>
      </c>
      <c r="B93" s="27">
        <v>3</v>
      </c>
      <c r="C93" s="28">
        <v>5</v>
      </c>
      <c r="D93" s="29">
        <v>8</v>
      </c>
    </row>
    <row r="94" spans="1:4" ht="18" customHeight="1" x14ac:dyDescent="0.2">
      <c r="A94" s="31">
        <v>73</v>
      </c>
      <c r="B94" s="27">
        <v>3</v>
      </c>
      <c r="C94" s="28">
        <v>6</v>
      </c>
      <c r="D94" s="29">
        <v>9</v>
      </c>
    </row>
    <row r="95" spans="1:4" ht="18" customHeight="1" x14ac:dyDescent="0.2">
      <c r="A95" s="31">
        <v>74</v>
      </c>
      <c r="B95" s="27">
        <v>4</v>
      </c>
      <c r="C95" s="28">
        <v>4</v>
      </c>
      <c r="D95" s="29">
        <v>8</v>
      </c>
    </row>
    <row r="96" spans="1:4" ht="18" customHeight="1" x14ac:dyDescent="0.2">
      <c r="A96" s="31" t="s">
        <v>82</v>
      </c>
      <c r="B96" s="27">
        <v>16</v>
      </c>
      <c r="C96" s="28">
        <v>27</v>
      </c>
      <c r="D96" s="29">
        <v>43</v>
      </c>
    </row>
    <row r="97" spans="1:4" ht="18" customHeight="1" x14ac:dyDescent="0.2">
      <c r="A97" s="31">
        <v>75</v>
      </c>
      <c r="B97" s="27">
        <v>6</v>
      </c>
      <c r="C97" s="28">
        <v>3</v>
      </c>
      <c r="D97" s="29">
        <v>9</v>
      </c>
    </row>
    <row r="98" spans="1:4" ht="18" customHeight="1" x14ac:dyDescent="0.2">
      <c r="A98" s="31">
        <v>76</v>
      </c>
      <c r="B98" s="27">
        <v>6</v>
      </c>
      <c r="C98" s="28">
        <v>6</v>
      </c>
      <c r="D98" s="29">
        <v>12</v>
      </c>
    </row>
    <row r="99" spans="1:4" ht="18" customHeight="1" x14ac:dyDescent="0.2">
      <c r="A99" s="31">
        <v>77</v>
      </c>
      <c r="B99" s="27">
        <v>6</v>
      </c>
      <c r="C99" s="28">
        <v>5</v>
      </c>
      <c r="D99" s="29">
        <v>11</v>
      </c>
    </row>
    <row r="100" spans="1:4" ht="18" customHeight="1" x14ac:dyDescent="0.2">
      <c r="A100" s="31">
        <v>78</v>
      </c>
      <c r="B100" s="27">
        <v>4</v>
      </c>
      <c r="C100" s="28">
        <v>3</v>
      </c>
      <c r="D100" s="29">
        <v>7</v>
      </c>
    </row>
    <row r="101" spans="1:4" ht="18" customHeight="1" x14ac:dyDescent="0.2">
      <c r="A101" s="31">
        <v>79</v>
      </c>
      <c r="B101" s="27">
        <v>5</v>
      </c>
      <c r="C101" s="28">
        <v>4</v>
      </c>
      <c r="D101" s="29">
        <v>9</v>
      </c>
    </row>
    <row r="102" spans="1:4" ht="18" customHeight="1" x14ac:dyDescent="0.2">
      <c r="A102" s="31" t="s">
        <v>83</v>
      </c>
      <c r="B102" s="27">
        <v>27</v>
      </c>
      <c r="C102" s="28">
        <v>21</v>
      </c>
      <c r="D102" s="29">
        <v>48</v>
      </c>
    </row>
    <row r="103" spans="1:4" ht="18" customHeight="1" x14ac:dyDescent="0.2">
      <c r="A103" s="31">
        <v>80</v>
      </c>
      <c r="B103" s="27">
        <v>0</v>
      </c>
      <c r="C103" s="28">
        <v>2</v>
      </c>
      <c r="D103" s="29">
        <v>2</v>
      </c>
    </row>
    <row r="104" spans="1:4" ht="18" customHeight="1" x14ac:dyDescent="0.2">
      <c r="A104" s="31">
        <v>81</v>
      </c>
      <c r="B104" s="27">
        <v>4</v>
      </c>
      <c r="C104" s="28">
        <v>6</v>
      </c>
      <c r="D104" s="29">
        <v>10</v>
      </c>
    </row>
    <row r="105" spans="1:4" ht="18" customHeight="1" x14ac:dyDescent="0.2">
      <c r="A105" s="31">
        <v>82</v>
      </c>
      <c r="B105" s="27">
        <v>1</v>
      </c>
      <c r="C105" s="28">
        <v>5</v>
      </c>
      <c r="D105" s="29">
        <v>6</v>
      </c>
    </row>
    <row r="106" spans="1:4" ht="18" customHeight="1" x14ac:dyDescent="0.2">
      <c r="A106" s="31">
        <v>83</v>
      </c>
      <c r="B106" s="27">
        <v>2</v>
      </c>
      <c r="C106" s="28">
        <v>9</v>
      </c>
      <c r="D106" s="29">
        <v>11</v>
      </c>
    </row>
    <row r="107" spans="1:4" ht="18" customHeight="1" x14ac:dyDescent="0.2">
      <c r="A107" s="31">
        <v>84</v>
      </c>
      <c r="B107" s="27">
        <v>1</v>
      </c>
      <c r="C107" s="28">
        <v>4</v>
      </c>
      <c r="D107" s="29">
        <v>5</v>
      </c>
    </row>
    <row r="108" spans="1:4" ht="18" customHeight="1" x14ac:dyDescent="0.2">
      <c r="A108" s="31" t="s">
        <v>84</v>
      </c>
      <c r="B108" s="27">
        <v>8</v>
      </c>
      <c r="C108" s="28">
        <v>26</v>
      </c>
      <c r="D108" s="29">
        <v>34</v>
      </c>
    </row>
    <row r="109" spans="1:4" ht="18" customHeight="1" x14ac:dyDescent="0.2">
      <c r="A109" s="31">
        <v>85</v>
      </c>
      <c r="B109" s="27">
        <v>3</v>
      </c>
      <c r="C109" s="28">
        <v>2</v>
      </c>
      <c r="D109" s="29">
        <v>5</v>
      </c>
    </row>
    <row r="110" spans="1:4" ht="18" customHeight="1" x14ac:dyDescent="0.2">
      <c r="A110" s="31">
        <v>86</v>
      </c>
      <c r="B110" s="27">
        <v>1</v>
      </c>
      <c r="C110" s="28">
        <v>4</v>
      </c>
      <c r="D110" s="29">
        <v>5</v>
      </c>
    </row>
    <row r="111" spans="1:4" ht="18" customHeight="1" x14ac:dyDescent="0.2">
      <c r="A111" s="31">
        <v>87</v>
      </c>
      <c r="B111" s="27">
        <v>1</v>
      </c>
      <c r="C111" s="28">
        <v>2</v>
      </c>
      <c r="D111" s="29">
        <v>3</v>
      </c>
    </row>
    <row r="112" spans="1:4" ht="18" customHeight="1" x14ac:dyDescent="0.2">
      <c r="A112" s="31">
        <v>88</v>
      </c>
      <c r="B112" s="27">
        <v>3</v>
      </c>
      <c r="C112" s="28">
        <v>3</v>
      </c>
      <c r="D112" s="29">
        <v>6</v>
      </c>
    </row>
    <row r="113" spans="1:4" ht="18" customHeight="1" x14ac:dyDescent="0.2">
      <c r="A113" s="31">
        <v>89</v>
      </c>
      <c r="B113" s="27">
        <v>0</v>
      </c>
      <c r="C113" s="28">
        <v>2</v>
      </c>
      <c r="D113" s="29">
        <v>2</v>
      </c>
    </row>
    <row r="114" spans="1:4" ht="18" customHeight="1" x14ac:dyDescent="0.2">
      <c r="A114" s="31" t="s">
        <v>85</v>
      </c>
      <c r="B114" s="27">
        <v>8</v>
      </c>
      <c r="C114" s="28">
        <v>13</v>
      </c>
      <c r="D114" s="29">
        <v>21</v>
      </c>
    </row>
    <row r="115" spans="1:4" ht="18" customHeight="1" x14ac:dyDescent="0.2">
      <c r="A115" s="31">
        <v>90</v>
      </c>
      <c r="B115" s="27">
        <v>0</v>
      </c>
      <c r="C115" s="28">
        <v>3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86</v>
      </c>
      <c r="B120" s="27">
        <v>0</v>
      </c>
      <c r="C120" s="28">
        <v>8</v>
      </c>
      <c r="D120" s="29">
        <v>8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75</v>
      </c>
      <c r="C130" s="5">
        <v>111</v>
      </c>
      <c r="D130" s="6">
        <v>186</v>
      </c>
    </row>
    <row r="131" spans="1:4" ht="18" customHeight="1" x14ac:dyDescent="0.2">
      <c r="A131" s="33" t="s">
        <v>65</v>
      </c>
      <c r="B131" s="7">
        <v>274</v>
      </c>
      <c r="C131" s="8">
        <v>297</v>
      </c>
      <c r="D131" s="9">
        <v>57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8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9</v>
      </c>
      <c r="C5" s="37">
        <v>6</v>
      </c>
      <c r="D5" s="39">
        <v>15</v>
      </c>
    </row>
    <row r="6" spans="1:4" ht="18" customHeight="1" x14ac:dyDescent="0.2">
      <c r="A6" s="31">
        <v>1</v>
      </c>
      <c r="B6" s="35">
        <v>7</v>
      </c>
      <c r="C6" s="28">
        <v>8</v>
      </c>
      <c r="D6" s="29">
        <v>15</v>
      </c>
    </row>
    <row r="7" spans="1:4" ht="18" customHeight="1" x14ac:dyDescent="0.2">
      <c r="A7" s="31">
        <v>2</v>
      </c>
      <c r="B7" s="35">
        <v>3</v>
      </c>
      <c r="C7" s="28">
        <v>3</v>
      </c>
      <c r="D7" s="29">
        <v>6</v>
      </c>
    </row>
    <row r="8" spans="1:4" ht="18" customHeight="1" x14ac:dyDescent="0.2">
      <c r="A8" s="31">
        <v>3</v>
      </c>
      <c r="B8" s="35">
        <v>5</v>
      </c>
      <c r="C8" s="28">
        <v>6</v>
      </c>
      <c r="D8" s="29">
        <v>11</v>
      </c>
    </row>
    <row r="9" spans="1:4" ht="18" customHeight="1" x14ac:dyDescent="0.2">
      <c r="A9" s="31">
        <v>4</v>
      </c>
      <c r="B9" s="36">
        <v>9</v>
      </c>
      <c r="C9" s="38">
        <v>9</v>
      </c>
      <c r="D9" s="40">
        <v>18</v>
      </c>
    </row>
    <row r="10" spans="1:4" ht="18" customHeight="1" x14ac:dyDescent="0.2">
      <c r="A10" s="31" t="s">
        <v>66</v>
      </c>
      <c r="B10" s="27">
        <v>33</v>
      </c>
      <c r="C10" s="28">
        <v>32</v>
      </c>
      <c r="D10" s="29">
        <v>65</v>
      </c>
    </row>
    <row r="11" spans="1:4" ht="18" customHeight="1" x14ac:dyDescent="0.2">
      <c r="A11" s="31">
        <v>5</v>
      </c>
      <c r="B11" s="35">
        <v>6</v>
      </c>
      <c r="C11" s="28">
        <v>6</v>
      </c>
      <c r="D11" s="29">
        <v>12</v>
      </c>
    </row>
    <row r="12" spans="1:4" ht="18" customHeight="1" x14ac:dyDescent="0.2">
      <c r="A12" s="31">
        <v>6</v>
      </c>
      <c r="B12" s="35">
        <v>6</v>
      </c>
      <c r="C12" s="28">
        <v>12</v>
      </c>
      <c r="D12" s="29">
        <v>18</v>
      </c>
    </row>
    <row r="13" spans="1:4" ht="18" customHeight="1" x14ac:dyDescent="0.2">
      <c r="A13" s="31">
        <v>7</v>
      </c>
      <c r="B13" s="35">
        <v>6</v>
      </c>
      <c r="C13" s="28">
        <v>7</v>
      </c>
      <c r="D13" s="29">
        <v>13</v>
      </c>
    </row>
    <row r="14" spans="1:4" ht="18" customHeight="1" x14ac:dyDescent="0.2">
      <c r="A14" s="31">
        <v>8</v>
      </c>
      <c r="B14" s="35">
        <v>7</v>
      </c>
      <c r="C14" s="28">
        <v>14</v>
      </c>
      <c r="D14" s="29">
        <v>21</v>
      </c>
    </row>
    <row r="15" spans="1:4" ht="18" customHeight="1" x14ac:dyDescent="0.2">
      <c r="A15" s="31">
        <v>9</v>
      </c>
      <c r="B15" s="35">
        <v>7</v>
      </c>
      <c r="C15" s="28">
        <v>7</v>
      </c>
      <c r="D15" s="29">
        <v>14</v>
      </c>
    </row>
    <row r="16" spans="1:4" ht="18" customHeight="1" x14ac:dyDescent="0.2">
      <c r="A16" s="31" t="s">
        <v>67</v>
      </c>
      <c r="B16" s="27">
        <v>32</v>
      </c>
      <c r="C16" s="28">
        <v>46</v>
      </c>
      <c r="D16" s="29">
        <v>78</v>
      </c>
    </row>
    <row r="17" spans="1:4" ht="18" customHeight="1" x14ac:dyDescent="0.2">
      <c r="A17" s="31">
        <v>10</v>
      </c>
      <c r="B17" s="27">
        <v>8</v>
      </c>
      <c r="C17" s="28">
        <v>8</v>
      </c>
      <c r="D17" s="29">
        <v>16</v>
      </c>
    </row>
    <row r="18" spans="1:4" ht="18" customHeight="1" x14ac:dyDescent="0.2">
      <c r="A18" s="31">
        <v>11</v>
      </c>
      <c r="B18" s="27">
        <v>4</v>
      </c>
      <c r="C18" s="28">
        <v>7</v>
      </c>
      <c r="D18" s="29">
        <v>11</v>
      </c>
    </row>
    <row r="19" spans="1:4" ht="18" customHeight="1" x14ac:dyDescent="0.2">
      <c r="A19" s="31">
        <v>12</v>
      </c>
      <c r="B19" s="27">
        <v>9</v>
      </c>
      <c r="C19" s="28">
        <v>7</v>
      </c>
      <c r="D19" s="29">
        <v>16</v>
      </c>
    </row>
    <row r="20" spans="1:4" ht="18" customHeight="1" x14ac:dyDescent="0.2">
      <c r="A20" s="31">
        <v>13</v>
      </c>
      <c r="B20" s="27">
        <v>4</v>
      </c>
      <c r="C20" s="28">
        <v>7</v>
      </c>
      <c r="D20" s="29">
        <v>11</v>
      </c>
    </row>
    <row r="21" spans="1:4" ht="18" customHeight="1" x14ac:dyDescent="0.2">
      <c r="A21" s="31">
        <v>14</v>
      </c>
      <c r="B21" s="27">
        <v>10</v>
      </c>
      <c r="C21" s="28">
        <v>4</v>
      </c>
      <c r="D21" s="29">
        <v>14</v>
      </c>
    </row>
    <row r="22" spans="1:4" ht="18" customHeight="1" x14ac:dyDescent="0.2">
      <c r="A22" s="31" t="s">
        <v>68</v>
      </c>
      <c r="B22" s="27">
        <v>35</v>
      </c>
      <c r="C22" s="28">
        <v>33</v>
      </c>
      <c r="D22" s="29">
        <v>68</v>
      </c>
    </row>
    <row r="23" spans="1:4" ht="18" customHeight="1" x14ac:dyDescent="0.2">
      <c r="A23" s="31" t="s">
        <v>69</v>
      </c>
      <c r="B23" s="27">
        <v>100</v>
      </c>
      <c r="C23" s="28">
        <v>111</v>
      </c>
      <c r="D23" s="29">
        <v>211</v>
      </c>
    </row>
    <row r="24" spans="1:4" ht="18" customHeight="1" x14ac:dyDescent="0.2">
      <c r="A24" s="31">
        <v>15</v>
      </c>
      <c r="B24" s="27">
        <v>5</v>
      </c>
      <c r="C24" s="28">
        <v>4</v>
      </c>
      <c r="D24" s="29">
        <v>9</v>
      </c>
    </row>
    <row r="25" spans="1:4" ht="18" customHeight="1" x14ac:dyDescent="0.2">
      <c r="A25" s="31">
        <v>16</v>
      </c>
      <c r="B25" s="27">
        <v>6</v>
      </c>
      <c r="C25" s="28">
        <v>7</v>
      </c>
      <c r="D25" s="29">
        <v>13</v>
      </c>
    </row>
    <row r="26" spans="1:4" ht="18" customHeight="1" x14ac:dyDescent="0.2">
      <c r="A26" s="31">
        <v>17</v>
      </c>
      <c r="B26" s="27">
        <v>3</v>
      </c>
      <c r="C26" s="28">
        <v>5</v>
      </c>
      <c r="D26" s="29">
        <v>8</v>
      </c>
    </row>
    <row r="27" spans="1:4" ht="18" customHeight="1" x14ac:dyDescent="0.2">
      <c r="A27" s="31">
        <v>18</v>
      </c>
      <c r="B27" s="27">
        <v>6</v>
      </c>
      <c r="C27" s="28">
        <v>8</v>
      </c>
      <c r="D27" s="29">
        <v>14</v>
      </c>
    </row>
    <row r="28" spans="1:4" ht="18" customHeight="1" x14ac:dyDescent="0.2">
      <c r="A28" s="31">
        <v>19</v>
      </c>
      <c r="B28" s="27">
        <v>4</v>
      </c>
      <c r="C28" s="28">
        <v>9</v>
      </c>
      <c r="D28" s="29">
        <v>13</v>
      </c>
    </row>
    <row r="29" spans="1:4" ht="18" customHeight="1" x14ac:dyDescent="0.2">
      <c r="A29" s="31" t="s">
        <v>70</v>
      </c>
      <c r="B29" s="27">
        <v>24</v>
      </c>
      <c r="C29" s="28">
        <v>33</v>
      </c>
      <c r="D29" s="29">
        <v>57</v>
      </c>
    </row>
    <row r="30" spans="1:4" ht="18" customHeight="1" x14ac:dyDescent="0.2">
      <c r="A30" s="31">
        <v>20</v>
      </c>
      <c r="B30" s="27">
        <v>13</v>
      </c>
      <c r="C30" s="28">
        <v>10</v>
      </c>
      <c r="D30" s="29">
        <v>23</v>
      </c>
    </row>
    <row r="31" spans="1:4" ht="18" customHeight="1" x14ac:dyDescent="0.2">
      <c r="A31" s="31">
        <v>21</v>
      </c>
      <c r="B31" s="27">
        <v>9</v>
      </c>
      <c r="C31" s="28">
        <v>7</v>
      </c>
      <c r="D31" s="29">
        <v>16</v>
      </c>
    </row>
    <row r="32" spans="1:4" ht="18" customHeight="1" x14ac:dyDescent="0.2">
      <c r="A32" s="31">
        <v>22</v>
      </c>
      <c r="B32" s="27">
        <v>7</v>
      </c>
      <c r="C32" s="28">
        <v>8</v>
      </c>
      <c r="D32" s="29">
        <v>15</v>
      </c>
    </row>
    <row r="33" spans="1:4" ht="18" customHeight="1" x14ac:dyDescent="0.2">
      <c r="A33" s="31">
        <v>23</v>
      </c>
      <c r="B33" s="27">
        <v>9</v>
      </c>
      <c r="C33" s="28">
        <v>9</v>
      </c>
      <c r="D33" s="29">
        <v>18</v>
      </c>
    </row>
    <row r="34" spans="1:4" ht="18" customHeight="1" x14ac:dyDescent="0.2">
      <c r="A34" s="31">
        <v>24</v>
      </c>
      <c r="B34" s="27">
        <v>6</v>
      </c>
      <c r="C34" s="28">
        <v>9</v>
      </c>
      <c r="D34" s="29">
        <v>15</v>
      </c>
    </row>
    <row r="35" spans="1:4" ht="18" customHeight="1" x14ac:dyDescent="0.2">
      <c r="A35" s="31" t="s">
        <v>71</v>
      </c>
      <c r="B35" s="27">
        <v>44</v>
      </c>
      <c r="C35" s="28">
        <v>43</v>
      </c>
      <c r="D35" s="29">
        <v>87</v>
      </c>
    </row>
    <row r="36" spans="1:4" ht="18" customHeight="1" x14ac:dyDescent="0.2">
      <c r="A36" s="31">
        <v>25</v>
      </c>
      <c r="B36" s="27">
        <v>6</v>
      </c>
      <c r="C36" s="28">
        <v>9</v>
      </c>
      <c r="D36" s="29">
        <v>15</v>
      </c>
    </row>
    <row r="37" spans="1:4" ht="18" customHeight="1" x14ac:dyDescent="0.2">
      <c r="A37" s="31">
        <v>26</v>
      </c>
      <c r="B37" s="27">
        <v>9</v>
      </c>
      <c r="C37" s="28">
        <v>9</v>
      </c>
      <c r="D37" s="29">
        <v>18</v>
      </c>
    </row>
    <row r="38" spans="1:4" ht="18" customHeight="1" x14ac:dyDescent="0.2">
      <c r="A38" s="31">
        <v>27</v>
      </c>
      <c r="B38" s="27">
        <v>7</v>
      </c>
      <c r="C38" s="28">
        <v>9</v>
      </c>
      <c r="D38" s="29">
        <v>16</v>
      </c>
    </row>
    <row r="39" spans="1:4" ht="18" customHeight="1" x14ac:dyDescent="0.2">
      <c r="A39" s="31">
        <v>28</v>
      </c>
      <c r="B39" s="27">
        <v>8</v>
      </c>
      <c r="C39" s="28">
        <v>4</v>
      </c>
      <c r="D39" s="29">
        <v>12</v>
      </c>
    </row>
    <row r="40" spans="1:4" ht="18" customHeight="1" x14ac:dyDescent="0.2">
      <c r="A40" s="31">
        <v>29</v>
      </c>
      <c r="B40" s="27">
        <v>10</v>
      </c>
      <c r="C40" s="28">
        <v>10</v>
      </c>
      <c r="D40" s="29">
        <v>20</v>
      </c>
    </row>
    <row r="41" spans="1:4" ht="18" customHeight="1" x14ac:dyDescent="0.2">
      <c r="A41" s="31" t="s">
        <v>72</v>
      </c>
      <c r="B41" s="27">
        <v>40</v>
      </c>
      <c r="C41" s="28">
        <v>41</v>
      </c>
      <c r="D41" s="29">
        <v>81</v>
      </c>
    </row>
    <row r="42" spans="1:4" ht="18" customHeight="1" x14ac:dyDescent="0.2">
      <c r="A42" s="31">
        <v>30</v>
      </c>
      <c r="B42" s="27">
        <v>9</v>
      </c>
      <c r="C42" s="28">
        <v>4</v>
      </c>
      <c r="D42" s="29">
        <v>13</v>
      </c>
    </row>
    <row r="43" spans="1:4" ht="18" customHeight="1" x14ac:dyDescent="0.2">
      <c r="A43" s="31">
        <v>31</v>
      </c>
      <c r="B43" s="27">
        <v>8</v>
      </c>
      <c r="C43" s="28">
        <v>7</v>
      </c>
      <c r="D43" s="29">
        <v>15</v>
      </c>
    </row>
    <row r="44" spans="1:4" ht="18" customHeight="1" x14ac:dyDescent="0.2">
      <c r="A44" s="31">
        <v>32</v>
      </c>
      <c r="B44" s="27">
        <v>6</v>
      </c>
      <c r="C44" s="28">
        <v>10</v>
      </c>
      <c r="D44" s="29">
        <v>16</v>
      </c>
    </row>
    <row r="45" spans="1:4" ht="18" customHeight="1" x14ac:dyDescent="0.2">
      <c r="A45" s="31">
        <v>33</v>
      </c>
      <c r="B45" s="27">
        <v>12</v>
      </c>
      <c r="C45" s="28">
        <v>12</v>
      </c>
      <c r="D45" s="29">
        <v>24</v>
      </c>
    </row>
    <row r="46" spans="1:4" ht="18" customHeight="1" x14ac:dyDescent="0.2">
      <c r="A46" s="31">
        <v>34</v>
      </c>
      <c r="B46" s="27">
        <v>11</v>
      </c>
      <c r="C46" s="28">
        <v>9</v>
      </c>
      <c r="D46" s="29">
        <v>20</v>
      </c>
    </row>
    <row r="47" spans="1:4" ht="18" customHeight="1" x14ac:dyDescent="0.2">
      <c r="A47" s="31" t="s">
        <v>73</v>
      </c>
      <c r="B47" s="27">
        <v>46</v>
      </c>
      <c r="C47" s="28">
        <v>42</v>
      </c>
      <c r="D47" s="29">
        <v>88</v>
      </c>
    </row>
    <row r="48" spans="1:4" ht="18" customHeight="1" x14ac:dyDescent="0.2">
      <c r="A48" s="31">
        <v>35</v>
      </c>
      <c r="B48" s="27">
        <v>12</v>
      </c>
      <c r="C48" s="28">
        <v>9</v>
      </c>
      <c r="D48" s="29">
        <v>21</v>
      </c>
    </row>
    <row r="49" spans="1:4" ht="18" customHeight="1" x14ac:dyDescent="0.2">
      <c r="A49" s="31">
        <v>36</v>
      </c>
      <c r="B49" s="27">
        <v>14</v>
      </c>
      <c r="C49" s="28">
        <v>12</v>
      </c>
      <c r="D49" s="29">
        <v>26</v>
      </c>
    </row>
    <row r="50" spans="1:4" ht="18" customHeight="1" x14ac:dyDescent="0.2">
      <c r="A50" s="31">
        <v>37</v>
      </c>
      <c r="B50" s="27">
        <v>10</v>
      </c>
      <c r="C50" s="28">
        <v>12</v>
      </c>
      <c r="D50" s="29">
        <v>22</v>
      </c>
    </row>
    <row r="51" spans="1:4" ht="18" customHeight="1" x14ac:dyDescent="0.2">
      <c r="A51" s="31">
        <v>38</v>
      </c>
      <c r="B51" s="27">
        <v>8</v>
      </c>
      <c r="C51" s="28">
        <v>14</v>
      </c>
      <c r="D51" s="29">
        <v>22</v>
      </c>
    </row>
    <row r="52" spans="1:4" ht="18" customHeight="1" x14ac:dyDescent="0.2">
      <c r="A52" s="31">
        <v>39</v>
      </c>
      <c r="B52" s="27">
        <v>12</v>
      </c>
      <c r="C52" s="28">
        <v>6</v>
      </c>
      <c r="D52" s="29">
        <v>18</v>
      </c>
    </row>
    <row r="53" spans="1:4" ht="18" customHeight="1" x14ac:dyDescent="0.2">
      <c r="A53" s="31" t="s">
        <v>74</v>
      </c>
      <c r="B53" s="27">
        <v>56</v>
      </c>
      <c r="C53" s="28">
        <v>53</v>
      </c>
      <c r="D53" s="29">
        <v>109</v>
      </c>
    </row>
    <row r="54" spans="1:4" ht="18" customHeight="1" x14ac:dyDescent="0.2">
      <c r="A54" s="31">
        <v>40</v>
      </c>
      <c r="B54" s="27">
        <v>4</v>
      </c>
      <c r="C54" s="28">
        <v>10</v>
      </c>
      <c r="D54" s="29">
        <v>14</v>
      </c>
    </row>
    <row r="55" spans="1:4" ht="18" customHeight="1" x14ac:dyDescent="0.2">
      <c r="A55" s="31">
        <v>41</v>
      </c>
      <c r="B55" s="27">
        <v>7</v>
      </c>
      <c r="C55" s="28">
        <v>10</v>
      </c>
      <c r="D55" s="29">
        <v>17</v>
      </c>
    </row>
    <row r="56" spans="1:4" ht="18" customHeight="1" x14ac:dyDescent="0.2">
      <c r="A56" s="31">
        <v>42</v>
      </c>
      <c r="B56" s="27">
        <v>10</v>
      </c>
      <c r="C56" s="28">
        <v>5</v>
      </c>
      <c r="D56" s="29">
        <v>15</v>
      </c>
    </row>
    <row r="57" spans="1:4" ht="18" customHeight="1" x14ac:dyDescent="0.2">
      <c r="A57" s="31">
        <v>43</v>
      </c>
      <c r="B57" s="27">
        <v>3</v>
      </c>
      <c r="C57" s="28">
        <v>10</v>
      </c>
      <c r="D57" s="29">
        <v>13</v>
      </c>
    </row>
    <row r="58" spans="1:4" ht="18" customHeight="1" x14ac:dyDescent="0.2">
      <c r="A58" s="31">
        <v>44</v>
      </c>
      <c r="B58" s="27">
        <v>8</v>
      </c>
      <c r="C58" s="28">
        <v>8</v>
      </c>
      <c r="D58" s="29">
        <v>16</v>
      </c>
    </row>
    <row r="59" spans="1:4" ht="18" customHeight="1" x14ac:dyDescent="0.2">
      <c r="A59" s="31" t="s">
        <v>75</v>
      </c>
      <c r="B59" s="27">
        <v>32</v>
      </c>
      <c r="C59" s="28">
        <v>43</v>
      </c>
      <c r="D59" s="29">
        <v>75</v>
      </c>
    </row>
    <row r="60" spans="1:4" ht="18" customHeight="1" x14ac:dyDescent="0.2">
      <c r="A60" s="31">
        <v>45</v>
      </c>
      <c r="B60" s="27">
        <v>15</v>
      </c>
      <c r="C60" s="28">
        <v>4</v>
      </c>
      <c r="D60" s="29">
        <v>19</v>
      </c>
    </row>
    <row r="61" spans="1:4" ht="18" customHeight="1" x14ac:dyDescent="0.2">
      <c r="A61" s="31">
        <v>46</v>
      </c>
      <c r="B61" s="27">
        <v>7</v>
      </c>
      <c r="C61" s="28">
        <v>5</v>
      </c>
      <c r="D61" s="29">
        <v>12</v>
      </c>
    </row>
    <row r="62" spans="1:4" ht="18" customHeight="1" x14ac:dyDescent="0.2">
      <c r="A62" s="31">
        <v>47</v>
      </c>
      <c r="B62" s="27">
        <v>5</v>
      </c>
      <c r="C62" s="28">
        <v>10</v>
      </c>
      <c r="D62" s="29">
        <v>15</v>
      </c>
    </row>
    <row r="63" spans="1:4" ht="18" customHeight="1" x14ac:dyDescent="0.2">
      <c r="A63" s="31">
        <v>48</v>
      </c>
      <c r="B63" s="27">
        <v>6</v>
      </c>
      <c r="C63" s="28">
        <v>5</v>
      </c>
      <c r="D63" s="29">
        <v>11</v>
      </c>
    </row>
    <row r="64" spans="1:4" ht="18" customHeight="1" x14ac:dyDescent="0.2">
      <c r="A64" s="31">
        <v>49</v>
      </c>
      <c r="B64" s="27">
        <v>11</v>
      </c>
      <c r="C64" s="28">
        <v>11</v>
      </c>
      <c r="D64" s="29">
        <v>22</v>
      </c>
    </row>
    <row r="65" spans="1:4" ht="18" customHeight="1" x14ac:dyDescent="0.2">
      <c r="A65" s="31" t="s">
        <v>76</v>
      </c>
      <c r="B65" s="27">
        <v>44</v>
      </c>
      <c r="C65" s="28">
        <v>35</v>
      </c>
      <c r="D65" s="29">
        <v>79</v>
      </c>
    </row>
    <row r="66" spans="1:4" ht="18" customHeight="1" x14ac:dyDescent="0.2">
      <c r="A66" s="31">
        <v>50</v>
      </c>
      <c r="B66" s="27">
        <v>10</v>
      </c>
      <c r="C66" s="28">
        <v>13</v>
      </c>
      <c r="D66" s="29">
        <v>23</v>
      </c>
    </row>
    <row r="67" spans="1:4" ht="18" customHeight="1" x14ac:dyDescent="0.2">
      <c r="A67" s="31">
        <v>51</v>
      </c>
      <c r="B67" s="27">
        <v>9</v>
      </c>
      <c r="C67" s="28">
        <v>13</v>
      </c>
      <c r="D67" s="29">
        <v>22</v>
      </c>
    </row>
    <row r="68" spans="1:4" ht="18" customHeight="1" x14ac:dyDescent="0.2">
      <c r="A68" s="31">
        <v>52</v>
      </c>
      <c r="B68" s="27">
        <v>11</v>
      </c>
      <c r="C68" s="28">
        <v>4</v>
      </c>
      <c r="D68" s="29">
        <v>15</v>
      </c>
    </row>
    <row r="69" spans="1:4" ht="18" customHeight="1" x14ac:dyDescent="0.2">
      <c r="A69" s="31">
        <v>53</v>
      </c>
      <c r="B69" s="27">
        <v>10</v>
      </c>
      <c r="C69" s="28">
        <v>12</v>
      </c>
      <c r="D69" s="29">
        <v>22</v>
      </c>
    </row>
    <row r="70" spans="1:4" ht="18" customHeight="1" x14ac:dyDescent="0.2">
      <c r="A70" s="31">
        <v>54</v>
      </c>
      <c r="B70" s="27">
        <v>17</v>
      </c>
      <c r="C70" s="28">
        <v>10</v>
      </c>
      <c r="D70" s="29">
        <v>27</v>
      </c>
    </row>
    <row r="71" spans="1:4" ht="18" customHeight="1" x14ac:dyDescent="0.2">
      <c r="A71" s="31" t="s">
        <v>77</v>
      </c>
      <c r="B71" s="27">
        <v>57</v>
      </c>
      <c r="C71" s="28">
        <v>52</v>
      </c>
      <c r="D71" s="29">
        <v>109</v>
      </c>
    </row>
    <row r="72" spans="1:4" ht="18" customHeight="1" x14ac:dyDescent="0.2">
      <c r="A72" s="31">
        <v>55</v>
      </c>
      <c r="B72" s="27">
        <v>13</v>
      </c>
      <c r="C72" s="28">
        <v>11</v>
      </c>
      <c r="D72" s="29">
        <v>24</v>
      </c>
    </row>
    <row r="73" spans="1:4" ht="18" customHeight="1" x14ac:dyDescent="0.2">
      <c r="A73" s="31">
        <v>56</v>
      </c>
      <c r="B73" s="27">
        <v>15</v>
      </c>
      <c r="C73" s="28">
        <v>16</v>
      </c>
      <c r="D73" s="29">
        <v>31</v>
      </c>
    </row>
    <row r="74" spans="1:4" ht="18" customHeight="1" x14ac:dyDescent="0.2">
      <c r="A74" s="31">
        <v>57</v>
      </c>
      <c r="B74" s="27">
        <v>16</v>
      </c>
      <c r="C74" s="28">
        <v>9</v>
      </c>
      <c r="D74" s="29">
        <v>25</v>
      </c>
    </row>
    <row r="75" spans="1:4" ht="18" customHeight="1" x14ac:dyDescent="0.2">
      <c r="A75" s="31">
        <v>58</v>
      </c>
      <c r="B75" s="27">
        <v>11</v>
      </c>
      <c r="C75" s="28">
        <v>8</v>
      </c>
      <c r="D75" s="29">
        <v>19</v>
      </c>
    </row>
    <row r="76" spans="1:4" ht="18" customHeight="1" x14ac:dyDescent="0.2">
      <c r="A76" s="31">
        <v>59</v>
      </c>
      <c r="B76" s="27">
        <v>6</v>
      </c>
      <c r="C76" s="28">
        <v>19</v>
      </c>
      <c r="D76" s="29">
        <v>25</v>
      </c>
    </row>
    <row r="77" spans="1:4" ht="18" customHeight="1" x14ac:dyDescent="0.2">
      <c r="A77" s="31" t="s">
        <v>78</v>
      </c>
      <c r="B77" s="27">
        <v>61</v>
      </c>
      <c r="C77" s="28">
        <v>63</v>
      </c>
      <c r="D77" s="29">
        <v>124</v>
      </c>
    </row>
    <row r="78" spans="1:4" ht="18" customHeight="1" x14ac:dyDescent="0.2">
      <c r="A78" s="31">
        <v>60</v>
      </c>
      <c r="B78" s="27">
        <v>15</v>
      </c>
      <c r="C78" s="28">
        <v>9</v>
      </c>
      <c r="D78" s="29">
        <v>24</v>
      </c>
    </row>
    <row r="79" spans="1:4" ht="18" customHeight="1" x14ac:dyDescent="0.2">
      <c r="A79" s="31">
        <v>61</v>
      </c>
      <c r="B79" s="27">
        <v>12</v>
      </c>
      <c r="C79" s="28">
        <v>13</v>
      </c>
      <c r="D79" s="29">
        <v>25</v>
      </c>
    </row>
    <row r="80" spans="1:4" ht="18" customHeight="1" x14ac:dyDescent="0.2">
      <c r="A80" s="31">
        <v>62</v>
      </c>
      <c r="B80" s="27">
        <v>15</v>
      </c>
      <c r="C80" s="28">
        <v>14</v>
      </c>
      <c r="D80" s="29">
        <v>29</v>
      </c>
    </row>
    <row r="81" spans="1:4" ht="18" customHeight="1" x14ac:dyDescent="0.2">
      <c r="A81" s="31">
        <v>63</v>
      </c>
      <c r="B81" s="27">
        <v>5</v>
      </c>
      <c r="C81" s="28">
        <v>6</v>
      </c>
      <c r="D81" s="29">
        <v>11</v>
      </c>
    </row>
    <row r="82" spans="1:4" ht="18" customHeight="1" x14ac:dyDescent="0.2">
      <c r="A82" s="31">
        <v>64</v>
      </c>
      <c r="B82" s="27">
        <v>10</v>
      </c>
      <c r="C82" s="28">
        <v>8</v>
      </c>
      <c r="D82" s="29">
        <v>18</v>
      </c>
    </row>
    <row r="83" spans="1:4" ht="18" customHeight="1" x14ac:dyDescent="0.2">
      <c r="A83" s="31" t="s">
        <v>79</v>
      </c>
      <c r="B83" s="27">
        <v>57</v>
      </c>
      <c r="C83" s="28">
        <v>50</v>
      </c>
      <c r="D83" s="29">
        <v>107</v>
      </c>
    </row>
    <row r="84" spans="1:4" ht="18" customHeight="1" x14ac:dyDescent="0.2">
      <c r="A84" s="31" t="s">
        <v>80</v>
      </c>
      <c r="B84" s="27">
        <v>461</v>
      </c>
      <c r="C84" s="28">
        <v>455</v>
      </c>
      <c r="D84" s="29">
        <v>916</v>
      </c>
    </row>
    <row r="85" spans="1:4" ht="18" customHeight="1" x14ac:dyDescent="0.2">
      <c r="A85" s="31">
        <v>65</v>
      </c>
      <c r="B85" s="27">
        <v>3</v>
      </c>
      <c r="C85" s="28">
        <v>9</v>
      </c>
      <c r="D85" s="29">
        <v>12</v>
      </c>
    </row>
    <row r="86" spans="1:4" ht="18" customHeight="1" x14ac:dyDescent="0.2">
      <c r="A86" s="31">
        <v>66</v>
      </c>
      <c r="B86" s="27">
        <v>7</v>
      </c>
      <c r="C86" s="28">
        <v>9</v>
      </c>
      <c r="D86" s="29">
        <v>16</v>
      </c>
    </row>
    <row r="87" spans="1:4" ht="18" customHeight="1" x14ac:dyDescent="0.2">
      <c r="A87" s="31">
        <v>67</v>
      </c>
      <c r="B87" s="27">
        <v>6</v>
      </c>
      <c r="C87" s="28">
        <v>7</v>
      </c>
      <c r="D87" s="29">
        <v>13</v>
      </c>
    </row>
    <row r="88" spans="1:4" ht="18" customHeight="1" x14ac:dyDescent="0.2">
      <c r="A88" s="31">
        <v>68</v>
      </c>
      <c r="B88" s="27">
        <v>13</v>
      </c>
      <c r="C88" s="28">
        <v>9</v>
      </c>
      <c r="D88" s="29">
        <v>22</v>
      </c>
    </row>
    <row r="89" spans="1:4" ht="18" customHeight="1" x14ac:dyDescent="0.2">
      <c r="A89" s="31">
        <v>69</v>
      </c>
      <c r="B89" s="27">
        <v>3</v>
      </c>
      <c r="C89" s="28">
        <v>5</v>
      </c>
      <c r="D89" s="29">
        <v>8</v>
      </c>
    </row>
    <row r="90" spans="1:4" ht="18" customHeight="1" x14ac:dyDescent="0.2">
      <c r="A90" s="31" t="s">
        <v>81</v>
      </c>
      <c r="B90" s="27">
        <v>32</v>
      </c>
      <c r="C90" s="28">
        <v>39</v>
      </c>
      <c r="D90" s="29">
        <v>71</v>
      </c>
    </row>
    <row r="91" spans="1:4" ht="18" customHeight="1" x14ac:dyDescent="0.2">
      <c r="A91" s="31">
        <v>70</v>
      </c>
      <c r="B91" s="27">
        <v>4</v>
      </c>
      <c r="C91" s="28">
        <v>10</v>
      </c>
      <c r="D91" s="29">
        <v>14</v>
      </c>
    </row>
    <row r="92" spans="1:4" ht="18" customHeight="1" x14ac:dyDescent="0.2">
      <c r="A92" s="31">
        <v>71</v>
      </c>
      <c r="B92" s="27">
        <v>11</v>
      </c>
      <c r="C92" s="28">
        <v>6</v>
      </c>
      <c r="D92" s="29">
        <v>17</v>
      </c>
    </row>
    <row r="93" spans="1:4" ht="18" customHeight="1" x14ac:dyDescent="0.2">
      <c r="A93" s="31">
        <v>72</v>
      </c>
      <c r="B93" s="27">
        <v>11</v>
      </c>
      <c r="C93" s="28">
        <v>6</v>
      </c>
      <c r="D93" s="29">
        <v>17</v>
      </c>
    </row>
    <row r="94" spans="1:4" ht="18" customHeight="1" x14ac:dyDescent="0.2">
      <c r="A94" s="31">
        <v>73</v>
      </c>
      <c r="B94" s="27">
        <v>7</v>
      </c>
      <c r="C94" s="28">
        <v>11</v>
      </c>
      <c r="D94" s="29">
        <v>18</v>
      </c>
    </row>
    <row r="95" spans="1:4" ht="18" customHeight="1" x14ac:dyDescent="0.2">
      <c r="A95" s="31">
        <v>74</v>
      </c>
      <c r="B95" s="27">
        <v>8</v>
      </c>
      <c r="C95" s="28">
        <v>6</v>
      </c>
      <c r="D95" s="29">
        <v>14</v>
      </c>
    </row>
    <row r="96" spans="1:4" ht="18" customHeight="1" x14ac:dyDescent="0.2">
      <c r="A96" s="31" t="s">
        <v>82</v>
      </c>
      <c r="B96" s="27">
        <v>41</v>
      </c>
      <c r="C96" s="28">
        <v>39</v>
      </c>
      <c r="D96" s="29">
        <v>80</v>
      </c>
    </row>
    <row r="97" spans="1:4" ht="18" customHeight="1" x14ac:dyDescent="0.2">
      <c r="A97" s="31">
        <v>75</v>
      </c>
      <c r="B97" s="27">
        <v>10</v>
      </c>
      <c r="C97" s="28">
        <v>10</v>
      </c>
      <c r="D97" s="29">
        <v>20</v>
      </c>
    </row>
    <row r="98" spans="1:4" ht="18" customHeight="1" x14ac:dyDescent="0.2">
      <c r="A98" s="31">
        <v>76</v>
      </c>
      <c r="B98" s="27">
        <v>10</v>
      </c>
      <c r="C98" s="28">
        <v>14</v>
      </c>
      <c r="D98" s="29">
        <v>24</v>
      </c>
    </row>
    <row r="99" spans="1:4" ht="18" customHeight="1" x14ac:dyDescent="0.2">
      <c r="A99" s="31">
        <v>77</v>
      </c>
      <c r="B99" s="27">
        <v>5</v>
      </c>
      <c r="C99" s="28">
        <v>14</v>
      </c>
      <c r="D99" s="29">
        <v>19</v>
      </c>
    </row>
    <row r="100" spans="1:4" ht="18" customHeight="1" x14ac:dyDescent="0.2">
      <c r="A100" s="31">
        <v>78</v>
      </c>
      <c r="B100" s="27">
        <v>10</v>
      </c>
      <c r="C100" s="28">
        <v>10</v>
      </c>
      <c r="D100" s="29">
        <v>20</v>
      </c>
    </row>
    <row r="101" spans="1:4" ht="18" customHeight="1" x14ac:dyDescent="0.2">
      <c r="A101" s="31">
        <v>79</v>
      </c>
      <c r="B101" s="27">
        <v>8</v>
      </c>
      <c r="C101" s="28">
        <v>9</v>
      </c>
      <c r="D101" s="29">
        <v>17</v>
      </c>
    </row>
    <row r="102" spans="1:4" ht="18" customHeight="1" x14ac:dyDescent="0.2">
      <c r="A102" s="31" t="s">
        <v>83</v>
      </c>
      <c r="B102" s="27">
        <v>43</v>
      </c>
      <c r="C102" s="28">
        <v>57</v>
      </c>
      <c r="D102" s="29">
        <v>100</v>
      </c>
    </row>
    <row r="103" spans="1:4" ht="18" customHeight="1" x14ac:dyDescent="0.2">
      <c r="A103" s="31">
        <v>80</v>
      </c>
      <c r="B103" s="27">
        <v>7</v>
      </c>
      <c r="C103" s="28">
        <v>11</v>
      </c>
      <c r="D103" s="29">
        <v>18</v>
      </c>
    </row>
    <row r="104" spans="1:4" ht="18" customHeight="1" x14ac:dyDescent="0.2">
      <c r="A104" s="31">
        <v>81</v>
      </c>
      <c r="B104" s="27">
        <v>4</v>
      </c>
      <c r="C104" s="28">
        <v>10</v>
      </c>
      <c r="D104" s="29">
        <v>14</v>
      </c>
    </row>
    <row r="105" spans="1:4" ht="18" customHeight="1" x14ac:dyDescent="0.2">
      <c r="A105" s="31">
        <v>82</v>
      </c>
      <c r="B105" s="27">
        <v>3</v>
      </c>
      <c r="C105" s="28">
        <v>3</v>
      </c>
      <c r="D105" s="29">
        <v>6</v>
      </c>
    </row>
    <row r="106" spans="1:4" ht="18" customHeight="1" x14ac:dyDescent="0.2">
      <c r="A106" s="31">
        <v>83</v>
      </c>
      <c r="B106" s="27">
        <v>5</v>
      </c>
      <c r="C106" s="28">
        <v>7</v>
      </c>
      <c r="D106" s="29">
        <v>12</v>
      </c>
    </row>
    <row r="107" spans="1:4" ht="18" customHeight="1" x14ac:dyDescent="0.2">
      <c r="A107" s="31">
        <v>84</v>
      </c>
      <c r="B107" s="27">
        <v>3</v>
      </c>
      <c r="C107" s="28">
        <v>4</v>
      </c>
      <c r="D107" s="29">
        <v>7</v>
      </c>
    </row>
    <row r="108" spans="1:4" ht="18" customHeight="1" x14ac:dyDescent="0.2">
      <c r="A108" s="31" t="s">
        <v>84</v>
      </c>
      <c r="B108" s="27">
        <v>22</v>
      </c>
      <c r="C108" s="28">
        <v>35</v>
      </c>
      <c r="D108" s="29">
        <v>57</v>
      </c>
    </row>
    <row r="109" spans="1:4" ht="18" customHeight="1" x14ac:dyDescent="0.2">
      <c r="A109" s="31">
        <v>85</v>
      </c>
      <c r="B109" s="27">
        <v>3</v>
      </c>
      <c r="C109" s="28">
        <v>6</v>
      </c>
      <c r="D109" s="29">
        <v>9</v>
      </c>
    </row>
    <row r="110" spans="1:4" ht="18" customHeight="1" x14ac:dyDescent="0.2">
      <c r="A110" s="31">
        <v>86</v>
      </c>
      <c r="B110" s="27">
        <v>2</v>
      </c>
      <c r="C110" s="28">
        <v>5</v>
      </c>
      <c r="D110" s="29">
        <v>7</v>
      </c>
    </row>
    <row r="111" spans="1:4" ht="18" customHeight="1" x14ac:dyDescent="0.2">
      <c r="A111" s="31">
        <v>87</v>
      </c>
      <c r="B111" s="27">
        <v>1</v>
      </c>
      <c r="C111" s="28">
        <v>2</v>
      </c>
      <c r="D111" s="29">
        <v>3</v>
      </c>
    </row>
    <row r="112" spans="1:4" ht="18" customHeight="1" x14ac:dyDescent="0.2">
      <c r="A112" s="31">
        <v>88</v>
      </c>
      <c r="B112" s="27">
        <v>4</v>
      </c>
      <c r="C112" s="28">
        <v>4</v>
      </c>
      <c r="D112" s="29">
        <v>8</v>
      </c>
    </row>
    <row r="113" spans="1:4" ht="18" customHeight="1" x14ac:dyDescent="0.2">
      <c r="A113" s="31">
        <v>89</v>
      </c>
      <c r="B113" s="27">
        <v>2</v>
      </c>
      <c r="C113" s="28">
        <v>3</v>
      </c>
      <c r="D113" s="29">
        <v>5</v>
      </c>
    </row>
    <row r="114" spans="1:4" ht="18" customHeight="1" x14ac:dyDescent="0.2">
      <c r="A114" s="31" t="s">
        <v>85</v>
      </c>
      <c r="B114" s="27">
        <v>12</v>
      </c>
      <c r="C114" s="28">
        <v>20</v>
      </c>
      <c r="D114" s="29">
        <v>32</v>
      </c>
    </row>
    <row r="115" spans="1:4" ht="18" customHeight="1" x14ac:dyDescent="0.2">
      <c r="A115" s="31">
        <v>90</v>
      </c>
      <c r="B115" s="27">
        <v>2</v>
      </c>
      <c r="C115" s="28">
        <v>2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86</v>
      </c>
      <c r="B120" s="27">
        <v>4</v>
      </c>
      <c r="C120" s="28">
        <v>7</v>
      </c>
      <c r="D120" s="29">
        <v>1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154</v>
      </c>
      <c r="C130" s="5">
        <v>200</v>
      </c>
      <c r="D130" s="6">
        <v>354</v>
      </c>
    </row>
    <row r="131" spans="1:4" ht="18" customHeight="1" x14ac:dyDescent="0.2">
      <c r="A131" s="33" t="s">
        <v>65</v>
      </c>
      <c r="B131" s="7">
        <v>715</v>
      </c>
      <c r="C131" s="8">
        <v>766</v>
      </c>
      <c r="D131" s="9">
        <v>148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4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</v>
      </c>
      <c r="C5" s="37">
        <v>2</v>
      </c>
      <c r="D5" s="39">
        <v>3</v>
      </c>
    </row>
    <row r="6" spans="1:4" ht="18" customHeight="1" x14ac:dyDescent="0.2">
      <c r="A6" s="31">
        <v>1</v>
      </c>
      <c r="B6" s="35">
        <v>3</v>
      </c>
      <c r="C6" s="28">
        <v>2</v>
      </c>
      <c r="D6" s="29">
        <v>5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1</v>
      </c>
      <c r="C8" s="28">
        <v>4</v>
      </c>
      <c r="D8" s="29">
        <v>5</v>
      </c>
    </row>
    <row r="9" spans="1:4" ht="18" customHeight="1" x14ac:dyDescent="0.2">
      <c r="A9" s="31">
        <v>4</v>
      </c>
      <c r="B9" s="36">
        <v>5</v>
      </c>
      <c r="C9" s="38">
        <v>0</v>
      </c>
      <c r="D9" s="40">
        <v>5</v>
      </c>
    </row>
    <row r="10" spans="1:4" ht="18" customHeight="1" x14ac:dyDescent="0.2">
      <c r="A10" s="31" t="s">
        <v>66</v>
      </c>
      <c r="B10" s="27">
        <v>12</v>
      </c>
      <c r="C10" s="28">
        <v>9</v>
      </c>
      <c r="D10" s="29">
        <v>21</v>
      </c>
    </row>
    <row r="11" spans="1:4" ht="18" customHeight="1" x14ac:dyDescent="0.2">
      <c r="A11" s="31">
        <v>5</v>
      </c>
      <c r="B11" s="35">
        <v>2</v>
      </c>
      <c r="C11" s="28">
        <v>2</v>
      </c>
      <c r="D11" s="29">
        <v>4</v>
      </c>
    </row>
    <row r="12" spans="1:4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4" ht="18" customHeight="1" x14ac:dyDescent="0.2">
      <c r="A13" s="31">
        <v>7</v>
      </c>
      <c r="B13" s="35">
        <v>5</v>
      </c>
      <c r="C13" s="28">
        <v>5</v>
      </c>
      <c r="D13" s="29">
        <v>10</v>
      </c>
    </row>
    <row r="14" spans="1:4" ht="18" customHeight="1" x14ac:dyDescent="0.2">
      <c r="A14" s="31">
        <v>8</v>
      </c>
      <c r="B14" s="35">
        <v>3</v>
      </c>
      <c r="C14" s="28">
        <v>1</v>
      </c>
      <c r="D14" s="29">
        <v>4</v>
      </c>
    </row>
    <row r="15" spans="1:4" ht="18" customHeight="1" x14ac:dyDescent="0.2">
      <c r="A15" s="31">
        <v>9</v>
      </c>
      <c r="B15" s="35">
        <v>2</v>
      </c>
      <c r="C15" s="28">
        <v>5</v>
      </c>
      <c r="D15" s="29">
        <v>7</v>
      </c>
    </row>
    <row r="16" spans="1:4" ht="18" customHeight="1" x14ac:dyDescent="0.2">
      <c r="A16" s="31" t="s">
        <v>67</v>
      </c>
      <c r="B16" s="27">
        <v>14</v>
      </c>
      <c r="C16" s="28">
        <v>14</v>
      </c>
      <c r="D16" s="29">
        <v>28</v>
      </c>
    </row>
    <row r="17" spans="1:4" ht="18" customHeight="1" x14ac:dyDescent="0.2">
      <c r="A17" s="31">
        <v>10</v>
      </c>
      <c r="B17" s="27">
        <v>5</v>
      </c>
      <c r="C17" s="28">
        <v>4</v>
      </c>
      <c r="D17" s="29">
        <v>9</v>
      </c>
    </row>
    <row r="18" spans="1:4" ht="18" customHeight="1" x14ac:dyDescent="0.2">
      <c r="A18" s="31">
        <v>11</v>
      </c>
      <c r="B18" s="27">
        <v>3</v>
      </c>
      <c r="C18" s="28">
        <v>1</v>
      </c>
      <c r="D18" s="29">
        <v>4</v>
      </c>
    </row>
    <row r="19" spans="1:4" ht="18" customHeight="1" x14ac:dyDescent="0.2">
      <c r="A19" s="31">
        <v>12</v>
      </c>
      <c r="B19" s="27">
        <v>2</v>
      </c>
      <c r="C19" s="28">
        <v>5</v>
      </c>
      <c r="D19" s="29">
        <v>7</v>
      </c>
    </row>
    <row r="20" spans="1:4" ht="18" customHeight="1" x14ac:dyDescent="0.2">
      <c r="A20" s="31">
        <v>13</v>
      </c>
      <c r="B20" s="27">
        <v>0</v>
      </c>
      <c r="C20" s="28">
        <v>4</v>
      </c>
      <c r="D20" s="29">
        <v>4</v>
      </c>
    </row>
    <row r="21" spans="1:4" ht="18" customHeight="1" x14ac:dyDescent="0.2">
      <c r="A21" s="31">
        <v>14</v>
      </c>
      <c r="B21" s="27">
        <v>3</v>
      </c>
      <c r="C21" s="28">
        <v>5</v>
      </c>
      <c r="D21" s="29">
        <v>8</v>
      </c>
    </row>
    <row r="22" spans="1:4" ht="18" customHeight="1" x14ac:dyDescent="0.2">
      <c r="A22" s="31" t="s">
        <v>68</v>
      </c>
      <c r="B22" s="27">
        <v>13</v>
      </c>
      <c r="C22" s="28">
        <v>19</v>
      </c>
      <c r="D22" s="29">
        <v>32</v>
      </c>
    </row>
    <row r="23" spans="1:4" ht="18" customHeight="1" x14ac:dyDescent="0.2">
      <c r="A23" s="31" t="s">
        <v>69</v>
      </c>
      <c r="B23" s="27">
        <v>39</v>
      </c>
      <c r="C23" s="28">
        <v>42</v>
      </c>
      <c r="D23" s="29">
        <v>81</v>
      </c>
    </row>
    <row r="24" spans="1:4" ht="18" customHeight="1" x14ac:dyDescent="0.2">
      <c r="A24" s="31">
        <v>15</v>
      </c>
      <c r="B24" s="27">
        <v>6</v>
      </c>
      <c r="C24" s="28">
        <v>0</v>
      </c>
      <c r="D24" s="29">
        <v>6</v>
      </c>
    </row>
    <row r="25" spans="1:4" ht="18" customHeight="1" x14ac:dyDescent="0.2">
      <c r="A25" s="31">
        <v>16</v>
      </c>
      <c r="B25" s="27">
        <v>1</v>
      </c>
      <c r="C25" s="28">
        <v>2</v>
      </c>
      <c r="D25" s="29">
        <v>3</v>
      </c>
    </row>
    <row r="26" spans="1:4" ht="18" customHeight="1" x14ac:dyDescent="0.2">
      <c r="A26" s="31">
        <v>17</v>
      </c>
      <c r="B26" s="27">
        <v>3</v>
      </c>
      <c r="C26" s="28">
        <v>3</v>
      </c>
      <c r="D26" s="29">
        <v>6</v>
      </c>
    </row>
    <row r="27" spans="1:4" ht="18" customHeight="1" x14ac:dyDescent="0.2">
      <c r="A27" s="31">
        <v>18</v>
      </c>
      <c r="B27" s="27">
        <v>2</v>
      </c>
      <c r="C27" s="28">
        <v>2</v>
      </c>
      <c r="D27" s="29">
        <v>4</v>
      </c>
    </row>
    <row r="28" spans="1:4" ht="18" customHeight="1" x14ac:dyDescent="0.2">
      <c r="A28" s="31">
        <v>19</v>
      </c>
      <c r="B28" s="27">
        <v>1</v>
      </c>
      <c r="C28" s="28">
        <v>4</v>
      </c>
      <c r="D28" s="29">
        <v>5</v>
      </c>
    </row>
    <row r="29" spans="1:4" ht="18" customHeight="1" x14ac:dyDescent="0.2">
      <c r="A29" s="31" t="s">
        <v>70</v>
      </c>
      <c r="B29" s="27">
        <v>13</v>
      </c>
      <c r="C29" s="28">
        <v>11</v>
      </c>
      <c r="D29" s="29">
        <v>24</v>
      </c>
    </row>
    <row r="30" spans="1:4" ht="18" customHeight="1" x14ac:dyDescent="0.2">
      <c r="A30" s="31">
        <v>20</v>
      </c>
      <c r="B30" s="27">
        <v>4</v>
      </c>
      <c r="C30" s="28">
        <v>3</v>
      </c>
      <c r="D30" s="29">
        <v>7</v>
      </c>
    </row>
    <row r="31" spans="1:4" ht="18" customHeight="1" x14ac:dyDescent="0.2">
      <c r="A31" s="31">
        <v>21</v>
      </c>
      <c r="B31" s="27">
        <v>2</v>
      </c>
      <c r="C31" s="28">
        <v>1</v>
      </c>
      <c r="D31" s="29">
        <v>3</v>
      </c>
    </row>
    <row r="32" spans="1:4" ht="18" customHeight="1" x14ac:dyDescent="0.2">
      <c r="A32" s="31">
        <v>22</v>
      </c>
      <c r="B32" s="27">
        <v>2</v>
      </c>
      <c r="C32" s="28">
        <v>6</v>
      </c>
      <c r="D32" s="29">
        <v>8</v>
      </c>
    </row>
    <row r="33" spans="1:4" ht="18" customHeight="1" x14ac:dyDescent="0.2">
      <c r="A33" s="31">
        <v>23</v>
      </c>
      <c r="B33" s="27">
        <v>2</v>
      </c>
      <c r="C33" s="28">
        <v>5</v>
      </c>
      <c r="D33" s="29">
        <v>7</v>
      </c>
    </row>
    <row r="34" spans="1:4" ht="18" customHeight="1" x14ac:dyDescent="0.2">
      <c r="A34" s="31">
        <v>24</v>
      </c>
      <c r="B34" s="27">
        <v>6</v>
      </c>
      <c r="C34" s="28">
        <v>1</v>
      </c>
      <c r="D34" s="29">
        <v>7</v>
      </c>
    </row>
    <row r="35" spans="1:4" ht="18" customHeight="1" x14ac:dyDescent="0.2">
      <c r="A35" s="31" t="s">
        <v>71</v>
      </c>
      <c r="B35" s="27">
        <v>16</v>
      </c>
      <c r="C35" s="28">
        <v>16</v>
      </c>
      <c r="D35" s="29">
        <v>32</v>
      </c>
    </row>
    <row r="36" spans="1:4" ht="18" customHeight="1" x14ac:dyDescent="0.2">
      <c r="A36" s="31">
        <v>25</v>
      </c>
      <c r="B36" s="27">
        <v>6</v>
      </c>
      <c r="C36" s="28">
        <v>5</v>
      </c>
      <c r="D36" s="29">
        <v>11</v>
      </c>
    </row>
    <row r="37" spans="1:4" ht="18" customHeight="1" x14ac:dyDescent="0.2">
      <c r="A37" s="31">
        <v>26</v>
      </c>
      <c r="B37" s="27">
        <v>4</v>
      </c>
      <c r="C37" s="28">
        <v>5</v>
      </c>
      <c r="D37" s="29">
        <v>9</v>
      </c>
    </row>
    <row r="38" spans="1:4" ht="18" customHeight="1" x14ac:dyDescent="0.2">
      <c r="A38" s="31">
        <v>27</v>
      </c>
      <c r="B38" s="27">
        <v>4</v>
      </c>
      <c r="C38" s="28">
        <v>5</v>
      </c>
      <c r="D38" s="29">
        <v>9</v>
      </c>
    </row>
    <row r="39" spans="1:4" ht="18" customHeight="1" x14ac:dyDescent="0.2">
      <c r="A39" s="31">
        <v>28</v>
      </c>
      <c r="B39" s="27">
        <v>9</v>
      </c>
      <c r="C39" s="28">
        <v>4</v>
      </c>
      <c r="D39" s="29">
        <v>13</v>
      </c>
    </row>
    <row r="40" spans="1:4" ht="18" customHeight="1" x14ac:dyDescent="0.2">
      <c r="A40" s="31">
        <v>29</v>
      </c>
      <c r="B40" s="27">
        <v>8</v>
      </c>
      <c r="C40" s="28">
        <v>1</v>
      </c>
      <c r="D40" s="29">
        <v>9</v>
      </c>
    </row>
    <row r="41" spans="1:4" ht="18" customHeight="1" x14ac:dyDescent="0.2">
      <c r="A41" s="31" t="s">
        <v>72</v>
      </c>
      <c r="B41" s="27">
        <v>31</v>
      </c>
      <c r="C41" s="28">
        <v>20</v>
      </c>
      <c r="D41" s="29">
        <v>51</v>
      </c>
    </row>
    <row r="42" spans="1:4" ht="18" customHeight="1" x14ac:dyDescent="0.2">
      <c r="A42" s="31">
        <v>30</v>
      </c>
      <c r="B42" s="27">
        <v>7</v>
      </c>
      <c r="C42" s="28">
        <v>5</v>
      </c>
      <c r="D42" s="29">
        <v>12</v>
      </c>
    </row>
    <row r="43" spans="1:4" ht="18" customHeight="1" x14ac:dyDescent="0.2">
      <c r="A43" s="31">
        <v>31</v>
      </c>
      <c r="B43" s="27">
        <v>5</v>
      </c>
      <c r="C43" s="28">
        <v>7</v>
      </c>
      <c r="D43" s="29">
        <v>12</v>
      </c>
    </row>
    <row r="44" spans="1:4" ht="18" customHeight="1" x14ac:dyDescent="0.2">
      <c r="A44" s="31">
        <v>32</v>
      </c>
      <c r="B44" s="27">
        <v>4</v>
      </c>
      <c r="C44" s="28">
        <v>5</v>
      </c>
      <c r="D44" s="29">
        <v>9</v>
      </c>
    </row>
    <row r="45" spans="1:4" ht="18" customHeight="1" x14ac:dyDescent="0.2">
      <c r="A45" s="31">
        <v>33</v>
      </c>
      <c r="B45" s="27">
        <v>8</v>
      </c>
      <c r="C45" s="28">
        <v>3</v>
      </c>
      <c r="D45" s="29">
        <v>11</v>
      </c>
    </row>
    <row r="46" spans="1:4" ht="18" customHeight="1" x14ac:dyDescent="0.2">
      <c r="A46" s="31">
        <v>34</v>
      </c>
      <c r="B46" s="27">
        <v>8</v>
      </c>
      <c r="C46" s="28">
        <v>5</v>
      </c>
      <c r="D46" s="29">
        <v>13</v>
      </c>
    </row>
    <row r="47" spans="1:4" ht="18" customHeight="1" x14ac:dyDescent="0.2">
      <c r="A47" s="31" t="s">
        <v>73</v>
      </c>
      <c r="B47" s="27">
        <v>32</v>
      </c>
      <c r="C47" s="28">
        <v>25</v>
      </c>
      <c r="D47" s="29">
        <v>57</v>
      </c>
    </row>
    <row r="48" spans="1:4" ht="18" customHeight="1" x14ac:dyDescent="0.2">
      <c r="A48" s="31">
        <v>35</v>
      </c>
      <c r="B48" s="27">
        <v>7</v>
      </c>
      <c r="C48" s="28">
        <v>7</v>
      </c>
      <c r="D48" s="29">
        <v>14</v>
      </c>
    </row>
    <row r="49" spans="1:4" ht="18" customHeight="1" x14ac:dyDescent="0.2">
      <c r="A49" s="31">
        <v>36</v>
      </c>
      <c r="B49" s="27">
        <v>4</v>
      </c>
      <c r="C49" s="28">
        <v>0</v>
      </c>
      <c r="D49" s="29">
        <v>4</v>
      </c>
    </row>
    <row r="50" spans="1:4" ht="18" customHeight="1" x14ac:dyDescent="0.2">
      <c r="A50" s="31">
        <v>37</v>
      </c>
      <c r="B50" s="27">
        <v>4</v>
      </c>
      <c r="C50" s="28">
        <v>4</v>
      </c>
      <c r="D50" s="29">
        <v>8</v>
      </c>
    </row>
    <row r="51" spans="1:4" ht="18" customHeight="1" x14ac:dyDescent="0.2">
      <c r="A51" s="31">
        <v>38</v>
      </c>
      <c r="B51" s="27">
        <v>4</v>
      </c>
      <c r="C51" s="28">
        <v>0</v>
      </c>
      <c r="D51" s="29">
        <v>4</v>
      </c>
    </row>
    <row r="52" spans="1:4" ht="18" customHeight="1" x14ac:dyDescent="0.2">
      <c r="A52" s="31">
        <v>39</v>
      </c>
      <c r="B52" s="27">
        <v>4</v>
      </c>
      <c r="C52" s="28">
        <v>3</v>
      </c>
      <c r="D52" s="29">
        <v>7</v>
      </c>
    </row>
    <row r="53" spans="1:4" ht="18" customHeight="1" x14ac:dyDescent="0.2">
      <c r="A53" s="31" t="s">
        <v>74</v>
      </c>
      <c r="B53" s="27">
        <v>23</v>
      </c>
      <c r="C53" s="28">
        <v>14</v>
      </c>
      <c r="D53" s="29">
        <v>37</v>
      </c>
    </row>
    <row r="54" spans="1:4" ht="18" customHeight="1" x14ac:dyDescent="0.2">
      <c r="A54" s="31">
        <v>40</v>
      </c>
      <c r="B54" s="27">
        <v>6</v>
      </c>
      <c r="C54" s="28">
        <v>3</v>
      </c>
      <c r="D54" s="29">
        <v>9</v>
      </c>
    </row>
    <row r="55" spans="1:4" ht="18" customHeight="1" x14ac:dyDescent="0.2">
      <c r="A55" s="31">
        <v>41</v>
      </c>
      <c r="B55" s="27">
        <v>5</v>
      </c>
      <c r="C55" s="28">
        <v>2</v>
      </c>
      <c r="D55" s="29">
        <v>7</v>
      </c>
    </row>
    <row r="56" spans="1:4" ht="18" customHeight="1" x14ac:dyDescent="0.2">
      <c r="A56" s="31">
        <v>42</v>
      </c>
      <c r="B56" s="27">
        <v>2</v>
      </c>
      <c r="C56" s="28">
        <v>3</v>
      </c>
      <c r="D56" s="29">
        <v>5</v>
      </c>
    </row>
    <row r="57" spans="1:4" ht="18" customHeight="1" x14ac:dyDescent="0.2">
      <c r="A57" s="31">
        <v>43</v>
      </c>
      <c r="B57" s="27">
        <v>6</v>
      </c>
      <c r="C57" s="28">
        <v>5</v>
      </c>
      <c r="D57" s="29">
        <v>11</v>
      </c>
    </row>
    <row r="58" spans="1:4" ht="18" customHeight="1" x14ac:dyDescent="0.2">
      <c r="A58" s="31">
        <v>44</v>
      </c>
      <c r="B58" s="27">
        <v>6</v>
      </c>
      <c r="C58" s="28">
        <v>4</v>
      </c>
      <c r="D58" s="29">
        <v>10</v>
      </c>
    </row>
    <row r="59" spans="1:4" ht="18" customHeight="1" x14ac:dyDescent="0.2">
      <c r="A59" s="31" t="s">
        <v>75</v>
      </c>
      <c r="B59" s="27">
        <v>25</v>
      </c>
      <c r="C59" s="28">
        <v>17</v>
      </c>
      <c r="D59" s="29">
        <v>42</v>
      </c>
    </row>
    <row r="60" spans="1:4" ht="18" customHeight="1" x14ac:dyDescent="0.2">
      <c r="A60" s="31">
        <v>45</v>
      </c>
      <c r="B60" s="27">
        <v>5</v>
      </c>
      <c r="C60" s="28">
        <v>5</v>
      </c>
      <c r="D60" s="29">
        <v>10</v>
      </c>
    </row>
    <row r="61" spans="1:4" ht="18" customHeight="1" x14ac:dyDescent="0.2">
      <c r="A61" s="31">
        <v>46</v>
      </c>
      <c r="B61" s="27">
        <v>1</v>
      </c>
      <c r="C61" s="28">
        <v>5</v>
      </c>
      <c r="D61" s="29">
        <v>6</v>
      </c>
    </row>
    <row r="62" spans="1:4" ht="18" customHeight="1" x14ac:dyDescent="0.2">
      <c r="A62" s="31">
        <v>47</v>
      </c>
      <c r="B62" s="27">
        <v>4</v>
      </c>
      <c r="C62" s="28">
        <v>3</v>
      </c>
      <c r="D62" s="29">
        <v>7</v>
      </c>
    </row>
    <row r="63" spans="1:4" ht="18" customHeight="1" x14ac:dyDescent="0.2">
      <c r="A63" s="31">
        <v>48</v>
      </c>
      <c r="B63" s="27">
        <v>11</v>
      </c>
      <c r="C63" s="28">
        <v>6</v>
      </c>
      <c r="D63" s="29">
        <v>17</v>
      </c>
    </row>
    <row r="64" spans="1:4" ht="18" customHeight="1" x14ac:dyDescent="0.2">
      <c r="A64" s="31">
        <v>49</v>
      </c>
      <c r="B64" s="27">
        <v>2</v>
      </c>
      <c r="C64" s="28">
        <v>3</v>
      </c>
      <c r="D64" s="29">
        <v>5</v>
      </c>
    </row>
    <row r="65" spans="1:4" ht="18" customHeight="1" x14ac:dyDescent="0.2">
      <c r="A65" s="31" t="s">
        <v>76</v>
      </c>
      <c r="B65" s="27">
        <v>23</v>
      </c>
      <c r="C65" s="28">
        <v>22</v>
      </c>
      <c r="D65" s="29">
        <v>45</v>
      </c>
    </row>
    <row r="66" spans="1:4" ht="18" customHeight="1" x14ac:dyDescent="0.2">
      <c r="A66" s="31">
        <v>50</v>
      </c>
      <c r="B66" s="27">
        <v>4</v>
      </c>
      <c r="C66" s="28">
        <v>7</v>
      </c>
      <c r="D66" s="29">
        <v>11</v>
      </c>
    </row>
    <row r="67" spans="1:4" ht="18" customHeight="1" x14ac:dyDescent="0.2">
      <c r="A67" s="31">
        <v>51</v>
      </c>
      <c r="B67" s="27">
        <v>5</v>
      </c>
      <c r="C67" s="28">
        <v>4</v>
      </c>
      <c r="D67" s="29">
        <v>9</v>
      </c>
    </row>
    <row r="68" spans="1:4" ht="18" customHeight="1" x14ac:dyDescent="0.2">
      <c r="A68" s="31">
        <v>52</v>
      </c>
      <c r="B68" s="27">
        <v>8</v>
      </c>
      <c r="C68" s="28">
        <v>9</v>
      </c>
      <c r="D68" s="29">
        <v>17</v>
      </c>
    </row>
    <row r="69" spans="1:4" ht="18" customHeight="1" x14ac:dyDescent="0.2">
      <c r="A69" s="31">
        <v>53</v>
      </c>
      <c r="B69" s="27">
        <v>5</v>
      </c>
      <c r="C69" s="28">
        <v>4</v>
      </c>
      <c r="D69" s="29">
        <v>9</v>
      </c>
    </row>
    <row r="70" spans="1:4" ht="18" customHeight="1" x14ac:dyDescent="0.2">
      <c r="A70" s="31">
        <v>54</v>
      </c>
      <c r="B70" s="27">
        <v>7</v>
      </c>
      <c r="C70" s="28">
        <v>14</v>
      </c>
      <c r="D70" s="29">
        <v>21</v>
      </c>
    </row>
    <row r="71" spans="1:4" ht="18" customHeight="1" x14ac:dyDescent="0.2">
      <c r="A71" s="31" t="s">
        <v>77</v>
      </c>
      <c r="B71" s="27">
        <v>29</v>
      </c>
      <c r="C71" s="28">
        <v>38</v>
      </c>
      <c r="D71" s="29">
        <v>67</v>
      </c>
    </row>
    <row r="72" spans="1:4" ht="18" customHeight="1" x14ac:dyDescent="0.2">
      <c r="A72" s="31">
        <v>55</v>
      </c>
      <c r="B72" s="27">
        <v>12</v>
      </c>
      <c r="C72" s="28">
        <v>12</v>
      </c>
      <c r="D72" s="29">
        <v>24</v>
      </c>
    </row>
    <row r="73" spans="1:4" ht="18" customHeight="1" x14ac:dyDescent="0.2">
      <c r="A73" s="31">
        <v>56</v>
      </c>
      <c r="B73" s="27">
        <v>12</v>
      </c>
      <c r="C73" s="28">
        <v>8</v>
      </c>
      <c r="D73" s="29">
        <v>20</v>
      </c>
    </row>
    <row r="74" spans="1:4" ht="18" customHeight="1" x14ac:dyDescent="0.2">
      <c r="A74" s="31">
        <v>57</v>
      </c>
      <c r="B74" s="27">
        <v>10</v>
      </c>
      <c r="C74" s="28">
        <v>7</v>
      </c>
      <c r="D74" s="29">
        <v>17</v>
      </c>
    </row>
    <row r="75" spans="1:4" ht="18" customHeight="1" x14ac:dyDescent="0.2">
      <c r="A75" s="31">
        <v>58</v>
      </c>
      <c r="B75" s="27">
        <v>16</v>
      </c>
      <c r="C75" s="28">
        <v>5</v>
      </c>
      <c r="D75" s="29">
        <v>21</v>
      </c>
    </row>
    <row r="76" spans="1:4" ht="18" customHeight="1" x14ac:dyDescent="0.2">
      <c r="A76" s="31">
        <v>59</v>
      </c>
      <c r="B76" s="27">
        <v>12</v>
      </c>
      <c r="C76" s="28">
        <v>4</v>
      </c>
      <c r="D76" s="29">
        <v>16</v>
      </c>
    </row>
    <row r="77" spans="1:4" ht="18" customHeight="1" x14ac:dyDescent="0.2">
      <c r="A77" s="31" t="s">
        <v>78</v>
      </c>
      <c r="B77" s="27">
        <v>62</v>
      </c>
      <c r="C77" s="28">
        <v>36</v>
      </c>
      <c r="D77" s="29">
        <v>98</v>
      </c>
    </row>
    <row r="78" spans="1:4" ht="18" customHeight="1" x14ac:dyDescent="0.2">
      <c r="A78" s="31">
        <v>60</v>
      </c>
      <c r="B78" s="27">
        <v>6</v>
      </c>
      <c r="C78" s="28">
        <v>10</v>
      </c>
      <c r="D78" s="29">
        <v>16</v>
      </c>
    </row>
    <row r="79" spans="1:4" ht="18" customHeight="1" x14ac:dyDescent="0.2">
      <c r="A79" s="31">
        <v>61</v>
      </c>
      <c r="B79" s="27">
        <v>14</v>
      </c>
      <c r="C79" s="28">
        <v>6</v>
      </c>
      <c r="D79" s="29">
        <v>20</v>
      </c>
    </row>
    <row r="80" spans="1:4" ht="18" customHeight="1" x14ac:dyDescent="0.2">
      <c r="A80" s="31">
        <v>62</v>
      </c>
      <c r="B80" s="27">
        <v>8</v>
      </c>
      <c r="C80" s="28">
        <v>9</v>
      </c>
      <c r="D80" s="29">
        <v>17</v>
      </c>
    </row>
    <row r="81" spans="1:4" ht="18" customHeight="1" x14ac:dyDescent="0.2">
      <c r="A81" s="31">
        <v>63</v>
      </c>
      <c r="B81" s="27">
        <v>3</v>
      </c>
      <c r="C81" s="28">
        <v>4</v>
      </c>
      <c r="D81" s="29">
        <v>7</v>
      </c>
    </row>
    <row r="82" spans="1:4" ht="18" customHeight="1" x14ac:dyDescent="0.2">
      <c r="A82" s="31">
        <v>64</v>
      </c>
      <c r="B82" s="27">
        <v>7</v>
      </c>
      <c r="C82" s="28">
        <v>5</v>
      </c>
      <c r="D82" s="29">
        <v>12</v>
      </c>
    </row>
    <row r="83" spans="1:4" ht="18" customHeight="1" x14ac:dyDescent="0.2">
      <c r="A83" s="31" t="s">
        <v>79</v>
      </c>
      <c r="B83" s="27">
        <v>38</v>
      </c>
      <c r="C83" s="28">
        <v>34</v>
      </c>
      <c r="D83" s="29">
        <v>72</v>
      </c>
    </row>
    <row r="84" spans="1:4" ht="18" customHeight="1" x14ac:dyDescent="0.2">
      <c r="A84" s="31" t="s">
        <v>80</v>
      </c>
      <c r="B84" s="27">
        <v>292</v>
      </c>
      <c r="C84" s="28">
        <v>233</v>
      </c>
      <c r="D84" s="29">
        <v>525</v>
      </c>
    </row>
    <row r="85" spans="1:4" ht="18" customHeight="1" x14ac:dyDescent="0.2">
      <c r="A85" s="31">
        <v>65</v>
      </c>
      <c r="B85" s="27">
        <v>9</v>
      </c>
      <c r="C85" s="28">
        <v>6</v>
      </c>
      <c r="D85" s="29">
        <v>15</v>
      </c>
    </row>
    <row r="86" spans="1:4" ht="18" customHeight="1" x14ac:dyDescent="0.2">
      <c r="A86" s="31">
        <v>66</v>
      </c>
      <c r="B86" s="27">
        <v>4</v>
      </c>
      <c r="C86" s="28">
        <v>5</v>
      </c>
      <c r="D86" s="29">
        <v>9</v>
      </c>
    </row>
    <row r="87" spans="1:4" ht="18" customHeight="1" x14ac:dyDescent="0.2">
      <c r="A87" s="31">
        <v>67</v>
      </c>
      <c r="B87" s="27">
        <v>5</v>
      </c>
      <c r="C87" s="28">
        <v>10</v>
      </c>
      <c r="D87" s="29">
        <v>15</v>
      </c>
    </row>
    <row r="88" spans="1:4" ht="18" customHeight="1" x14ac:dyDescent="0.2">
      <c r="A88" s="31">
        <v>68</v>
      </c>
      <c r="B88" s="27">
        <v>5</v>
      </c>
      <c r="C88" s="28">
        <v>7</v>
      </c>
      <c r="D88" s="29">
        <v>12</v>
      </c>
    </row>
    <row r="89" spans="1:4" ht="18" customHeight="1" x14ac:dyDescent="0.2">
      <c r="A89" s="31">
        <v>69</v>
      </c>
      <c r="B89" s="27">
        <v>6</v>
      </c>
      <c r="C89" s="28">
        <v>4</v>
      </c>
      <c r="D89" s="29">
        <v>10</v>
      </c>
    </row>
    <row r="90" spans="1:4" ht="18" customHeight="1" x14ac:dyDescent="0.2">
      <c r="A90" s="31" t="s">
        <v>81</v>
      </c>
      <c r="B90" s="27">
        <v>29</v>
      </c>
      <c r="C90" s="28">
        <v>32</v>
      </c>
      <c r="D90" s="29">
        <v>61</v>
      </c>
    </row>
    <row r="91" spans="1:4" ht="18" customHeight="1" x14ac:dyDescent="0.2">
      <c r="A91" s="31">
        <v>70</v>
      </c>
      <c r="B91" s="27">
        <v>3</v>
      </c>
      <c r="C91" s="28">
        <v>5</v>
      </c>
      <c r="D91" s="29">
        <v>8</v>
      </c>
    </row>
    <row r="92" spans="1:4" ht="18" customHeight="1" x14ac:dyDescent="0.2">
      <c r="A92" s="31">
        <v>71</v>
      </c>
      <c r="B92" s="27">
        <v>6</v>
      </c>
      <c r="C92" s="28">
        <v>9</v>
      </c>
      <c r="D92" s="29">
        <v>15</v>
      </c>
    </row>
    <row r="93" spans="1:4" ht="18" customHeight="1" x14ac:dyDescent="0.2">
      <c r="A93" s="31">
        <v>72</v>
      </c>
      <c r="B93" s="27">
        <v>4</v>
      </c>
      <c r="C93" s="28">
        <v>6</v>
      </c>
      <c r="D93" s="29">
        <v>10</v>
      </c>
    </row>
    <row r="94" spans="1:4" ht="18" customHeight="1" x14ac:dyDescent="0.2">
      <c r="A94" s="31">
        <v>73</v>
      </c>
      <c r="B94" s="27">
        <v>5</v>
      </c>
      <c r="C94" s="28">
        <v>6</v>
      </c>
      <c r="D94" s="29">
        <v>11</v>
      </c>
    </row>
    <row r="95" spans="1:4" ht="18" customHeight="1" x14ac:dyDescent="0.2">
      <c r="A95" s="31">
        <v>74</v>
      </c>
      <c r="B95" s="27">
        <v>4</v>
      </c>
      <c r="C95" s="28">
        <v>7</v>
      </c>
      <c r="D95" s="29">
        <v>11</v>
      </c>
    </row>
    <row r="96" spans="1:4" ht="18" customHeight="1" x14ac:dyDescent="0.2">
      <c r="A96" s="31" t="s">
        <v>82</v>
      </c>
      <c r="B96" s="27">
        <v>22</v>
      </c>
      <c r="C96" s="28">
        <v>33</v>
      </c>
      <c r="D96" s="29">
        <v>55</v>
      </c>
    </row>
    <row r="97" spans="1:4" ht="18" customHeight="1" x14ac:dyDescent="0.2">
      <c r="A97" s="31">
        <v>75</v>
      </c>
      <c r="B97" s="27">
        <v>8</v>
      </c>
      <c r="C97" s="28">
        <v>8</v>
      </c>
      <c r="D97" s="29">
        <v>16</v>
      </c>
    </row>
    <row r="98" spans="1:4" ht="18" customHeight="1" x14ac:dyDescent="0.2">
      <c r="A98" s="31">
        <v>76</v>
      </c>
      <c r="B98" s="27">
        <v>7</v>
      </c>
      <c r="C98" s="28">
        <v>9</v>
      </c>
      <c r="D98" s="29">
        <v>16</v>
      </c>
    </row>
    <row r="99" spans="1:4" ht="18" customHeight="1" x14ac:dyDescent="0.2">
      <c r="A99" s="31">
        <v>77</v>
      </c>
      <c r="B99" s="27">
        <v>6</v>
      </c>
      <c r="C99" s="28">
        <v>10</v>
      </c>
      <c r="D99" s="29">
        <v>16</v>
      </c>
    </row>
    <row r="100" spans="1:4" ht="18" customHeight="1" x14ac:dyDescent="0.2">
      <c r="A100" s="31">
        <v>78</v>
      </c>
      <c r="B100" s="27">
        <v>7</v>
      </c>
      <c r="C100" s="28">
        <v>11</v>
      </c>
      <c r="D100" s="29">
        <v>18</v>
      </c>
    </row>
    <row r="101" spans="1:4" ht="18" customHeight="1" x14ac:dyDescent="0.2">
      <c r="A101" s="31">
        <v>79</v>
      </c>
      <c r="B101" s="27">
        <v>3</v>
      </c>
      <c r="C101" s="28">
        <v>9</v>
      </c>
      <c r="D101" s="29">
        <v>12</v>
      </c>
    </row>
    <row r="102" spans="1:4" ht="18" customHeight="1" x14ac:dyDescent="0.2">
      <c r="A102" s="31" t="s">
        <v>83</v>
      </c>
      <c r="B102" s="27">
        <v>31</v>
      </c>
      <c r="C102" s="28">
        <v>47</v>
      </c>
      <c r="D102" s="29">
        <v>78</v>
      </c>
    </row>
    <row r="103" spans="1:4" ht="18" customHeight="1" x14ac:dyDescent="0.2">
      <c r="A103" s="31">
        <v>80</v>
      </c>
      <c r="B103" s="27">
        <v>4</v>
      </c>
      <c r="C103" s="28">
        <v>13</v>
      </c>
      <c r="D103" s="29">
        <v>17</v>
      </c>
    </row>
    <row r="104" spans="1:4" ht="18" customHeight="1" x14ac:dyDescent="0.2">
      <c r="A104" s="31">
        <v>81</v>
      </c>
      <c r="B104" s="27">
        <v>8</v>
      </c>
      <c r="C104" s="28">
        <v>13</v>
      </c>
      <c r="D104" s="29">
        <v>21</v>
      </c>
    </row>
    <row r="105" spans="1:4" ht="18" customHeight="1" x14ac:dyDescent="0.2">
      <c r="A105" s="31">
        <v>82</v>
      </c>
      <c r="B105" s="27">
        <v>4</v>
      </c>
      <c r="C105" s="28">
        <v>10</v>
      </c>
      <c r="D105" s="29">
        <v>14</v>
      </c>
    </row>
    <row r="106" spans="1:4" ht="18" customHeight="1" x14ac:dyDescent="0.2">
      <c r="A106" s="31">
        <v>83</v>
      </c>
      <c r="B106" s="27">
        <v>2</v>
      </c>
      <c r="C106" s="28">
        <v>9</v>
      </c>
      <c r="D106" s="29">
        <v>11</v>
      </c>
    </row>
    <row r="107" spans="1:4" ht="18" customHeight="1" x14ac:dyDescent="0.2">
      <c r="A107" s="31">
        <v>84</v>
      </c>
      <c r="B107" s="27">
        <v>3</v>
      </c>
      <c r="C107" s="28">
        <v>7</v>
      </c>
      <c r="D107" s="29">
        <v>10</v>
      </c>
    </row>
    <row r="108" spans="1:4" ht="18" customHeight="1" x14ac:dyDescent="0.2">
      <c r="A108" s="31" t="s">
        <v>84</v>
      </c>
      <c r="B108" s="27">
        <v>21</v>
      </c>
      <c r="C108" s="28">
        <v>52</v>
      </c>
      <c r="D108" s="29">
        <v>73</v>
      </c>
    </row>
    <row r="109" spans="1:4" ht="18" customHeight="1" x14ac:dyDescent="0.2">
      <c r="A109" s="31">
        <v>85</v>
      </c>
      <c r="B109" s="27">
        <v>4</v>
      </c>
      <c r="C109" s="28">
        <v>6</v>
      </c>
      <c r="D109" s="29">
        <v>10</v>
      </c>
    </row>
    <row r="110" spans="1:4" ht="18" customHeight="1" x14ac:dyDescent="0.2">
      <c r="A110" s="31">
        <v>86</v>
      </c>
      <c r="B110" s="27">
        <v>2</v>
      </c>
      <c r="C110" s="28">
        <v>11</v>
      </c>
      <c r="D110" s="29">
        <v>13</v>
      </c>
    </row>
    <row r="111" spans="1:4" ht="18" customHeight="1" x14ac:dyDescent="0.2">
      <c r="A111" s="31">
        <v>87</v>
      </c>
      <c r="B111" s="27">
        <v>4</v>
      </c>
      <c r="C111" s="28">
        <v>7</v>
      </c>
      <c r="D111" s="29">
        <v>11</v>
      </c>
    </row>
    <row r="112" spans="1:4" ht="18" customHeight="1" x14ac:dyDescent="0.2">
      <c r="A112" s="31">
        <v>88</v>
      </c>
      <c r="B112" s="27">
        <v>2</v>
      </c>
      <c r="C112" s="28">
        <v>6</v>
      </c>
      <c r="D112" s="29">
        <v>8</v>
      </c>
    </row>
    <row r="113" spans="1:4" ht="18" customHeight="1" x14ac:dyDescent="0.2">
      <c r="A113" s="31">
        <v>89</v>
      </c>
      <c r="B113" s="27">
        <v>1</v>
      </c>
      <c r="C113" s="28">
        <v>6</v>
      </c>
      <c r="D113" s="29">
        <v>7</v>
      </c>
    </row>
    <row r="114" spans="1:4" ht="18" customHeight="1" x14ac:dyDescent="0.2">
      <c r="A114" s="31" t="s">
        <v>85</v>
      </c>
      <c r="B114" s="27">
        <v>13</v>
      </c>
      <c r="C114" s="28">
        <v>36</v>
      </c>
      <c r="D114" s="29">
        <v>49</v>
      </c>
    </row>
    <row r="115" spans="1:4" ht="18" customHeight="1" x14ac:dyDescent="0.2">
      <c r="A115" s="31">
        <v>90</v>
      </c>
      <c r="B115" s="27">
        <v>2</v>
      </c>
      <c r="C115" s="28">
        <v>6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5</v>
      </c>
      <c r="D116" s="29">
        <v>7</v>
      </c>
    </row>
    <row r="117" spans="1:4" ht="18" customHeight="1" x14ac:dyDescent="0.2">
      <c r="A117" s="31">
        <v>92</v>
      </c>
      <c r="B117" s="27">
        <v>2</v>
      </c>
      <c r="C117" s="28">
        <v>6</v>
      </c>
      <c r="D117" s="29">
        <v>8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86</v>
      </c>
      <c r="B120" s="27">
        <v>7</v>
      </c>
      <c r="C120" s="28">
        <v>22</v>
      </c>
      <c r="D120" s="29">
        <v>29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4</v>
      </c>
      <c r="D125" s="29">
        <v>4</v>
      </c>
    </row>
    <row r="126" spans="1:4" ht="18" customHeight="1" x14ac:dyDescent="0.2">
      <c r="A126" s="31" t="s">
        <v>87</v>
      </c>
      <c r="B126" s="27">
        <v>0</v>
      </c>
      <c r="C126" s="28">
        <v>11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90</v>
      </c>
      <c r="B130" s="4">
        <v>123</v>
      </c>
      <c r="C130" s="5">
        <v>235</v>
      </c>
      <c r="D130" s="6">
        <v>358</v>
      </c>
    </row>
    <row r="131" spans="1:4" ht="18" customHeight="1" x14ac:dyDescent="0.2">
      <c r="A131" s="33" t="s">
        <v>65</v>
      </c>
      <c r="B131" s="7">
        <v>454</v>
      </c>
      <c r="C131" s="8">
        <v>510</v>
      </c>
      <c r="D131" s="9">
        <v>96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20</v>
      </c>
      <c r="C5" s="12">
        <v>18</v>
      </c>
      <c r="D5" s="13">
        <v>38</v>
      </c>
    </row>
    <row r="6" spans="1:4" ht="18" customHeight="1" x14ac:dyDescent="0.2">
      <c r="A6" s="14">
        <v>1</v>
      </c>
      <c r="B6" s="15">
        <v>15</v>
      </c>
      <c r="C6" s="16">
        <v>27</v>
      </c>
      <c r="D6" s="17">
        <v>42</v>
      </c>
    </row>
    <row r="7" spans="1:4" ht="18" customHeight="1" x14ac:dyDescent="0.2">
      <c r="A7" s="14">
        <v>2</v>
      </c>
      <c r="B7" s="15">
        <v>21</v>
      </c>
      <c r="C7" s="16">
        <v>20</v>
      </c>
      <c r="D7" s="17">
        <v>41</v>
      </c>
    </row>
    <row r="8" spans="1:4" ht="18" customHeight="1" x14ac:dyDescent="0.2">
      <c r="A8" s="14">
        <v>3</v>
      </c>
      <c r="B8" s="15">
        <v>21</v>
      </c>
      <c r="C8" s="16">
        <v>22</v>
      </c>
      <c r="D8" s="17">
        <v>43</v>
      </c>
    </row>
    <row r="9" spans="1:4" ht="18" customHeight="1" x14ac:dyDescent="0.2">
      <c r="A9" s="14">
        <v>4</v>
      </c>
      <c r="B9" s="15">
        <v>18</v>
      </c>
      <c r="C9" s="16">
        <v>16</v>
      </c>
      <c r="D9" s="17">
        <v>34</v>
      </c>
    </row>
    <row r="10" spans="1:4" ht="18" customHeight="1" x14ac:dyDescent="0.2">
      <c r="A10" s="18" t="s">
        <v>66</v>
      </c>
      <c r="B10" s="15">
        <v>95</v>
      </c>
      <c r="C10" s="16">
        <v>103</v>
      </c>
      <c r="D10" s="17">
        <v>198</v>
      </c>
    </row>
    <row r="11" spans="1:4" ht="18" customHeight="1" x14ac:dyDescent="0.2">
      <c r="A11" s="14">
        <v>5</v>
      </c>
      <c r="B11" s="15">
        <v>25</v>
      </c>
      <c r="C11" s="16">
        <v>24</v>
      </c>
      <c r="D11" s="17">
        <v>49</v>
      </c>
    </row>
    <row r="12" spans="1:4" ht="18" customHeight="1" x14ac:dyDescent="0.2">
      <c r="A12" s="14">
        <v>6</v>
      </c>
      <c r="B12" s="15">
        <v>17</v>
      </c>
      <c r="C12" s="16">
        <v>17</v>
      </c>
      <c r="D12" s="17">
        <v>34</v>
      </c>
    </row>
    <row r="13" spans="1:4" ht="18" customHeight="1" x14ac:dyDescent="0.2">
      <c r="A13" s="14">
        <v>7</v>
      </c>
      <c r="B13" s="15">
        <v>21</v>
      </c>
      <c r="C13" s="16">
        <v>19</v>
      </c>
      <c r="D13" s="17">
        <v>40</v>
      </c>
    </row>
    <row r="14" spans="1:4" ht="18" customHeight="1" x14ac:dyDescent="0.2">
      <c r="A14" s="14">
        <v>8</v>
      </c>
      <c r="B14" s="15">
        <v>26</v>
      </c>
      <c r="C14" s="16">
        <v>17</v>
      </c>
      <c r="D14" s="17">
        <v>43</v>
      </c>
    </row>
    <row r="15" spans="1:4" ht="18" customHeight="1" x14ac:dyDescent="0.2">
      <c r="A15" s="14">
        <v>9</v>
      </c>
      <c r="B15" s="15">
        <v>13</v>
      </c>
      <c r="C15" s="16">
        <v>15</v>
      </c>
      <c r="D15" s="17">
        <v>28</v>
      </c>
    </row>
    <row r="16" spans="1:4" ht="18" customHeight="1" x14ac:dyDescent="0.2">
      <c r="A16" s="18" t="s">
        <v>67</v>
      </c>
      <c r="B16" s="15">
        <v>102</v>
      </c>
      <c r="C16" s="16">
        <v>92</v>
      </c>
      <c r="D16" s="17">
        <v>194</v>
      </c>
    </row>
    <row r="17" spans="1:4" ht="18" customHeight="1" x14ac:dyDescent="0.2">
      <c r="A17" s="14">
        <v>10</v>
      </c>
      <c r="B17" s="15">
        <v>24</v>
      </c>
      <c r="C17" s="16">
        <v>21</v>
      </c>
      <c r="D17" s="17">
        <v>45</v>
      </c>
    </row>
    <row r="18" spans="1:4" ht="18" customHeight="1" x14ac:dyDescent="0.2">
      <c r="A18" s="14">
        <v>11</v>
      </c>
      <c r="B18" s="15">
        <v>35</v>
      </c>
      <c r="C18" s="16">
        <v>13</v>
      </c>
      <c r="D18" s="17">
        <v>48</v>
      </c>
    </row>
    <row r="19" spans="1:4" ht="18" customHeight="1" x14ac:dyDescent="0.2">
      <c r="A19" s="14">
        <v>12</v>
      </c>
      <c r="B19" s="15">
        <v>24</v>
      </c>
      <c r="C19" s="16">
        <v>19</v>
      </c>
      <c r="D19" s="17">
        <v>43</v>
      </c>
    </row>
    <row r="20" spans="1:4" ht="18" customHeight="1" x14ac:dyDescent="0.2">
      <c r="A20" s="14">
        <v>13</v>
      </c>
      <c r="B20" s="15">
        <v>27</v>
      </c>
      <c r="C20" s="16">
        <v>21</v>
      </c>
      <c r="D20" s="17">
        <v>48</v>
      </c>
    </row>
    <row r="21" spans="1:4" ht="18" customHeight="1" x14ac:dyDescent="0.2">
      <c r="A21" s="14">
        <v>14</v>
      </c>
      <c r="B21" s="15">
        <v>26</v>
      </c>
      <c r="C21" s="16">
        <v>24</v>
      </c>
      <c r="D21" s="17">
        <v>50</v>
      </c>
    </row>
    <row r="22" spans="1:4" ht="18" customHeight="1" x14ac:dyDescent="0.2">
      <c r="A22" s="18" t="s">
        <v>68</v>
      </c>
      <c r="B22" s="15">
        <v>136</v>
      </c>
      <c r="C22" s="16">
        <v>98</v>
      </c>
      <c r="D22" s="17">
        <v>234</v>
      </c>
    </row>
    <row r="23" spans="1:4" ht="18" customHeight="1" x14ac:dyDescent="0.2">
      <c r="A23" s="18" t="s">
        <v>69</v>
      </c>
      <c r="B23" s="15">
        <v>333</v>
      </c>
      <c r="C23" s="16">
        <v>293</v>
      </c>
      <c r="D23" s="17">
        <v>626</v>
      </c>
    </row>
    <row r="24" spans="1:4" ht="18" customHeight="1" x14ac:dyDescent="0.2">
      <c r="A24" s="14">
        <v>15</v>
      </c>
      <c r="B24" s="15">
        <v>19</v>
      </c>
      <c r="C24" s="16">
        <v>19</v>
      </c>
      <c r="D24" s="17">
        <v>38</v>
      </c>
    </row>
    <row r="25" spans="1:4" ht="18" customHeight="1" x14ac:dyDescent="0.2">
      <c r="A25" s="14">
        <v>16</v>
      </c>
      <c r="B25" s="15">
        <v>19</v>
      </c>
      <c r="C25" s="16">
        <v>17</v>
      </c>
      <c r="D25" s="17">
        <v>36</v>
      </c>
    </row>
    <row r="26" spans="1:4" ht="18" customHeight="1" x14ac:dyDescent="0.2">
      <c r="A26" s="14">
        <v>17</v>
      </c>
      <c r="B26" s="15">
        <v>21</v>
      </c>
      <c r="C26" s="16">
        <v>28</v>
      </c>
      <c r="D26" s="17">
        <v>49</v>
      </c>
    </row>
    <row r="27" spans="1:4" ht="18" customHeight="1" x14ac:dyDescent="0.2">
      <c r="A27" s="14">
        <v>18</v>
      </c>
      <c r="B27" s="15">
        <v>20</v>
      </c>
      <c r="C27" s="16">
        <v>30</v>
      </c>
      <c r="D27" s="17">
        <v>50</v>
      </c>
    </row>
    <row r="28" spans="1:4" ht="18" customHeight="1" x14ac:dyDescent="0.2">
      <c r="A28" s="14">
        <v>19</v>
      </c>
      <c r="B28" s="15">
        <v>20</v>
      </c>
      <c r="C28" s="16">
        <v>29</v>
      </c>
      <c r="D28" s="17">
        <v>49</v>
      </c>
    </row>
    <row r="29" spans="1:4" ht="18" customHeight="1" x14ac:dyDescent="0.2">
      <c r="A29" s="18" t="s">
        <v>70</v>
      </c>
      <c r="B29" s="15">
        <v>99</v>
      </c>
      <c r="C29" s="16">
        <v>123</v>
      </c>
      <c r="D29" s="17">
        <v>222</v>
      </c>
    </row>
    <row r="30" spans="1:4" ht="18" customHeight="1" x14ac:dyDescent="0.2">
      <c r="A30" s="14">
        <v>20</v>
      </c>
      <c r="B30" s="15">
        <v>29</v>
      </c>
      <c r="C30" s="16">
        <v>18</v>
      </c>
      <c r="D30" s="17">
        <v>47</v>
      </c>
    </row>
    <row r="31" spans="1:4" ht="18" customHeight="1" x14ac:dyDescent="0.2">
      <c r="A31" s="14">
        <v>21</v>
      </c>
      <c r="B31" s="15">
        <v>21</v>
      </c>
      <c r="C31" s="16">
        <v>23</v>
      </c>
      <c r="D31" s="17">
        <v>44</v>
      </c>
    </row>
    <row r="32" spans="1:4" ht="18" customHeight="1" x14ac:dyDescent="0.2">
      <c r="A32" s="14">
        <v>22</v>
      </c>
      <c r="B32" s="15">
        <v>23</v>
      </c>
      <c r="C32" s="16">
        <v>23</v>
      </c>
      <c r="D32" s="17">
        <v>46</v>
      </c>
    </row>
    <row r="33" spans="1:4" ht="18" customHeight="1" x14ac:dyDescent="0.2">
      <c r="A33" s="14">
        <v>23</v>
      </c>
      <c r="B33" s="15">
        <v>25</v>
      </c>
      <c r="C33" s="16">
        <v>17</v>
      </c>
      <c r="D33" s="17">
        <v>42</v>
      </c>
    </row>
    <row r="34" spans="1:4" ht="18" customHeight="1" x14ac:dyDescent="0.2">
      <c r="A34" s="14">
        <v>24</v>
      </c>
      <c r="B34" s="15">
        <v>28</v>
      </c>
      <c r="C34" s="16">
        <v>22</v>
      </c>
      <c r="D34" s="17">
        <v>50</v>
      </c>
    </row>
    <row r="35" spans="1:4" ht="18" customHeight="1" x14ac:dyDescent="0.2">
      <c r="A35" s="18" t="s">
        <v>71</v>
      </c>
      <c r="B35" s="15">
        <v>126</v>
      </c>
      <c r="C35" s="16">
        <v>103</v>
      </c>
      <c r="D35" s="17">
        <v>229</v>
      </c>
    </row>
    <row r="36" spans="1:4" ht="18" customHeight="1" x14ac:dyDescent="0.2">
      <c r="A36" s="14">
        <v>25</v>
      </c>
      <c r="B36" s="15">
        <v>37</v>
      </c>
      <c r="C36" s="16">
        <v>27</v>
      </c>
      <c r="D36" s="17">
        <v>64</v>
      </c>
    </row>
    <row r="37" spans="1:4" ht="18" customHeight="1" x14ac:dyDescent="0.2">
      <c r="A37" s="14">
        <v>26</v>
      </c>
      <c r="B37" s="15">
        <v>26</v>
      </c>
      <c r="C37" s="16">
        <v>26</v>
      </c>
      <c r="D37" s="17">
        <v>52</v>
      </c>
    </row>
    <row r="38" spans="1:4" ht="18" customHeight="1" x14ac:dyDescent="0.2">
      <c r="A38" s="14">
        <v>27</v>
      </c>
      <c r="B38" s="15">
        <v>33</v>
      </c>
      <c r="C38" s="16">
        <v>27</v>
      </c>
      <c r="D38" s="17">
        <v>60</v>
      </c>
    </row>
    <row r="39" spans="1:4" ht="18" customHeight="1" x14ac:dyDescent="0.2">
      <c r="A39" s="14">
        <v>28</v>
      </c>
      <c r="B39" s="15">
        <v>31</v>
      </c>
      <c r="C39" s="16">
        <v>17</v>
      </c>
      <c r="D39" s="17">
        <v>48</v>
      </c>
    </row>
    <row r="40" spans="1:4" ht="18" customHeight="1" x14ac:dyDescent="0.2">
      <c r="A40" s="14">
        <v>29</v>
      </c>
      <c r="B40" s="15">
        <v>33</v>
      </c>
      <c r="C40" s="16">
        <v>27</v>
      </c>
      <c r="D40" s="17">
        <v>60</v>
      </c>
    </row>
    <row r="41" spans="1:4" ht="18" customHeight="1" x14ac:dyDescent="0.2">
      <c r="A41" s="18" t="s">
        <v>72</v>
      </c>
      <c r="B41" s="15">
        <v>160</v>
      </c>
      <c r="C41" s="16">
        <v>124</v>
      </c>
      <c r="D41" s="17">
        <v>284</v>
      </c>
    </row>
    <row r="42" spans="1:4" ht="18" customHeight="1" x14ac:dyDescent="0.2">
      <c r="A42" s="14">
        <v>30</v>
      </c>
      <c r="B42" s="15">
        <v>43</v>
      </c>
      <c r="C42" s="16">
        <v>33</v>
      </c>
      <c r="D42" s="17">
        <v>76</v>
      </c>
    </row>
    <row r="43" spans="1:4" ht="18" customHeight="1" x14ac:dyDescent="0.2">
      <c r="A43" s="14">
        <v>31</v>
      </c>
      <c r="B43" s="15">
        <v>39</v>
      </c>
      <c r="C43" s="16">
        <v>34</v>
      </c>
      <c r="D43" s="17">
        <v>73</v>
      </c>
    </row>
    <row r="44" spans="1:4" ht="18" customHeight="1" x14ac:dyDescent="0.2">
      <c r="A44" s="14">
        <v>32</v>
      </c>
      <c r="B44" s="15">
        <v>36</v>
      </c>
      <c r="C44" s="16">
        <v>30</v>
      </c>
      <c r="D44" s="17">
        <v>66</v>
      </c>
    </row>
    <row r="45" spans="1:4" ht="18" customHeight="1" x14ac:dyDescent="0.2">
      <c r="A45" s="14">
        <v>33</v>
      </c>
      <c r="B45" s="15">
        <v>43</v>
      </c>
      <c r="C45" s="16">
        <v>49</v>
      </c>
      <c r="D45" s="17">
        <v>92</v>
      </c>
    </row>
    <row r="46" spans="1:4" ht="18" customHeight="1" x14ac:dyDescent="0.2">
      <c r="A46" s="14">
        <v>34</v>
      </c>
      <c r="B46" s="15">
        <v>37</v>
      </c>
      <c r="C46" s="16">
        <v>38</v>
      </c>
      <c r="D46" s="17">
        <v>75</v>
      </c>
    </row>
    <row r="47" spans="1:4" ht="18" customHeight="1" x14ac:dyDescent="0.2">
      <c r="A47" s="18" t="s">
        <v>73</v>
      </c>
      <c r="B47" s="15">
        <v>198</v>
      </c>
      <c r="C47" s="16">
        <v>184</v>
      </c>
      <c r="D47" s="17">
        <v>382</v>
      </c>
    </row>
    <row r="48" spans="1:4" ht="18" customHeight="1" x14ac:dyDescent="0.2">
      <c r="A48" s="14">
        <v>35</v>
      </c>
      <c r="B48" s="15">
        <v>40</v>
      </c>
      <c r="C48" s="16">
        <v>34</v>
      </c>
      <c r="D48" s="17">
        <v>74</v>
      </c>
    </row>
    <row r="49" spans="1:4" ht="18" customHeight="1" x14ac:dyDescent="0.2">
      <c r="A49" s="14">
        <v>36</v>
      </c>
      <c r="B49" s="15">
        <v>42</v>
      </c>
      <c r="C49" s="16">
        <v>33</v>
      </c>
      <c r="D49" s="17">
        <v>75</v>
      </c>
    </row>
    <row r="50" spans="1:4" ht="18" customHeight="1" x14ac:dyDescent="0.2">
      <c r="A50" s="14">
        <v>37</v>
      </c>
      <c r="B50" s="15">
        <v>59</v>
      </c>
      <c r="C50" s="16">
        <v>61</v>
      </c>
      <c r="D50" s="17">
        <v>120</v>
      </c>
    </row>
    <row r="51" spans="1:4" ht="18" customHeight="1" x14ac:dyDescent="0.2">
      <c r="A51" s="14">
        <v>38</v>
      </c>
      <c r="B51" s="15">
        <v>50</v>
      </c>
      <c r="C51" s="16">
        <v>39</v>
      </c>
      <c r="D51" s="17">
        <v>89</v>
      </c>
    </row>
    <row r="52" spans="1:4" ht="18" customHeight="1" x14ac:dyDescent="0.2">
      <c r="A52" s="14">
        <v>39</v>
      </c>
      <c r="B52" s="15">
        <v>45</v>
      </c>
      <c r="C52" s="16">
        <v>31</v>
      </c>
      <c r="D52" s="17">
        <v>76</v>
      </c>
    </row>
    <row r="53" spans="1:4" ht="18" customHeight="1" x14ac:dyDescent="0.2">
      <c r="A53" s="18" t="s">
        <v>74</v>
      </c>
      <c r="B53" s="15">
        <v>236</v>
      </c>
      <c r="C53" s="16">
        <v>198</v>
      </c>
      <c r="D53" s="17">
        <v>434</v>
      </c>
    </row>
    <row r="54" spans="1:4" ht="18" customHeight="1" x14ac:dyDescent="0.2">
      <c r="A54" s="14">
        <v>40</v>
      </c>
      <c r="B54" s="15">
        <v>36</v>
      </c>
      <c r="C54" s="16">
        <v>40</v>
      </c>
      <c r="D54" s="17">
        <v>76</v>
      </c>
    </row>
    <row r="55" spans="1:4" ht="18" customHeight="1" x14ac:dyDescent="0.2">
      <c r="A55" s="14">
        <v>41</v>
      </c>
      <c r="B55" s="15">
        <v>57</v>
      </c>
      <c r="C55" s="16">
        <v>36</v>
      </c>
      <c r="D55" s="17">
        <v>93</v>
      </c>
    </row>
    <row r="56" spans="1:4" ht="18" customHeight="1" x14ac:dyDescent="0.2">
      <c r="A56" s="14">
        <v>42</v>
      </c>
      <c r="B56" s="15">
        <v>37</v>
      </c>
      <c r="C56" s="16">
        <v>30</v>
      </c>
      <c r="D56" s="17">
        <v>67</v>
      </c>
    </row>
    <row r="57" spans="1:4" ht="18" customHeight="1" x14ac:dyDescent="0.2">
      <c r="A57" s="14">
        <v>43</v>
      </c>
      <c r="B57" s="15">
        <v>40</v>
      </c>
      <c r="C57" s="16">
        <v>47</v>
      </c>
      <c r="D57" s="17">
        <v>87</v>
      </c>
    </row>
    <row r="58" spans="1:4" ht="18" customHeight="1" x14ac:dyDescent="0.2">
      <c r="A58" s="14">
        <v>44</v>
      </c>
      <c r="B58" s="15">
        <v>35</v>
      </c>
      <c r="C58" s="16">
        <v>38</v>
      </c>
      <c r="D58" s="17">
        <v>73</v>
      </c>
    </row>
    <row r="59" spans="1:4" ht="18" customHeight="1" x14ac:dyDescent="0.2">
      <c r="A59" s="18" t="s">
        <v>75</v>
      </c>
      <c r="B59" s="15">
        <v>205</v>
      </c>
      <c r="C59" s="16">
        <v>191</v>
      </c>
      <c r="D59" s="17">
        <v>396</v>
      </c>
    </row>
    <row r="60" spans="1:4" ht="18" customHeight="1" x14ac:dyDescent="0.2">
      <c r="A60" s="14">
        <v>45</v>
      </c>
      <c r="B60" s="15">
        <v>35</v>
      </c>
      <c r="C60" s="16">
        <v>39</v>
      </c>
      <c r="D60" s="17">
        <v>74</v>
      </c>
    </row>
    <row r="61" spans="1:4" ht="18" customHeight="1" x14ac:dyDescent="0.2">
      <c r="A61" s="14">
        <v>46</v>
      </c>
      <c r="B61" s="15">
        <v>39</v>
      </c>
      <c r="C61" s="16">
        <v>36</v>
      </c>
      <c r="D61" s="17">
        <v>75</v>
      </c>
    </row>
    <row r="62" spans="1:4" ht="18" customHeight="1" x14ac:dyDescent="0.2">
      <c r="A62" s="14">
        <v>47</v>
      </c>
      <c r="B62" s="15">
        <v>41</v>
      </c>
      <c r="C62" s="16">
        <v>41</v>
      </c>
      <c r="D62" s="17">
        <v>82</v>
      </c>
    </row>
    <row r="63" spans="1:4" ht="18" customHeight="1" x14ac:dyDescent="0.2">
      <c r="A63" s="14">
        <v>48</v>
      </c>
      <c r="B63" s="15">
        <v>37</v>
      </c>
      <c r="C63" s="16">
        <v>36</v>
      </c>
      <c r="D63" s="17">
        <v>73</v>
      </c>
    </row>
    <row r="64" spans="1:4" ht="18" customHeight="1" x14ac:dyDescent="0.2">
      <c r="A64" s="14">
        <v>49</v>
      </c>
      <c r="B64" s="15">
        <v>41</v>
      </c>
      <c r="C64" s="16">
        <v>42</v>
      </c>
      <c r="D64" s="17">
        <v>83</v>
      </c>
    </row>
    <row r="65" spans="1:4" ht="18" customHeight="1" x14ac:dyDescent="0.2">
      <c r="A65" s="18" t="s">
        <v>76</v>
      </c>
      <c r="B65" s="15">
        <v>193</v>
      </c>
      <c r="C65" s="16">
        <v>194</v>
      </c>
      <c r="D65" s="17">
        <v>387</v>
      </c>
    </row>
    <row r="66" spans="1:4" ht="18" customHeight="1" x14ac:dyDescent="0.2">
      <c r="A66" s="14">
        <v>50</v>
      </c>
      <c r="B66" s="15">
        <v>38</v>
      </c>
      <c r="C66" s="16">
        <v>35</v>
      </c>
      <c r="D66" s="17">
        <v>73</v>
      </c>
    </row>
    <row r="67" spans="1:4" ht="18" customHeight="1" x14ac:dyDescent="0.2">
      <c r="A67" s="14">
        <v>51</v>
      </c>
      <c r="B67" s="15">
        <v>34</v>
      </c>
      <c r="C67" s="16">
        <v>39</v>
      </c>
      <c r="D67" s="17">
        <v>73</v>
      </c>
    </row>
    <row r="68" spans="1:4" ht="18" customHeight="1" x14ac:dyDescent="0.2">
      <c r="A68" s="14">
        <v>52</v>
      </c>
      <c r="B68" s="15">
        <v>38</v>
      </c>
      <c r="C68" s="16">
        <v>34</v>
      </c>
      <c r="D68" s="17">
        <v>72</v>
      </c>
    </row>
    <row r="69" spans="1:4" ht="18" customHeight="1" x14ac:dyDescent="0.2">
      <c r="A69" s="14">
        <v>53</v>
      </c>
      <c r="B69" s="15">
        <v>36</v>
      </c>
      <c r="C69" s="16">
        <v>35</v>
      </c>
      <c r="D69" s="17">
        <v>71</v>
      </c>
    </row>
    <row r="70" spans="1:4" ht="18" customHeight="1" x14ac:dyDescent="0.2">
      <c r="A70" s="14">
        <v>54</v>
      </c>
      <c r="B70" s="15">
        <v>40</v>
      </c>
      <c r="C70" s="16">
        <v>47</v>
      </c>
      <c r="D70" s="17">
        <v>87</v>
      </c>
    </row>
    <row r="71" spans="1:4" ht="18" customHeight="1" x14ac:dyDescent="0.2">
      <c r="A71" s="18" t="s">
        <v>77</v>
      </c>
      <c r="B71" s="15">
        <v>186</v>
      </c>
      <c r="C71" s="16">
        <v>190</v>
      </c>
      <c r="D71" s="17">
        <v>376</v>
      </c>
    </row>
    <row r="72" spans="1:4" ht="18" customHeight="1" x14ac:dyDescent="0.2">
      <c r="A72" s="14">
        <v>55</v>
      </c>
      <c r="B72" s="15">
        <v>36</v>
      </c>
      <c r="C72" s="16">
        <v>35</v>
      </c>
      <c r="D72" s="17">
        <v>71</v>
      </c>
    </row>
    <row r="73" spans="1:4" ht="18" customHeight="1" x14ac:dyDescent="0.2">
      <c r="A73" s="14">
        <v>56</v>
      </c>
      <c r="B73" s="15">
        <v>50</v>
      </c>
      <c r="C73" s="16">
        <v>47</v>
      </c>
      <c r="D73" s="17">
        <v>97</v>
      </c>
    </row>
    <row r="74" spans="1:4" ht="18" customHeight="1" x14ac:dyDescent="0.2">
      <c r="A74" s="14">
        <v>57</v>
      </c>
      <c r="B74" s="15">
        <v>54</v>
      </c>
      <c r="C74" s="16">
        <v>46</v>
      </c>
      <c r="D74" s="17">
        <v>100</v>
      </c>
    </row>
    <row r="75" spans="1:4" ht="18" customHeight="1" x14ac:dyDescent="0.2">
      <c r="A75" s="14">
        <v>58</v>
      </c>
      <c r="B75" s="15">
        <v>45</v>
      </c>
      <c r="C75" s="16">
        <v>44</v>
      </c>
      <c r="D75" s="17">
        <v>89</v>
      </c>
    </row>
    <row r="76" spans="1:4" ht="18" customHeight="1" x14ac:dyDescent="0.2">
      <c r="A76" s="14">
        <v>59</v>
      </c>
      <c r="B76" s="15">
        <v>58</v>
      </c>
      <c r="C76" s="16">
        <v>49</v>
      </c>
      <c r="D76" s="17">
        <v>107</v>
      </c>
    </row>
    <row r="77" spans="1:4" ht="18" customHeight="1" x14ac:dyDescent="0.2">
      <c r="A77" s="18" t="s">
        <v>78</v>
      </c>
      <c r="B77" s="15">
        <v>243</v>
      </c>
      <c r="C77" s="16">
        <v>221</v>
      </c>
      <c r="D77" s="17">
        <v>464</v>
      </c>
    </row>
    <row r="78" spans="1:4" ht="18" customHeight="1" x14ac:dyDescent="0.2">
      <c r="A78" s="14">
        <v>60</v>
      </c>
      <c r="B78" s="15">
        <v>68</v>
      </c>
      <c r="C78" s="16">
        <v>54</v>
      </c>
      <c r="D78" s="17">
        <v>122</v>
      </c>
    </row>
    <row r="79" spans="1:4" ht="18" customHeight="1" x14ac:dyDescent="0.2">
      <c r="A79" s="14">
        <v>61</v>
      </c>
      <c r="B79" s="15">
        <v>60</v>
      </c>
      <c r="C79" s="16">
        <v>71</v>
      </c>
      <c r="D79" s="17">
        <v>131</v>
      </c>
    </row>
    <row r="80" spans="1:4" ht="18" customHeight="1" x14ac:dyDescent="0.2">
      <c r="A80" s="14">
        <v>62</v>
      </c>
      <c r="B80" s="15">
        <v>47</v>
      </c>
      <c r="C80" s="16">
        <v>66</v>
      </c>
      <c r="D80" s="17">
        <v>113</v>
      </c>
    </row>
    <row r="81" spans="1:4" ht="18" customHeight="1" x14ac:dyDescent="0.2">
      <c r="A81" s="14">
        <v>63</v>
      </c>
      <c r="B81" s="15">
        <v>31</v>
      </c>
      <c r="C81" s="16">
        <v>30</v>
      </c>
      <c r="D81" s="17">
        <v>61</v>
      </c>
    </row>
    <row r="82" spans="1:4" ht="18" customHeight="1" x14ac:dyDescent="0.2">
      <c r="A82" s="14">
        <v>64</v>
      </c>
      <c r="B82" s="15">
        <v>48</v>
      </c>
      <c r="C82" s="16">
        <v>48</v>
      </c>
      <c r="D82" s="17">
        <v>96</v>
      </c>
    </row>
    <row r="83" spans="1:4" ht="18" customHeight="1" x14ac:dyDescent="0.2">
      <c r="A83" s="18" t="s">
        <v>79</v>
      </c>
      <c r="B83" s="15">
        <v>254</v>
      </c>
      <c r="C83" s="16">
        <v>269</v>
      </c>
      <c r="D83" s="17">
        <v>523</v>
      </c>
    </row>
    <row r="84" spans="1:4" ht="18" customHeight="1" x14ac:dyDescent="0.2">
      <c r="A84" s="18" t="s">
        <v>80</v>
      </c>
      <c r="B84" s="15">
        <v>1900</v>
      </c>
      <c r="C84" s="16">
        <v>1797</v>
      </c>
      <c r="D84" s="17">
        <v>3697</v>
      </c>
    </row>
    <row r="85" spans="1:4" ht="18" customHeight="1" x14ac:dyDescent="0.2">
      <c r="A85" s="14">
        <v>65</v>
      </c>
      <c r="B85" s="15">
        <v>55</v>
      </c>
      <c r="C85" s="16">
        <v>56</v>
      </c>
      <c r="D85" s="17">
        <v>111</v>
      </c>
    </row>
    <row r="86" spans="1:4" ht="18" customHeight="1" x14ac:dyDescent="0.2">
      <c r="A86" s="14">
        <v>66</v>
      </c>
      <c r="B86" s="15">
        <v>50</v>
      </c>
      <c r="C86" s="16">
        <v>53</v>
      </c>
      <c r="D86" s="17">
        <v>103</v>
      </c>
    </row>
    <row r="87" spans="1:4" ht="18" customHeight="1" x14ac:dyDescent="0.2">
      <c r="A87" s="14">
        <v>67</v>
      </c>
      <c r="B87" s="15">
        <v>58</v>
      </c>
      <c r="C87" s="16">
        <v>63</v>
      </c>
      <c r="D87" s="17">
        <v>121</v>
      </c>
    </row>
    <row r="88" spans="1:4" ht="18" customHeight="1" x14ac:dyDescent="0.2">
      <c r="A88" s="14">
        <v>68</v>
      </c>
      <c r="B88" s="15">
        <v>44</v>
      </c>
      <c r="C88" s="16">
        <v>45</v>
      </c>
      <c r="D88" s="17">
        <v>89</v>
      </c>
    </row>
    <row r="89" spans="1:4" ht="18" customHeight="1" x14ac:dyDescent="0.2">
      <c r="A89" s="14">
        <v>69</v>
      </c>
      <c r="B89" s="15">
        <v>40</v>
      </c>
      <c r="C89" s="16">
        <v>46</v>
      </c>
      <c r="D89" s="17">
        <v>86</v>
      </c>
    </row>
    <row r="90" spans="1:4" ht="18" customHeight="1" x14ac:dyDescent="0.2">
      <c r="A90" s="18" t="s">
        <v>81</v>
      </c>
      <c r="B90" s="15">
        <v>247</v>
      </c>
      <c r="C90" s="16">
        <v>263</v>
      </c>
      <c r="D90" s="17">
        <v>510</v>
      </c>
    </row>
    <row r="91" spans="1:4" ht="18" customHeight="1" x14ac:dyDescent="0.2">
      <c r="A91" s="14">
        <v>70</v>
      </c>
      <c r="B91" s="15">
        <v>28</v>
      </c>
      <c r="C91" s="16">
        <v>44</v>
      </c>
      <c r="D91" s="17">
        <v>72</v>
      </c>
    </row>
    <row r="92" spans="1:4" ht="18" customHeight="1" x14ac:dyDescent="0.2">
      <c r="A92" s="14">
        <v>71</v>
      </c>
      <c r="B92" s="15">
        <v>26</v>
      </c>
      <c r="C92" s="16">
        <v>49</v>
      </c>
      <c r="D92" s="17">
        <v>75</v>
      </c>
    </row>
    <row r="93" spans="1:4" ht="18" customHeight="1" x14ac:dyDescent="0.2">
      <c r="A93" s="14">
        <v>72</v>
      </c>
      <c r="B93" s="15">
        <v>32</v>
      </c>
      <c r="C93" s="16">
        <v>54</v>
      </c>
      <c r="D93" s="17">
        <v>86</v>
      </c>
    </row>
    <row r="94" spans="1:4" ht="18" customHeight="1" x14ac:dyDescent="0.2">
      <c r="A94" s="14">
        <v>73</v>
      </c>
      <c r="B94" s="15">
        <v>45</v>
      </c>
      <c r="C94" s="16">
        <v>56</v>
      </c>
      <c r="D94" s="17">
        <v>101</v>
      </c>
    </row>
    <row r="95" spans="1:4" ht="18" customHeight="1" x14ac:dyDescent="0.2">
      <c r="A95" s="14">
        <v>74</v>
      </c>
      <c r="B95" s="15">
        <v>27</v>
      </c>
      <c r="C95" s="16">
        <v>48</v>
      </c>
      <c r="D95" s="17">
        <v>75</v>
      </c>
    </row>
    <row r="96" spans="1:4" ht="18" customHeight="1" x14ac:dyDescent="0.2">
      <c r="A96" s="18" t="s">
        <v>82</v>
      </c>
      <c r="B96" s="15">
        <v>158</v>
      </c>
      <c r="C96" s="16">
        <v>251</v>
      </c>
      <c r="D96" s="17">
        <v>409</v>
      </c>
    </row>
    <row r="97" spans="1:4" ht="18" customHeight="1" x14ac:dyDescent="0.2">
      <c r="A97" s="14">
        <v>75</v>
      </c>
      <c r="B97" s="15">
        <v>43</v>
      </c>
      <c r="C97" s="16">
        <v>54</v>
      </c>
      <c r="D97" s="17">
        <v>97</v>
      </c>
    </row>
    <row r="98" spans="1:4" ht="18" customHeight="1" x14ac:dyDescent="0.2">
      <c r="A98" s="14">
        <v>76</v>
      </c>
      <c r="B98" s="15">
        <v>30</v>
      </c>
      <c r="C98" s="16">
        <v>50</v>
      </c>
      <c r="D98" s="17">
        <v>80</v>
      </c>
    </row>
    <row r="99" spans="1:4" ht="18" customHeight="1" x14ac:dyDescent="0.2">
      <c r="A99" s="14">
        <v>77</v>
      </c>
      <c r="B99" s="15">
        <v>23</v>
      </c>
      <c r="C99" s="16">
        <v>56</v>
      </c>
      <c r="D99" s="17">
        <v>79</v>
      </c>
    </row>
    <row r="100" spans="1:4" ht="18" customHeight="1" x14ac:dyDescent="0.2">
      <c r="A100" s="14">
        <v>78</v>
      </c>
      <c r="B100" s="15">
        <v>22</v>
      </c>
      <c r="C100" s="16">
        <v>47</v>
      </c>
      <c r="D100" s="17">
        <v>69</v>
      </c>
    </row>
    <row r="101" spans="1:4" ht="18" customHeight="1" x14ac:dyDescent="0.2">
      <c r="A101" s="14">
        <v>79</v>
      </c>
      <c r="B101" s="15">
        <v>28</v>
      </c>
      <c r="C101" s="16">
        <v>40</v>
      </c>
      <c r="D101" s="17">
        <v>68</v>
      </c>
    </row>
    <row r="102" spans="1:4" ht="18" customHeight="1" x14ac:dyDescent="0.2">
      <c r="A102" s="18" t="s">
        <v>83</v>
      </c>
      <c r="B102" s="15">
        <v>146</v>
      </c>
      <c r="C102" s="16">
        <v>247</v>
      </c>
      <c r="D102" s="17">
        <v>393</v>
      </c>
    </row>
    <row r="103" spans="1:4" ht="18" customHeight="1" x14ac:dyDescent="0.2">
      <c r="A103" s="14">
        <v>80</v>
      </c>
      <c r="B103" s="15">
        <v>24</v>
      </c>
      <c r="C103" s="16">
        <v>37</v>
      </c>
      <c r="D103" s="17">
        <v>61</v>
      </c>
    </row>
    <row r="104" spans="1:4" ht="18" customHeight="1" x14ac:dyDescent="0.2">
      <c r="A104" s="14">
        <v>81</v>
      </c>
      <c r="B104" s="15">
        <v>24</v>
      </c>
      <c r="C104" s="16">
        <v>34</v>
      </c>
      <c r="D104" s="17">
        <v>58</v>
      </c>
    </row>
    <row r="105" spans="1:4" ht="18" customHeight="1" x14ac:dyDescent="0.2">
      <c r="A105" s="14">
        <v>82</v>
      </c>
      <c r="B105" s="15">
        <v>20</v>
      </c>
      <c r="C105" s="16">
        <v>44</v>
      </c>
      <c r="D105" s="17">
        <v>64</v>
      </c>
    </row>
    <row r="106" spans="1:4" ht="18" customHeight="1" x14ac:dyDescent="0.2">
      <c r="A106" s="14">
        <v>83</v>
      </c>
      <c r="B106" s="15">
        <v>18</v>
      </c>
      <c r="C106" s="16">
        <v>50</v>
      </c>
      <c r="D106" s="17">
        <v>68</v>
      </c>
    </row>
    <row r="107" spans="1:4" ht="18" customHeight="1" x14ac:dyDescent="0.2">
      <c r="A107" s="14">
        <v>84</v>
      </c>
      <c r="B107" s="15">
        <v>19</v>
      </c>
      <c r="C107" s="16">
        <v>32</v>
      </c>
      <c r="D107" s="17">
        <v>51</v>
      </c>
    </row>
    <row r="108" spans="1:4" ht="18" customHeight="1" x14ac:dyDescent="0.2">
      <c r="A108" s="18" t="s">
        <v>84</v>
      </c>
      <c r="B108" s="15">
        <v>105</v>
      </c>
      <c r="C108" s="16">
        <v>197</v>
      </c>
      <c r="D108" s="17">
        <v>302</v>
      </c>
    </row>
    <row r="109" spans="1:4" ht="18" customHeight="1" x14ac:dyDescent="0.2">
      <c r="A109" s="14">
        <v>85</v>
      </c>
      <c r="B109" s="15">
        <v>11</v>
      </c>
      <c r="C109" s="16">
        <v>24</v>
      </c>
      <c r="D109" s="17">
        <v>35</v>
      </c>
    </row>
    <row r="110" spans="1:4" ht="18" customHeight="1" x14ac:dyDescent="0.2">
      <c r="A110" s="14">
        <v>86</v>
      </c>
      <c r="B110" s="15">
        <v>19</v>
      </c>
      <c r="C110" s="16">
        <v>31</v>
      </c>
      <c r="D110" s="17">
        <v>50</v>
      </c>
    </row>
    <row r="111" spans="1:4" ht="18" customHeight="1" x14ac:dyDescent="0.2">
      <c r="A111" s="14">
        <v>87</v>
      </c>
      <c r="B111" s="15">
        <v>11</v>
      </c>
      <c r="C111" s="16">
        <v>29</v>
      </c>
      <c r="D111" s="17">
        <v>40</v>
      </c>
    </row>
    <row r="112" spans="1:4" ht="18" customHeight="1" x14ac:dyDescent="0.2">
      <c r="A112" s="14">
        <v>88</v>
      </c>
      <c r="B112" s="15">
        <v>12</v>
      </c>
      <c r="C112" s="16">
        <v>23</v>
      </c>
      <c r="D112" s="17">
        <v>35</v>
      </c>
    </row>
    <row r="113" spans="1:4" ht="18" customHeight="1" x14ac:dyDescent="0.2">
      <c r="A113" s="14">
        <v>89</v>
      </c>
      <c r="B113" s="15">
        <v>3</v>
      </c>
      <c r="C113" s="16">
        <v>21</v>
      </c>
      <c r="D113" s="17">
        <v>24</v>
      </c>
    </row>
    <row r="114" spans="1:4" ht="18" customHeight="1" x14ac:dyDescent="0.2">
      <c r="A114" s="18" t="s">
        <v>85</v>
      </c>
      <c r="B114" s="15">
        <v>56</v>
      </c>
      <c r="C114" s="16">
        <v>128</v>
      </c>
      <c r="D114" s="17">
        <v>184</v>
      </c>
    </row>
    <row r="115" spans="1:4" ht="18" customHeight="1" x14ac:dyDescent="0.2">
      <c r="A115" s="14">
        <v>90</v>
      </c>
      <c r="B115" s="15">
        <v>6</v>
      </c>
      <c r="C115" s="16">
        <v>9</v>
      </c>
      <c r="D115" s="17">
        <v>15</v>
      </c>
    </row>
    <row r="116" spans="1:4" ht="18" customHeight="1" x14ac:dyDescent="0.2">
      <c r="A116" s="14">
        <v>91</v>
      </c>
      <c r="B116" s="15">
        <v>4</v>
      </c>
      <c r="C116" s="16">
        <v>10</v>
      </c>
      <c r="D116" s="17">
        <v>14</v>
      </c>
    </row>
    <row r="117" spans="1:4" ht="18" customHeight="1" x14ac:dyDescent="0.2">
      <c r="A117" s="14">
        <v>92</v>
      </c>
      <c r="B117" s="15">
        <v>4</v>
      </c>
      <c r="C117" s="16">
        <v>9</v>
      </c>
      <c r="D117" s="17">
        <v>13</v>
      </c>
    </row>
    <row r="118" spans="1:4" ht="18" customHeight="1" x14ac:dyDescent="0.2">
      <c r="A118" s="14">
        <v>93</v>
      </c>
      <c r="B118" s="15">
        <v>4</v>
      </c>
      <c r="C118" s="16">
        <v>11</v>
      </c>
      <c r="D118" s="17">
        <v>15</v>
      </c>
    </row>
    <row r="119" spans="1:4" ht="18" customHeight="1" x14ac:dyDescent="0.2">
      <c r="A119" s="14">
        <v>94</v>
      </c>
      <c r="B119" s="15">
        <v>5</v>
      </c>
      <c r="C119" s="16">
        <v>9</v>
      </c>
      <c r="D119" s="17">
        <v>14</v>
      </c>
    </row>
    <row r="120" spans="1:4" ht="18" customHeight="1" x14ac:dyDescent="0.2">
      <c r="A120" s="18" t="s">
        <v>86</v>
      </c>
      <c r="B120" s="15">
        <v>23</v>
      </c>
      <c r="C120" s="16">
        <v>48</v>
      </c>
      <c r="D120" s="17">
        <v>71</v>
      </c>
    </row>
    <row r="121" spans="1:4" ht="18" customHeight="1" x14ac:dyDescent="0.2">
      <c r="A121" s="14">
        <v>95</v>
      </c>
      <c r="B121" s="15">
        <v>1</v>
      </c>
      <c r="C121" s="16">
        <v>11</v>
      </c>
      <c r="D121" s="17">
        <v>12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2</v>
      </c>
      <c r="C125" s="16">
        <v>2</v>
      </c>
      <c r="D125" s="17">
        <v>4</v>
      </c>
    </row>
    <row r="126" spans="1:4" ht="18" customHeight="1" x14ac:dyDescent="0.2">
      <c r="A126" s="18" t="s">
        <v>87</v>
      </c>
      <c r="B126" s="15">
        <v>5</v>
      </c>
      <c r="C126" s="16">
        <v>20</v>
      </c>
      <c r="D126" s="17">
        <v>25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89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90</v>
      </c>
      <c r="B130" s="4">
        <v>740</v>
      </c>
      <c r="C130" s="5">
        <v>1159</v>
      </c>
      <c r="D130" s="6">
        <v>1899</v>
      </c>
    </row>
    <row r="131" spans="1:4" ht="18" customHeight="1" x14ac:dyDescent="0.2">
      <c r="A131" s="20" t="s">
        <v>65</v>
      </c>
      <c r="B131" s="7">
        <v>2973</v>
      </c>
      <c r="C131" s="8">
        <v>3249</v>
      </c>
      <c r="D131" s="9">
        <v>622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66</v>
      </c>
      <c r="B10" s="27">
        <v>2</v>
      </c>
      <c r="C10" s="28">
        <v>0</v>
      </c>
      <c r="D10" s="29">
        <v>2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4" ht="18" customHeight="1" x14ac:dyDescent="0.2">
      <c r="A14" s="31">
        <v>8</v>
      </c>
      <c r="B14" s="35">
        <v>2</v>
      </c>
      <c r="C14" s="28">
        <v>0</v>
      </c>
      <c r="D14" s="29">
        <v>2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3</v>
      </c>
      <c r="C16" s="28">
        <v>2</v>
      </c>
      <c r="D16" s="29">
        <v>5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2</v>
      </c>
      <c r="D19" s="29">
        <v>2</v>
      </c>
    </row>
    <row r="20" spans="1:4" ht="18" customHeight="1" x14ac:dyDescent="0.2">
      <c r="A20" s="31">
        <v>13</v>
      </c>
      <c r="B20" s="27">
        <v>0</v>
      </c>
      <c r="C20" s="28">
        <v>2</v>
      </c>
      <c r="D20" s="29">
        <v>2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68</v>
      </c>
      <c r="B22" s="27">
        <v>1</v>
      </c>
      <c r="C22" s="28">
        <v>6</v>
      </c>
      <c r="D22" s="29">
        <v>7</v>
      </c>
    </row>
    <row r="23" spans="1:4" ht="18" customHeight="1" x14ac:dyDescent="0.2">
      <c r="A23" s="31" t="s">
        <v>69</v>
      </c>
      <c r="B23" s="27">
        <v>6</v>
      </c>
      <c r="C23" s="28">
        <v>8</v>
      </c>
      <c r="D23" s="29">
        <v>14</v>
      </c>
    </row>
    <row r="24" spans="1:4" ht="18" customHeight="1" x14ac:dyDescent="0.2">
      <c r="A24" s="31">
        <v>15</v>
      </c>
      <c r="B24" s="27">
        <v>3</v>
      </c>
      <c r="C24" s="28">
        <v>1</v>
      </c>
      <c r="D24" s="29">
        <v>4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1</v>
      </c>
      <c r="C26" s="28">
        <v>2</v>
      </c>
      <c r="D26" s="29">
        <v>3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70</v>
      </c>
      <c r="B29" s="27">
        <v>5</v>
      </c>
      <c r="C29" s="28">
        <v>3</v>
      </c>
      <c r="D29" s="29">
        <v>8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1</v>
      </c>
      <c r="C31" s="28">
        <v>0</v>
      </c>
      <c r="D31" s="29">
        <v>1</v>
      </c>
    </row>
    <row r="32" spans="1:4" ht="18" customHeight="1" x14ac:dyDescent="0.2">
      <c r="A32" s="31">
        <v>22</v>
      </c>
      <c r="B32" s="27">
        <v>3</v>
      </c>
      <c r="C32" s="28">
        <v>2</v>
      </c>
      <c r="D32" s="29">
        <v>5</v>
      </c>
    </row>
    <row r="33" spans="1:4" ht="18" customHeight="1" x14ac:dyDescent="0.2">
      <c r="A33" s="31">
        <v>23</v>
      </c>
      <c r="B33" s="27">
        <v>3</v>
      </c>
      <c r="C33" s="28">
        <v>1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0</v>
      </c>
      <c r="D34" s="29">
        <v>1</v>
      </c>
    </row>
    <row r="35" spans="1:4" ht="18" customHeight="1" x14ac:dyDescent="0.2">
      <c r="A35" s="31" t="s">
        <v>71</v>
      </c>
      <c r="B35" s="27">
        <v>9</v>
      </c>
      <c r="C35" s="28">
        <v>5</v>
      </c>
      <c r="D35" s="29">
        <v>14</v>
      </c>
    </row>
    <row r="36" spans="1:4" ht="18" customHeight="1" x14ac:dyDescent="0.2">
      <c r="A36" s="31">
        <v>25</v>
      </c>
      <c r="B36" s="27">
        <v>3</v>
      </c>
      <c r="C36" s="28">
        <v>4</v>
      </c>
      <c r="D36" s="29">
        <v>7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5</v>
      </c>
      <c r="C38" s="28">
        <v>2</v>
      </c>
      <c r="D38" s="29">
        <v>7</v>
      </c>
    </row>
    <row r="39" spans="1:4" ht="18" customHeight="1" x14ac:dyDescent="0.2">
      <c r="A39" s="31">
        <v>28</v>
      </c>
      <c r="B39" s="27">
        <v>1</v>
      </c>
      <c r="C39" s="28">
        <v>2</v>
      </c>
      <c r="D39" s="29">
        <v>3</v>
      </c>
    </row>
    <row r="40" spans="1:4" ht="18" customHeight="1" x14ac:dyDescent="0.2">
      <c r="A40" s="31">
        <v>29</v>
      </c>
      <c r="B40" s="27">
        <v>3</v>
      </c>
      <c r="C40" s="28">
        <v>0</v>
      </c>
      <c r="D40" s="29">
        <v>3</v>
      </c>
    </row>
    <row r="41" spans="1:4" ht="18" customHeight="1" x14ac:dyDescent="0.2">
      <c r="A41" s="31" t="s">
        <v>72</v>
      </c>
      <c r="B41" s="27">
        <v>12</v>
      </c>
      <c r="C41" s="28">
        <v>8</v>
      </c>
      <c r="D41" s="29">
        <v>20</v>
      </c>
    </row>
    <row r="42" spans="1:4" ht="18" customHeight="1" x14ac:dyDescent="0.2">
      <c r="A42" s="31">
        <v>30</v>
      </c>
      <c r="B42" s="27">
        <v>1</v>
      </c>
      <c r="C42" s="28">
        <v>3</v>
      </c>
      <c r="D42" s="29">
        <v>4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1</v>
      </c>
      <c r="D44" s="29">
        <v>1</v>
      </c>
    </row>
    <row r="45" spans="1:4" ht="18" customHeight="1" x14ac:dyDescent="0.2">
      <c r="A45" s="31">
        <v>33</v>
      </c>
      <c r="B45" s="27">
        <v>2</v>
      </c>
      <c r="C45" s="28">
        <v>0</v>
      </c>
      <c r="D45" s="29">
        <v>2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73</v>
      </c>
      <c r="B47" s="27">
        <v>4</v>
      </c>
      <c r="C47" s="28">
        <v>4</v>
      </c>
      <c r="D47" s="29">
        <v>8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74</v>
      </c>
      <c r="B53" s="27">
        <v>1</v>
      </c>
      <c r="C53" s="28">
        <v>2</v>
      </c>
      <c r="D53" s="29">
        <v>3</v>
      </c>
    </row>
    <row r="54" spans="1:4" ht="18" customHeight="1" x14ac:dyDescent="0.2">
      <c r="A54" s="31">
        <v>40</v>
      </c>
      <c r="B54" s="27">
        <v>0</v>
      </c>
      <c r="C54" s="28">
        <v>1</v>
      </c>
      <c r="D54" s="29">
        <v>1</v>
      </c>
    </row>
    <row r="55" spans="1:4" ht="18" customHeight="1" x14ac:dyDescent="0.2">
      <c r="A55" s="31">
        <v>41</v>
      </c>
      <c r="B55" s="27">
        <v>1</v>
      </c>
      <c r="C55" s="28">
        <v>0</v>
      </c>
      <c r="D55" s="29">
        <v>1</v>
      </c>
    </row>
    <row r="56" spans="1:4" ht="18" customHeight="1" x14ac:dyDescent="0.2">
      <c r="A56" s="31">
        <v>42</v>
      </c>
      <c r="B56" s="27">
        <v>2</v>
      </c>
      <c r="C56" s="28">
        <v>1</v>
      </c>
      <c r="D56" s="29">
        <v>3</v>
      </c>
    </row>
    <row r="57" spans="1:4" ht="18" customHeight="1" x14ac:dyDescent="0.2">
      <c r="A57" s="31">
        <v>43</v>
      </c>
      <c r="B57" s="27">
        <v>1</v>
      </c>
      <c r="C57" s="28">
        <v>2</v>
      </c>
      <c r="D57" s="29">
        <v>3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75</v>
      </c>
      <c r="B59" s="27">
        <v>4</v>
      </c>
      <c r="C59" s="28">
        <v>5</v>
      </c>
      <c r="D59" s="29">
        <v>9</v>
      </c>
    </row>
    <row r="60" spans="1:4" ht="18" customHeight="1" x14ac:dyDescent="0.2">
      <c r="A60" s="31">
        <v>45</v>
      </c>
      <c r="B60" s="27">
        <v>1</v>
      </c>
      <c r="C60" s="28">
        <v>1</v>
      </c>
      <c r="D60" s="29">
        <v>2</v>
      </c>
    </row>
    <row r="61" spans="1:4" ht="18" customHeight="1" x14ac:dyDescent="0.2">
      <c r="A61" s="31">
        <v>46</v>
      </c>
      <c r="B61" s="27">
        <v>1</v>
      </c>
      <c r="C61" s="28">
        <v>0</v>
      </c>
      <c r="D61" s="29">
        <v>1</v>
      </c>
    </row>
    <row r="62" spans="1:4" ht="18" customHeight="1" x14ac:dyDescent="0.2">
      <c r="A62" s="31">
        <v>47</v>
      </c>
      <c r="B62" s="27">
        <v>3</v>
      </c>
      <c r="C62" s="28">
        <v>1</v>
      </c>
      <c r="D62" s="29">
        <v>4</v>
      </c>
    </row>
    <row r="63" spans="1:4" ht="18" customHeight="1" x14ac:dyDescent="0.2">
      <c r="A63" s="31">
        <v>48</v>
      </c>
      <c r="B63" s="27">
        <v>1</v>
      </c>
      <c r="C63" s="28">
        <v>3</v>
      </c>
      <c r="D63" s="29">
        <v>4</v>
      </c>
    </row>
    <row r="64" spans="1:4" ht="18" customHeight="1" x14ac:dyDescent="0.2">
      <c r="A64" s="31">
        <v>49</v>
      </c>
      <c r="B64" s="27">
        <v>2</v>
      </c>
      <c r="C64" s="28">
        <v>0</v>
      </c>
      <c r="D64" s="29">
        <v>2</v>
      </c>
    </row>
    <row r="65" spans="1:4" ht="18" customHeight="1" x14ac:dyDescent="0.2">
      <c r="A65" s="31" t="s">
        <v>76</v>
      </c>
      <c r="B65" s="27">
        <v>8</v>
      </c>
      <c r="C65" s="28">
        <v>5</v>
      </c>
      <c r="D65" s="29">
        <v>13</v>
      </c>
    </row>
    <row r="66" spans="1:4" ht="18" customHeight="1" x14ac:dyDescent="0.2">
      <c r="A66" s="31">
        <v>50</v>
      </c>
      <c r="B66" s="27">
        <v>1</v>
      </c>
      <c r="C66" s="28">
        <v>1</v>
      </c>
      <c r="D66" s="29">
        <v>2</v>
      </c>
    </row>
    <row r="67" spans="1:4" ht="18" customHeight="1" x14ac:dyDescent="0.2">
      <c r="A67" s="31">
        <v>51</v>
      </c>
      <c r="B67" s="27">
        <v>1</v>
      </c>
      <c r="C67" s="28">
        <v>0</v>
      </c>
      <c r="D67" s="29">
        <v>1</v>
      </c>
    </row>
    <row r="68" spans="1:4" ht="18" customHeight="1" x14ac:dyDescent="0.2">
      <c r="A68" s="31">
        <v>52</v>
      </c>
      <c r="B68" s="27">
        <v>1</v>
      </c>
      <c r="C68" s="28">
        <v>6</v>
      </c>
      <c r="D68" s="29">
        <v>7</v>
      </c>
    </row>
    <row r="69" spans="1:4" ht="18" customHeight="1" x14ac:dyDescent="0.2">
      <c r="A69" s="31">
        <v>53</v>
      </c>
      <c r="B69" s="27">
        <v>0</v>
      </c>
      <c r="C69" s="28">
        <v>6</v>
      </c>
      <c r="D69" s="29">
        <v>6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77</v>
      </c>
      <c r="B71" s="27">
        <v>3</v>
      </c>
      <c r="C71" s="28">
        <v>13</v>
      </c>
      <c r="D71" s="29">
        <v>16</v>
      </c>
    </row>
    <row r="72" spans="1:4" ht="18" customHeight="1" x14ac:dyDescent="0.2">
      <c r="A72" s="31">
        <v>55</v>
      </c>
      <c r="B72" s="27">
        <v>4</v>
      </c>
      <c r="C72" s="28">
        <v>2</v>
      </c>
      <c r="D72" s="29">
        <v>6</v>
      </c>
    </row>
    <row r="73" spans="1:4" ht="18" customHeight="1" x14ac:dyDescent="0.2">
      <c r="A73" s="31">
        <v>56</v>
      </c>
      <c r="B73" s="27">
        <v>1</v>
      </c>
      <c r="C73" s="28">
        <v>0</v>
      </c>
      <c r="D73" s="29">
        <v>1</v>
      </c>
    </row>
    <row r="74" spans="1:4" ht="18" customHeight="1" x14ac:dyDescent="0.2">
      <c r="A74" s="31">
        <v>57</v>
      </c>
      <c r="B74" s="27">
        <v>3</v>
      </c>
      <c r="C74" s="28">
        <v>2</v>
      </c>
      <c r="D74" s="29">
        <v>5</v>
      </c>
    </row>
    <row r="75" spans="1:4" ht="18" customHeight="1" x14ac:dyDescent="0.2">
      <c r="A75" s="31">
        <v>58</v>
      </c>
      <c r="B75" s="27">
        <v>2</v>
      </c>
      <c r="C75" s="28">
        <v>0</v>
      </c>
      <c r="D75" s="29">
        <v>2</v>
      </c>
    </row>
    <row r="76" spans="1:4" ht="18" customHeight="1" x14ac:dyDescent="0.2">
      <c r="A76" s="31">
        <v>59</v>
      </c>
      <c r="B76" s="27">
        <v>5</v>
      </c>
      <c r="C76" s="28">
        <v>0</v>
      </c>
      <c r="D76" s="29">
        <v>5</v>
      </c>
    </row>
    <row r="77" spans="1:4" ht="18" customHeight="1" x14ac:dyDescent="0.2">
      <c r="A77" s="31" t="s">
        <v>78</v>
      </c>
      <c r="B77" s="27">
        <v>15</v>
      </c>
      <c r="C77" s="28">
        <v>4</v>
      </c>
      <c r="D77" s="29">
        <v>19</v>
      </c>
    </row>
    <row r="78" spans="1:4" ht="18" customHeight="1" x14ac:dyDescent="0.2">
      <c r="A78" s="31">
        <v>60</v>
      </c>
      <c r="B78" s="27">
        <v>3</v>
      </c>
      <c r="C78" s="28">
        <v>2</v>
      </c>
      <c r="D78" s="29">
        <v>5</v>
      </c>
    </row>
    <row r="79" spans="1:4" ht="18" customHeight="1" x14ac:dyDescent="0.2">
      <c r="A79" s="31">
        <v>61</v>
      </c>
      <c r="B79" s="27">
        <v>3</v>
      </c>
      <c r="C79" s="28">
        <v>6</v>
      </c>
      <c r="D79" s="29">
        <v>9</v>
      </c>
    </row>
    <row r="80" spans="1:4" ht="18" customHeight="1" x14ac:dyDescent="0.2">
      <c r="A80" s="31">
        <v>62</v>
      </c>
      <c r="B80" s="27">
        <v>2</v>
      </c>
      <c r="C80" s="28">
        <v>2</v>
      </c>
      <c r="D80" s="29">
        <v>4</v>
      </c>
    </row>
    <row r="81" spans="1:4" ht="18" customHeight="1" x14ac:dyDescent="0.2">
      <c r="A81" s="31">
        <v>63</v>
      </c>
      <c r="B81" s="27">
        <v>2</v>
      </c>
      <c r="C81" s="28">
        <v>1</v>
      </c>
      <c r="D81" s="29">
        <v>3</v>
      </c>
    </row>
    <row r="82" spans="1:4" ht="18" customHeight="1" x14ac:dyDescent="0.2">
      <c r="A82" s="31">
        <v>64</v>
      </c>
      <c r="B82" s="27">
        <v>1</v>
      </c>
      <c r="C82" s="28">
        <v>0</v>
      </c>
      <c r="D82" s="29">
        <v>1</v>
      </c>
    </row>
    <row r="83" spans="1:4" ht="18" customHeight="1" x14ac:dyDescent="0.2">
      <c r="A83" s="31" t="s">
        <v>79</v>
      </c>
      <c r="B83" s="27">
        <v>11</v>
      </c>
      <c r="C83" s="28">
        <v>11</v>
      </c>
      <c r="D83" s="29">
        <v>22</v>
      </c>
    </row>
    <row r="84" spans="1:4" ht="18" customHeight="1" x14ac:dyDescent="0.2">
      <c r="A84" s="31" t="s">
        <v>80</v>
      </c>
      <c r="B84" s="27">
        <v>72</v>
      </c>
      <c r="C84" s="28">
        <v>60</v>
      </c>
      <c r="D84" s="29">
        <v>132</v>
      </c>
    </row>
    <row r="85" spans="1:4" ht="18" customHeight="1" x14ac:dyDescent="0.2">
      <c r="A85" s="31">
        <v>65</v>
      </c>
      <c r="B85" s="27">
        <v>2</v>
      </c>
      <c r="C85" s="28">
        <v>3</v>
      </c>
      <c r="D85" s="29">
        <v>5</v>
      </c>
    </row>
    <row r="86" spans="1:4" ht="18" customHeight="1" x14ac:dyDescent="0.2">
      <c r="A86" s="31">
        <v>66</v>
      </c>
      <c r="B86" s="27">
        <v>1</v>
      </c>
      <c r="C86" s="28">
        <v>2</v>
      </c>
      <c r="D86" s="29">
        <v>3</v>
      </c>
    </row>
    <row r="87" spans="1:4" ht="18" customHeight="1" x14ac:dyDescent="0.2">
      <c r="A87" s="31">
        <v>67</v>
      </c>
      <c r="B87" s="27">
        <v>0</v>
      </c>
      <c r="C87" s="28">
        <v>2</v>
      </c>
      <c r="D87" s="29">
        <v>2</v>
      </c>
    </row>
    <row r="88" spans="1:4" ht="18" customHeight="1" x14ac:dyDescent="0.2">
      <c r="A88" s="31">
        <v>68</v>
      </c>
      <c r="B88" s="27">
        <v>4</v>
      </c>
      <c r="C88" s="28">
        <v>0</v>
      </c>
      <c r="D88" s="29">
        <v>4</v>
      </c>
    </row>
    <row r="89" spans="1:4" ht="18" customHeight="1" x14ac:dyDescent="0.2">
      <c r="A89" s="31">
        <v>69</v>
      </c>
      <c r="B89" s="27">
        <v>4</v>
      </c>
      <c r="C89" s="28">
        <v>5</v>
      </c>
      <c r="D89" s="29">
        <v>9</v>
      </c>
    </row>
    <row r="90" spans="1:4" ht="18" customHeight="1" x14ac:dyDescent="0.2">
      <c r="A90" s="31" t="s">
        <v>81</v>
      </c>
      <c r="B90" s="27">
        <v>11</v>
      </c>
      <c r="C90" s="28">
        <v>12</v>
      </c>
      <c r="D90" s="29">
        <v>23</v>
      </c>
    </row>
    <row r="91" spans="1:4" ht="18" customHeight="1" x14ac:dyDescent="0.2">
      <c r="A91" s="31">
        <v>70</v>
      </c>
      <c r="B91" s="27">
        <v>0</v>
      </c>
      <c r="C91" s="28">
        <v>1</v>
      </c>
      <c r="D91" s="29">
        <v>1</v>
      </c>
    </row>
    <row r="92" spans="1:4" ht="18" customHeight="1" x14ac:dyDescent="0.2">
      <c r="A92" s="31">
        <v>71</v>
      </c>
      <c r="B92" s="27">
        <v>4</v>
      </c>
      <c r="C92" s="28">
        <v>4</v>
      </c>
      <c r="D92" s="29">
        <v>8</v>
      </c>
    </row>
    <row r="93" spans="1:4" ht="18" customHeight="1" x14ac:dyDescent="0.2">
      <c r="A93" s="31">
        <v>72</v>
      </c>
      <c r="B93" s="27">
        <v>4</v>
      </c>
      <c r="C93" s="28">
        <v>3</v>
      </c>
      <c r="D93" s="29">
        <v>7</v>
      </c>
    </row>
    <row r="94" spans="1:4" ht="18" customHeight="1" x14ac:dyDescent="0.2">
      <c r="A94" s="31">
        <v>73</v>
      </c>
      <c r="B94" s="27">
        <v>3</v>
      </c>
      <c r="C94" s="28">
        <v>3</v>
      </c>
      <c r="D94" s="29">
        <v>6</v>
      </c>
    </row>
    <row r="95" spans="1:4" ht="18" customHeight="1" x14ac:dyDescent="0.2">
      <c r="A95" s="31">
        <v>74</v>
      </c>
      <c r="B95" s="27">
        <v>0</v>
      </c>
      <c r="C95" s="28">
        <v>2</v>
      </c>
      <c r="D95" s="29">
        <v>2</v>
      </c>
    </row>
    <row r="96" spans="1:4" ht="18" customHeight="1" x14ac:dyDescent="0.2">
      <c r="A96" s="31" t="s">
        <v>82</v>
      </c>
      <c r="B96" s="27">
        <v>11</v>
      </c>
      <c r="C96" s="28">
        <v>13</v>
      </c>
      <c r="D96" s="29">
        <v>24</v>
      </c>
    </row>
    <row r="97" spans="1:4" ht="18" customHeight="1" x14ac:dyDescent="0.2">
      <c r="A97" s="31">
        <v>75</v>
      </c>
      <c r="B97" s="27">
        <v>2</v>
      </c>
      <c r="C97" s="28">
        <v>3</v>
      </c>
      <c r="D97" s="29">
        <v>5</v>
      </c>
    </row>
    <row r="98" spans="1:4" ht="18" customHeight="1" x14ac:dyDescent="0.2">
      <c r="A98" s="31">
        <v>76</v>
      </c>
      <c r="B98" s="27">
        <v>3</v>
      </c>
      <c r="C98" s="28">
        <v>3</v>
      </c>
      <c r="D98" s="29">
        <v>6</v>
      </c>
    </row>
    <row r="99" spans="1:4" ht="18" customHeight="1" x14ac:dyDescent="0.2">
      <c r="A99" s="31">
        <v>77</v>
      </c>
      <c r="B99" s="27">
        <v>6</v>
      </c>
      <c r="C99" s="28">
        <v>1</v>
      </c>
      <c r="D99" s="29">
        <v>7</v>
      </c>
    </row>
    <row r="100" spans="1:4" ht="18" customHeight="1" x14ac:dyDescent="0.2">
      <c r="A100" s="31">
        <v>78</v>
      </c>
      <c r="B100" s="27">
        <v>1</v>
      </c>
      <c r="C100" s="28">
        <v>4</v>
      </c>
      <c r="D100" s="29">
        <v>5</v>
      </c>
    </row>
    <row r="101" spans="1:4" ht="18" customHeight="1" x14ac:dyDescent="0.2">
      <c r="A101" s="31">
        <v>79</v>
      </c>
      <c r="B101" s="27">
        <v>2</v>
      </c>
      <c r="C101" s="28">
        <v>0</v>
      </c>
      <c r="D101" s="29">
        <v>2</v>
      </c>
    </row>
    <row r="102" spans="1:4" ht="18" customHeight="1" x14ac:dyDescent="0.2">
      <c r="A102" s="31" t="s">
        <v>83</v>
      </c>
      <c r="B102" s="27">
        <v>14</v>
      </c>
      <c r="C102" s="28">
        <v>11</v>
      </c>
      <c r="D102" s="29">
        <v>25</v>
      </c>
    </row>
    <row r="103" spans="1:4" ht="18" customHeight="1" x14ac:dyDescent="0.2">
      <c r="A103" s="31">
        <v>80</v>
      </c>
      <c r="B103" s="27">
        <v>0</v>
      </c>
      <c r="C103" s="28">
        <v>4</v>
      </c>
      <c r="D103" s="29">
        <v>4</v>
      </c>
    </row>
    <row r="104" spans="1:4" ht="18" customHeight="1" x14ac:dyDescent="0.2">
      <c r="A104" s="31">
        <v>81</v>
      </c>
      <c r="B104" s="27">
        <v>2</v>
      </c>
      <c r="C104" s="28">
        <v>2</v>
      </c>
      <c r="D104" s="29">
        <v>4</v>
      </c>
    </row>
    <row r="105" spans="1:4" ht="18" customHeight="1" x14ac:dyDescent="0.2">
      <c r="A105" s="31">
        <v>82</v>
      </c>
      <c r="B105" s="27">
        <v>2</v>
      </c>
      <c r="C105" s="28">
        <v>1</v>
      </c>
      <c r="D105" s="29">
        <v>3</v>
      </c>
    </row>
    <row r="106" spans="1:4" ht="18" customHeight="1" x14ac:dyDescent="0.2">
      <c r="A106" s="31">
        <v>83</v>
      </c>
      <c r="B106" s="27">
        <v>0</v>
      </c>
      <c r="C106" s="28">
        <v>2</v>
      </c>
      <c r="D106" s="29">
        <v>2</v>
      </c>
    </row>
    <row r="107" spans="1:4" ht="18" customHeight="1" x14ac:dyDescent="0.2">
      <c r="A107" s="31">
        <v>84</v>
      </c>
      <c r="B107" s="27">
        <v>1</v>
      </c>
      <c r="C107" s="28">
        <v>3</v>
      </c>
      <c r="D107" s="29">
        <v>4</v>
      </c>
    </row>
    <row r="108" spans="1:4" ht="18" customHeight="1" x14ac:dyDescent="0.2">
      <c r="A108" s="31" t="s">
        <v>84</v>
      </c>
      <c r="B108" s="27">
        <v>5</v>
      </c>
      <c r="C108" s="28">
        <v>12</v>
      </c>
      <c r="D108" s="29">
        <v>17</v>
      </c>
    </row>
    <row r="109" spans="1:4" ht="18" customHeight="1" x14ac:dyDescent="0.2">
      <c r="A109" s="31">
        <v>85</v>
      </c>
      <c r="B109" s="27">
        <v>2</v>
      </c>
      <c r="C109" s="28">
        <v>1</v>
      </c>
      <c r="D109" s="29">
        <v>3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2</v>
      </c>
      <c r="C111" s="28">
        <v>0</v>
      </c>
      <c r="D111" s="29">
        <v>2</v>
      </c>
    </row>
    <row r="112" spans="1:4" ht="18" customHeight="1" x14ac:dyDescent="0.2">
      <c r="A112" s="31">
        <v>88</v>
      </c>
      <c r="B112" s="27">
        <v>2</v>
      </c>
      <c r="C112" s="28">
        <v>3</v>
      </c>
      <c r="D112" s="29">
        <v>5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85</v>
      </c>
      <c r="B114" s="27">
        <v>6</v>
      </c>
      <c r="C114" s="28">
        <v>5</v>
      </c>
      <c r="D114" s="29">
        <v>11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0</v>
      </c>
      <c r="C120" s="28">
        <v>4</v>
      </c>
      <c r="D120" s="29">
        <v>4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47</v>
      </c>
      <c r="C130" s="5">
        <v>58</v>
      </c>
      <c r="D130" s="6">
        <v>105</v>
      </c>
    </row>
    <row r="131" spans="1:4" ht="18" customHeight="1" x14ac:dyDescent="0.2">
      <c r="A131" s="33" t="s">
        <v>65</v>
      </c>
      <c r="B131" s="7">
        <v>125</v>
      </c>
      <c r="C131" s="8">
        <v>126</v>
      </c>
      <c r="D131" s="9">
        <v>25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9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66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68</v>
      </c>
      <c r="B22" s="27">
        <v>1</v>
      </c>
      <c r="C22" s="28">
        <v>1</v>
      </c>
      <c r="D22" s="29">
        <v>2</v>
      </c>
    </row>
    <row r="23" spans="1:4" ht="18" customHeight="1" x14ac:dyDescent="0.2">
      <c r="A23" s="31" t="s">
        <v>69</v>
      </c>
      <c r="B23" s="27">
        <v>1</v>
      </c>
      <c r="C23" s="28">
        <v>1</v>
      </c>
      <c r="D23" s="29">
        <v>2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70</v>
      </c>
      <c r="B29" s="27">
        <v>1</v>
      </c>
      <c r="C29" s="28">
        <v>0</v>
      </c>
      <c r="D29" s="29">
        <v>1</v>
      </c>
    </row>
    <row r="30" spans="1:4" ht="18" customHeight="1" x14ac:dyDescent="0.2">
      <c r="A30" s="31">
        <v>20</v>
      </c>
      <c r="B30" s="27">
        <v>1</v>
      </c>
      <c r="C30" s="28">
        <v>0</v>
      </c>
      <c r="D30" s="29">
        <v>1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71</v>
      </c>
      <c r="B35" s="27">
        <v>2</v>
      </c>
      <c r="C35" s="28">
        <v>1</v>
      </c>
      <c r="D35" s="29">
        <v>3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72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73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74</v>
      </c>
      <c r="B53" s="27">
        <v>1</v>
      </c>
      <c r="C53" s="28">
        <v>0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75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1</v>
      </c>
      <c r="C62" s="28">
        <v>0</v>
      </c>
      <c r="D62" s="29">
        <v>1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76</v>
      </c>
      <c r="B65" s="27">
        <v>2</v>
      </c>
      <c r="C65" s="28">
        <v>0</v>
      </c>
      <c r="D65" s="29">
        <v>2</v>
      </c>
    </row>
    <row r="66" spans="1:4" ht="18" customHeight="1" x14ac:dyDescent="0.2">
      <c r="A66" s="31">
        <v>50</v>
      </c>
      <c r="B66" s="27">
        <v>0</v>
      </c>
      <c r="C66" s="28">
        <v>2</v>
      </c>
      <c r="D66" s="29">
        <v>2</v>
      </c>
    </row>
    <row r="67" spans="1:4" ht="18" customHeight="1" x14ac:dyDescent="0.2">
      <c r="A67" s="31">
        <v>51</v>
      </c>
      <c r="B67" s="27">
        <v>1</v>
      </c>
      <c r="C67" s="28">
        <v>0</v>
      </c>
      <c r="D67" s="29">
        <v>1</v>
      </c>
    </row>
    <row r="68" spans="1:4" ht="18" customHeight="1" x14ac:dyDescent="0.2">
      <c r="A68" s="31">
        <v>52</v>
      </c>
      <c r="B68" s="27">
        <v>1</v>
      </c>
      <c r="C68" s="28">
        <v>1</v>
      </c>
      <c r="D68" s="29">
        <v>2</v>
      </c>
    </row>
    <row r="69" spans="1:4" ht="18" customHeight="1" x14ac:dyDescent="0.2">
      <c r="A69" s="31">
        <v>53</v>
      </c>
      <c r="B69" s="27">
        <v>2</v>
      </c>
      <c r="C69" s="28">
        <v>0</v>
      </c>
      <c r="D69" s="29">
        <v>2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77</v>
      </c>
      <c r="B71" s="27">
        <v>4</v>
      </c>
      <c r="C71" s="28">
        <v>3</v>
      </c>
      <c r="D71" s="29">
        <v>7</v>
      </c>
    </row>
    <row r="72" spans="1:4" ht="18" customHeight="1" x14ac:dyDescent="0.2">
      <c r="A72" s="31">
        <v>55</v>
      </c>
      <c r="B72" s="27">
        <v>1</v>
      </c>
      <c r="C72" s="28">
        <v>0</v>
      </c>
      <c r="D72" s="29">
        <v>1</v>
      </c>
    </row>
    <row r="73" spans="1:4" ht="18" customHeight="1" x14ac:dyDescent="0.2">
      <c r="A73" s="31">
        <v>56</v>
      </c>
      <c r="B73" s="27">
        <v>2</v>
      </c>
      <c r="C73" s="28">
        <v>0</v>
      </c>
      <c r="D73" s="29">
        <v>2</v>
      </c>
    </row>
    <row r="74" spans="1:4" ht="18" customHeight="1" x14ac:dyDescent="0.2">
      <c r="A74" s="31">
        <v>57</v>
      </c>
      <c r="B74" s="27">
        <v>2</v>
      </c>
      <c r="C74" s="28">
        <v>0</v>
      </c>
      <c r="D74" s="29">
        <v>2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1</v>
      </c>
      <c r="C76" s="28">
        <v>1</v>
      </c>
      <c r="D76" s="29">
        <v>2</v>
      </c>
    </row>
    <row r="77" spans="1:4" ht="18" customHeight="1" x14ac:dyDescent="0.2">
      <c r="A77" s="31" t="s">
        <v>78</v>
      </c>
      <c r="B77" s="27">
        <v>6</v>
      </c>
      <c r="C77" s="28">
        <v>1</v>
      </c>
      <c r="D77" s="29">
        <v>7</v>
      </c>
    </row>
    <row r="78" spans="1:4" ht="18" customHeight="1" x14ac:dyDescent="0.2">
      <c r="A78" s="31">
        <v>60</v>
      </c>
      <c r="B78" s="27">
        <v>1</v>
      </c>
      <c r="C78" s="28">
        <v>0</v>
      </c>
      <c r="D78" s="29">
        <v>1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1</v>
      </c>
      <c r="C80" s="28">
        <v>0</v>
      </c>
      <c r="D80" s="29">
        <v>1</v>
      </c>
    </row>
    <row r="81" spans="1:4" ht="18" customHeight="1" x14ac:dyDescent="0.2">
      <c r="A81" s="31">
        <v>63</v>
      </c>
      <c r="B81" s="27">
        <v>0</v>
      </c>
      <c r="C81" s="28">
        <v>1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79</v>
      </c>
      <c r="B83" s="27">
        <v>2</v>
      </c>
      <c r="C83" s="28">
        <v>1</v>
      </c>
      <c r="D83" s="29">
        <v>3</v>
      </c>
    </row>
    <row r="84" spans="1:4" ht="18" customHeight="1" x14ac:dyDescent="0.2">
      <c r="A84" s="31" t="s">
        <v>80</v>
      </c>
      <c r="B84" s="27">
        <v>18</v>
      </c>
      <c r="C84" s="28">
        <v>6</v>
      </c>
      <c r="D84" s="29">
        <v>24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0</v>
      </c>
      <c r="C88" s="28">
        <v>1</v>
      </c>
      <c r="D88" s="29">
        <v>1</v>
      </c>
    </row>
    <row r="89" spans="1:4" ht="18" customHeight="1" x14ac:dyDescent="0.2">
      <c r="A89" s="31">
        <v>69</v>
      </c>
      <c r="B89" s="27">
        <v>1</v>
      </c>
      <c r="C89" s="28">
        <v>3</v>
      </c>
      <c r="D89" s="29">
        <v>4</v>
      </c>
    </row>
    <row r="90" spans="1:4" ht="18" customHeight="1" x14ac:dyDescent="0.2">
      <c r="A90" s="31" t="s">
        <v>81</v>
      </c>
      <c r="B90" s="27">
        <v>2</v>
      </c>
      <c r="C90" s="28">
        <v>4</v>
      </c>
      <c r="D90" s="29">
        <v>6</v>
      </c>
    </row>
    <row r="91" spans="1:4" ht="18" customHeight="1" x14ac:dyDescent="0.2">
      <c r="A91" s="31">
        <v>70</v>
      </c>
      <c r="B91" s="27">
        <v>0</v>
      </c>
      <c r="C91" s="28">
        <v>1</v>
      </c>
      <c r="D91" s="29">
        <v>1</v>
      </c>
    </row>
    <row r="92" spans="1:4" ht="18" customHeight="1" x14ac:dyDescent="0.2">
      <c r="A92" s="31">
        <v>71</v>
      </c>
      <c r="B92" s="27">
        <v>2</v>
      </c>
      <c r="C92" s="28">
        <v>3</v>
      </c>
      <c r="D92" s="29">
        <v>5</v>
      </c>
    </row>
    <row r="93" spans="1:4" ht="18" customHeight="1" x14ac:dyDescent="0.2">
      <c r="A93" s="31">
        <v>72</v>
      </c>
      <c r="B93" s="27">
        <v>1</v>
      </c>
      <c r="C93" s="28">
        <v>0</v>
      </c>
      <c r="D93" s="29">
        <v>1</v>
      </c>
    </row>
    <row r="94" spans="1:4" ht="18" customHeight="1" x14ac:dyDescent="0.2">
      <c r="A94" s="31">
        <v>73</v>
      </c>
      <c r="B94" s="27">
        <v>1</v>
      </c>
      <c r="C94" s="28">
        <v>6</v>
      </c>
      <c r="D94" s="29">
        <v>7</v>
      </c>
    </row>
    <row r="95" spans="1:4" ht="18" customHeight="1" x14ac:dyDescent="0.2">
      <c r="A95" s="31">
        <v>74</v>
      </c>
      <c r="B95" s="27">
        <v>4</v>
      </c>
      <c r="C95" s="28">
        <v>0</v>
      </c>
      <c r="D95" s="29">
        <v>4</v>
      </c>
    </row>
    <row r="96" spans="1:4" ht="18" customHeight="1" x14ac:dyDescent="0.2">
      <c r="A96" s="31" t="s">
        <v>82</v>
      </c>
      <c r="B96" s="27">
        <v>8</v>
      </c>
      <c r="C96" s="28">
        <v>10</v>
      </c>
      <c r="D96" s="29">
        <v>18</v>
      </c>
    </row>
    <row r="97" spans="1:4" ht="18" customHeight="1" x14ac:dyDescent="0.2">
      <c r="A97" s="31">
        <v>75</v>
      </c>
      <c r="B97" s="27">
        <v>2</v>
      </c>
      <c r="C97" s="28">
        <v>1</v>
      </c>
      <c r="D97" s="29">
        <v>3</v>
      </c>
    </row>
    <row r="98" spans="1:4" ht="18" customHeight="1" x14ac:dyDescent="0.2">
      <c r="A98" s="31">
        <v>76</v>
      </c>
      <c r="B98" s="27">
        <v>4</v>
      </c>
      <c r="C98" s="28">
        <v>0</v>
      </c>
      <c r="D98" s="29">
        <v>4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1</v>
      </c>
      <c r="C100" s="28">
        <v>0</v>
      </c>
      <c r="D100" s="29">
        <v>1</v>
      </c>
    </row>
    <row r="101" spans="1:4" ht="18" customHeight="1" x14ac:dyDescent="0.2">
      <c r="A101" s="31">
        <v>79</v>
      </c>
      <c r="B101" s="27">
        <v>0</v>
      </c>
      <c r="C101" s="28">
        <v>1</v>
      </c>
      <c r="D101" s="29">
        <v>1</v>
      </c>
    </row>
    <row r="102" spans="1:4" ht="18" customHeight="1" x14ac:dyDescent="0.2">
      <c r="A102" s="31" t="s">
        <v>83</v>
      </c>
      <c r="B102" s="27">
        <v>7</v>
      </c>
      <c r="C102" s="28">
        <v>2</v>
      </c>
      <c r="D102" s="29">
        <v>9</v>
      </c>
    </row>
    <row r="103" spans="1:4" ht="18" customHeight="1" x14ac:dyDescent="0.2">
      <c r="A103" s="31">
        <v>80</v>
      </c>
      <c r="B103" s="27">
        <v>1</v>
      </c>
      <c r="C103" s="28">
        <v>2</v>
      </c>
      <c r="D103" s="29">
        <v>3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2</v>
      </c>
      <c r="C105" s="28">
        <v>1</v>
      </c>
      <c r="D105" s="29">
        <v>3</v>
      </c>
    </row>
    <row r="106" spans="1:4" ht="18" customHeight="1" x14ac:dyDescent="0.2">
      <c r="A106" s="31">
        <v>83</v>
      </c>
      <c r="B106" s="27">
        <v>0</v>
      </c>
      <c r="C106" s="28">
        <v>1</v>
      </c>
      <c r="D106" s="29">
        <v>1</v>
      </c>
    </row>
    <row r="107" spans="1:4" ht="18" customHeight="1" x14ac:dyDescent="0.2">
      <c r="A107" s="31">
        <v>84</v>
      </c>
      <c r="B107" s="27">
        <v>1</v>
      </c>
      <c r="C107" s="28">
        <v>1</v>
      </c>
      <c r="D107" s="29">
        <v>2</v>
      </c>
    </row>
    <row r="108" spans="1:4" ht="18" customHeight="1" x14ac:dyDescent="0.2">
      <c r="A108" s="31" t="s">
        <v>84</v>
      </c>
      <c r="B108" s="27">
        <v>4</v>
      </c>
      <c r="C108" s="28">
        <v>5</v>
      </c>
      <c r="D108" s="29">
        <v>9</v>
      </c>
    </row>
    <row r="109" spans="1:4" ht="18" customHeight="1" x14ac:dyDescent="0.2">
      <c r="A109" s="31">
        <v>85</v>
      </c>
      <c r="B109" s="27">
        <v>0</v>
      </c>
      <c r="C109" s="28">
        <v>2</v>
      </c>
      <c r="D109" s="29">
        <v>2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85</v>
      </c>
      <c r="B114" s="27">
        <v>0</v>
      </c>
      <c r="C114" s="28">
        <v>3</v>
      </c>
      <c r="D114" s="29">
        <v>3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1</v>
      </c>
      <c r="C120" s="28">
        <v>1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2</v>
      </c>
      <c r="C130" s="5">
        <v>25</v>
      </c>
      <c r="D130" s="6">
        <v>47</v>
      </c>
    </row>
    <row r="131" spans="1:4" ht="18" customHeight="1" x14ac:dyDescent="0.2">
      <c r="A131" s="33" t="s">
        <v>65</v>
      </c>
      <c r="B131" s="7">
        <v>41</v>
      </c>
      <c r="C131" s="8">
        <v>32</v>
      </c>
      <c r="D131" s="9">
        <v>7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78</v>
      </c>
      <c r="C5" s="37">
        <v>67</v>
      </c>
      <c r="D5" s="39">
        <v>145</v>
      </c>
    </row>
    <row r="6" spans="1:4" ht="18" customHeight="1" x14ac:dyDescent="0.2">
      <c r="A6" s="31">
        <v>1</v>
      </c>
      <c r="B6" s="35">
        <v>90</v>
      </c>
      <c r="C6" s="28">
        <v>77</v>
      </c>
      <c r="D6" s="29">
        <v>167</v>
      </c>
    </row>
    <row r="7" spans="1:4" ht="18" customHeight="1" x14ac:dyDescent="0.2">
      <c r="A7" s="31">
        <v>2</v>
      </c>
      <c r="B7" s="35">
        <v>88</v>
      </c>
      <c r="C7" s="28">
        <v>71</v>
      </c>
      <c r="D7" s="29">
        <v>159</v>
      </c>
    </row>
    <row r="8" spans="1:4" ht="18" customHeight="1" x14ac:dyDescent="0.2">
      <c r="A8" s="31">
        <v>3</v>
      </c>
      <c r="B8" s="35">
        <v>91</v>
      </c>
      <c r="C8" s="28">
        <v>87</v>
      </c>
      <c r="D8" s="29">
        <v>178</v>
      </c>
    </row>
    <row r="9" spans="1:4" ht="18" customHeight="1" x14ac:dyDescent="0.2">
      <c r="A9" s="31">
        <v>4</v>
      </c>
      <c r="B9" s="36">
        <v>103</v>
      </c>
      <c r="C9" s="38">
        <v>89</v>
      </c>
      <c r="D9" s="40">
        <v>192</v>
      </c>
    </row>
    <row r="10" spans="1:4" ht="18" customHeight="1" x14ac:dyDescent="0.2">
      <c r="A10" s="31" t="s">
        <v>66</v>
      </c>
      <c r="B10" s="27">
        <v>450</v>
      </c>
      <c r="C10" s="28">
        <v>391</v>
      </c>
      <c r="D10" s="29">
        <v>841</v>
      </c>
    </row>
    <row r="11" spans="1:4" ht="18" customHeight="1" x14ac:dyDescent="0.2">
      <c r="A11" s="31">
        <v>5</v>
      </c>
      <c r="B11" s="35">
        <v>88</v>
      </c>
      <c r="C11" s="28">
        <v>110</v>
      </c>
      <c r="D11" s="29">
        <v>198</v>
      </c>
    </row>
    <row r="12" spans="1:4" ht="18" customHeight="1" x14ac:dyDescent="0.2">
      <c r="A12" s="31">
        <v>6</v>
      </c>
      <c r="B12" s="35">
        <v>113</v>
      </c>
      <c r="C12" s="28">
        <v>100</v>
      </c>
      <c r="D12" s="29">
        <v>213</v>
      </c>
    </row>
    <row r="13" spans="1:4" ht="18" customHeight="1" x14ac:dyDescent="0.2">
      <c r="A13" s="31">
        <v>7</v>
      </c>
      <c r="B13" s="35">
        <v>117</v>
      </c>
      <c r="C13" s="28">
        <v>79</v>
      </c>
      <c r="D13" s="29">
        <v>196</v>
      </c>
    </row>
    <row r="14" spans="1:4" ht="18" customHeight="1" x14ac:dyDescent="0.2">
      <c r="A14" s="31">
        <v>8</v>
      </c>
      <c r="B14" s="35">
        <v>110</v>
      </c>
      <c r="C14" s="28">
        <v>112</v>
      </c>
      <c r="D14" s="29">
        <v>222</v>
      </c>
    </row>
    <row r="15" spans="1:4" ht="18" customHeight="1" x14ac:dyDescent="0.2">
      <c r="A15" s="31">
        <v>9</v>
      </c>
      <c r="B15" s="35">
        <v>105</v>
      </c>
      <c r="C15" s="28">
        <v>126</v>
      </c>
      <c r="D15" s="29">
        <v>231</v>
      </c>
    </row>
    <row r="16" spans="1:4" ht="18" customHeight="1" x14ac:dyDescent="0.2">
      <c r="A16" s="31" t="s">
        <v>67</v>
      </c>
      <c r="B16" s="27">
        <v>533</v>
      </c>
      <c r="C16" s="28">
        <v>527</v>
      </c>
      <c r="D16" s="29">
        <v>1060</v>
      </c>
    </row>
    <row r="17" spans="1:4" ht="18" customHeight="1" x14ac:dyDescent="0.2">
      <c r="A17" s="31">
        <v>10</v>
      </c>
      <c r="B17" s="27">
        <v>121</v>
      </c>
      <c r="C17" s="28">
        <v>100</v>
      </c>
      <c r="D17" s="29">
        <v>221</v>
      </c>
    </row>
    <row r="18" spans="1:4" ht="18" customHeight="1" x14ac:dyDescent="0.2">
      <c r="A18" s="31">
        <v>11</v>
      </c>
      <c r="B18" s="27">
        <v>104</v>
      </c>
      <c r="C18" s="28">
        <v>94</v>
      </c>
      <c r="D18" s="29">
        <v>198</v>
      </c>
    </row>
    <row r="19" spans="1:4" ht="18" customHeight="1" x14ac:dyDescent="0.2">
      <c r="A19" s="31">
        <v>12</v>
      </c>
      <c r="B19" s="27">
        <v>112</v>
      </c>
      <c r="C19" s="28">
        <v>101</v>
      </c>
      <c r="D19" s="29">
        <v>213</v>
      </c>
    </row>
    <row r="20" spans="1:4" ht="18" customHeight="1" x14ac:dyDescent="0.2">
      <c r="A20" s="31">
        <v>13</v>
      </c>
      <c r="B20" s="27">
        <v>101</v>
      </c>
      <c r="C20" s="28">
        <v>111</v>
      </c>
      <c r="D20" s="29">
        <v>212</v>
      </c>
    </row>
    <row r="21" spans="1:4" ht="18" customHeight="1" x14ac:dyDescent="0.2">
      <c r="A21" s="31">
        <v>14</v>
      </c>
      <c r="B21" s="27">
        <v>95</v>
      </c>
      <c r="C21" s="28">
        <v>92</v>
      </c>
      <c r="D21" s="29">
        <v>187</v>
      </c>
    </row>
    <row r="22" spans="1:4" ht="18" customHeight="1" x14ac:dyDescent="0.2">
      <c r="A22" s="31" t="s">
        <v>68</v>
      </c>
      <c r="B22" s="27">
        <v>533</v>
      </c>
      <c r="C22" s="28">
        <v>498</v>
      </c>
      <c r="D22" s="29">
        <v>1031</v>
      </c>
    </row>
    <row r="23" spans="1:4" ht="18" customHeight="1" x14ac:dyDescent="0.2">
      <c r="A23" s="31" t="s">
        <v>69</v>
      </c>
      <c r="B23" s="27">
        <v>1516</v>
      </c>
      <c r="C23" s="28">
        <v>1416</v>
      </c>
      <c r="D23" s="29">
        <v>2932</v>
      </c>
    </row>
    <row r="24" spans="1:4" ht="18" customHeight="1" x14ac:dyDescent="0.2">
      <c r="A24" s="31">
        <v>15</v>
      </c>
      <c r="B24" s="27">
        <v>106</v>
      </c>
      <c r="C24" s="28">
        <v>92</v>
      </c>
      <c r="D24" s="29">
        <v>198</v>
      </c>
    </row>
    <row r="25" spans="1:4" ht="18" customHeight="1" x14ac:dyDescent="0.2">
      <c r="A25" s="31">
        <v>16</v>
      </c>
      <c r="B25" s="27">
        <v>92</v>
      </c>
      <c r="C25" s="28">
        <v>72</v>
      </c>
      <c r="D25" s="29">
        <v>164</v>
      </c>
    </row>
    <row r="26" spans="1:4" ht="18" customHeight="1" x14ac:dyDescent="0.2">
      <c r="A26" s="31">
        <v>17</v>
      </c>
      <c r="B26" s="27">
        <v>95</v>
      </c>
      <c r="C26" s="28">
        <v>112</v>
      </c>
      <c r="D26" s="29">
        <v>207</v>
      </c>
    </row>
    <row r="27" spans="1:4" ht="18" customHeight="1" x14ac:dyDescent="0.2">
      <c r="A27" s="31">
        <v>18</v>
      </c>
      <c r="B27" s="27">
        <v>96</v>
      </c>
      <c r="C27" s="28">
        <v>87</v>
      </c>
      <c r="D27" s="29">
        <v>183</v>
      </c>
    </row>
    <row r="28" spans="1:4" ht="18" customHeight="1" x14ac:dyDescent="0.2">
      <c r="A28" s="31">
        <v>19</v>
      </c>
      <c r="B28" s="27">
        <v>89</v>
      </c>
      <c r="C28" s="28">
        <v>97</v>
      </c>
      <c r="D28" s="29">
        <v>186</v>
      </c>
    </row>
    <row r="29" spans="1:4" ht="18" customHeight="1" x14ac:dyDescent="0.2">
      <c r="A29" s="31" t="s">
        <v>70</v>
      </c>
      <c r="B29" s="27">
        <v>478</v>
      </c>
      <c r="C29" s="28">
        <v>460</v>
      </c>
      <c r="D29" s="29">
        <v>938</v>
      </c>
    </row>
    <row r="30" spans="1:4" ht="18" customHeight="1" x14ac:dyDescent="0.2">
      <c r="A30" s="31">
        <v>20</v>
      </c>
      <c r="B30" s="27">
        <v>114</v>
      </c>
      <c r="C30" s="28">
        <v>122</v>
      </c>
      <c r="D30" s="29">
        <v>236</v>
      </c>
    </row>
    <row r="31" spans="1:4" ht="18" customHeight="1" x14ac:dyDescent="0.2">
      <c r="A31" s="31">
        <v>21</v>
      </c>
      <c r="B31" s="27">
        <v>96</v>
      </c>
      <c r="C31" s="28">
        <v>87</v>
      </c>
      <c r="D31" s="29">
        <v>183</v>
      </c>
    </row>
    <row r="32" spans="1:4" ht="18" customHeight="1" x14ac:dyDescent="0.2">
      <c r="A32" s="31">
        <v>22</v>
      </c>
      <c r="B32" s="27">
        <v>115</v>
      </c>
      <c r="C32" s="28">
        <v>116</v>
      </c>
      <c r="D32" s="29">
        <v>231</v>
      </c>
    </row>
    <row r="33" spans="1:4" ht="18" customHeight="1" x14ac:dyDescent="0.2">
      <c r="A33" s="31">
        <v>23</v>
      </c>
      <c r="B33" s="27">
        <v>101</v>
      </c>
      <c r="C33" s="28">
        <v>103</v>
      </c>
      <c r="D33" s="29">
        <v>204</v>
      </c>
    </row>
    <row r="34" spans="1:4" ht="18" customHeight="1" x14ac:dyDescent="0.2">
      <c r="A34" s="31">
        <v>24</v>
      </c>
      <c r="B34" s="27">
        <v>119</v>
      </c>
      <c r="C34" s="28">
        <v>110</v>
      </c>
      <c r="D34" s="29">
        <v>229</v>
      </c>
    </row>
    <row r="35" spans="1:4" ht="18" customHeight="1" x14ac:dyDescent="0.2">
      <c r="A35" s="31" t="s">
        <v>71</v>
      </c>
      <c r="B35" s="27">
        <v>545</v>
      </c>
      <c r="C35" s="28">
        <v>538</v>
      </c>
      <c r="D35" s="29">
        <v>1083</v>
      </c>
    </row>
    <row r="36" spans="1:4" ht="18" customHeight="1" x14ac:dyDescent="0.2">
      <c r="A36" s="31">
        <v>25</v>
      </c>
      <c r="B36" s="27">
        <v>109</v>
      </c>
      <c r="C36" s="28">
        <v>92</v>
      </c>
      <c r="D36" s="29">
        <v>201</v>
      </c>
    </row>
    <row r="37" spans="1:4" ht="18" customHeight="1" x14ac:dyDescent="0.2">
      <c r="A37" s="31">
        <v>26</v>
      </c>
      <c r="B37" s="27">
        <v>108</v>
      </c>
      <c r="C37" s="28">
        <v>109</v>
      </c>
      <c r="D37" s="29">
        <v>217</v>
      </c>
    </row>
    <row r="38" spans="1:4" ht="18" customHeight="1" x14ac:dyDescent="0.2">
      <c r="A38" s="31">
        <v>27</v>
      </c>
      <c r="B38" s="27">
        <v>128</v>
      </c>
      <c r="C38" s="28">
        <v>103</v>
      </c>
      <c r="D38" s="29">
        <v>231</v>
      </c>
    </row>
    <row r="39" spans="1:4" ht="18" customHeight="1" x14ac:dyDescent="0.2">
      <c r="A39" s="31">
        <v>28</v>
      </c>
      <c r="B39" s="27">
        <v>129</v>
      </c>
      <c r="C39" s="28">
        <v>93</v>
      </c>
      <c r="D39" s="29">
        <v>222</v>
      </c>
    </row>
    <row r="40" spans="1:4" ht="18" customHeight="1" x14ac:dyDescent="0.2">
      <c r="A40" s="31">
        <v>29</v>
      </c>
      <c r="B40" s="27">
        <v>111</v>
      </c>
      <c r="C40" s="28">
        <v>105</v>
      </c>
      <c r="D40" s="29">
        <v>216</v>
      </c>
    </row>
    <row r="41" spans="1:4" ht="18" customHeight="1" x14ac:dyDescent="0.2">
      <c r="A41" s="31" t="s">
        <v>72</v>
      </c>
      <c r="B41" s="27">
        <v>585</v>
      </c>
      <c r="C41" s="28">
        <v>502</v>
      </c>
      <c r="D41" s="29">
        <v>1087</v>
      </c>
    </row>
    <row r="42" spans="1:4" ht="18" customHeight="1" x14ac:dyDescent="0.2">
      <c r="A42" s="31">
        <v>30</v>
      </c>
      <c r="B42" s="27">
        <v>147</v>
      </c>
      <c r="C42" s="28">
        <v>123</v>
      </c>
      <c r="D42" s="29">
        <v>270</v>
      </c>
    </row>
    <row r="43" spans="1:4" ht="18" customHeight="1" x14ac:dyDescent="0.2">
      <c r="A43" s="31">
        <v>31</v>
      </c>
      <c r="B43" s="27">
        <v>153</v>
      </c>
      <c r="C43" s="28">
        <v>114</v>
      </c>
      <c r="D43" s="29">
        <v>267</v>
      </c>
    </row>
    <row r="44" spans="1:4" ht="18" customHeight="1" x14ac:dyDescent="0.2">
      <c r="A44" s="31">
        <v>32</v>
      </c>
      <c r="B44" s="27">
        <v>120</v>
      </c>
      <c r="C44" s="28">
        <v>122</v>
      </c>
      <c r="D44" s="29">
        <v>242</v>
      </c>
    </row>
    <row r="45" spans="1:4" ht="18" customHeight="1" x14ac:dyDescent="0.2">
      <c r="A45" s="31">
        <v>33</v>
      </c>
      <c r="B45" s="27">
        <v>137</v>
      </c>
      <c r="C45" s="28">
        <v>135</v>
      </c>
      <c r="D45" s="29">
        <v>272</v>
      </c>
    </row>
    <row r="46" spans="1:4" ht="18" customHeight="1" x14ac:dyDescent="0.2">
      <c r="A46" s="31">
        <v>34</v>
      </c>
      <c r="B46" s="27">
        <v>162</v>
      </c>
      <c r="C46" s="28">
        <v>136</v>
      </c>
      <c r="D46" s="29">
        <v>298</v>
      </c>
    </row>
    <row r="47" spans="1:4" ht="18" customHeight="1" x14ac:dyDescent="0.2">
      <c r="A47" s="31" t="s">
        <v>73</v>
      </c>
      <c r="B47" s="27">
        <v>719</v>
      </c>
      <c r="C47" s="28">
        <v>630</v>
      </c>
      <c r="D47" s="29">
        <v>1349</v>
      </c>
    </row>
    <row r="48" spans="1:4" ht="18" customHeight="1" x14ac:dyDescent="0.2">
      <c r="A48" s="31">
        <v>35</v>
      </c>
      <c r="B48" s="27">
        <v>142</v>
      </c>
      <c r="C48" s="28">
        <v>149</v>
      </c>
      <c r="D48" s="29">
        <v>291</v>
      </c>
    </row>
    <row r="49" spans="1:4" ht="18" customHeight="1" x14ac:dyDescent="0.2">
      <c r="A49" s="31">
        <v>36</v>
      </c>
      <c r="B49" s="27">
        <v>171</v>
      </c>
      <c r="C49" s="28">
        <v>145</v>
      </c>
      <c r="D49" s="29">
        <v>316</v>
      </c>
    </row>
    <row r="50" spans="1:4" ht="18" customHeight="1" x14ac:dyDescent="0.2">
      <c r="A50" s="31">
        <v>37</v>
      </c>
      <c r="B50" s="27">
        <v>135</v>
      </c>
      <c r="C50" s="28">
        <v>144</v>
      </c>
      <c r="D50" s="29">
        <v>279</v>
      </c>
    </row>
    <row r="51" spans="1:4" ht="18" customHeight="1" x14ac:dyDescent="0.2">
      <c r="A51" s="31">
        <v>38</v>
      </c>
      <c r="B51" s="27">
        <v>141</v>
      </c>
      <c r="C51" s="28">
        <v>142</v>
      </c>
      <c r="D51" s="29">
        <v>283</v>
      </c>
    </row>
    <row r="52" spans="1:4" ht="18" customHeight="1" x14ac:dyDescent="0.2">
      <c r="A52" s="31">
        <v>39</v>
      </c>
      <c r="B52" s="27">
        <v>138</v>
      </c>
      <c r="C52" s="28">
        <v>121</v>
      </c>
      <c r="D52" s="29">
        <v>259</v>
      </c>
    </row>
    <row r="53" spans="1:4" ht="18" customHeight="1" x14ac:dyDescent="0.2">
      <c r="A53" s="31" t="s">
        <v>74</v>
      </c>
      <c r="B53" s="27">
        <v>727</v>
      </c>
      <c r="C53" s="28">
        <v>701</v>
      </c>
      <c r="D53" s="29">
        <v>1428</v>
      </c>
    </row>
    <row r="54" spans="1:4" ht="18" customHeight="1" x14ac:dyDescent="0.2">
      <c r="A54" s="31">
        <v>40</v>
      </c>
      <c r="B54" s="27">
        <v>121</v>
      </c>
      <c r="C54" s="28">
        <v>126</v>
      </c>
      <c r="D54" s="29">
        <v>247</v>
      </c>
    </row>
    <row r="55" spans="1:4" ht="18" customHeight="1" x14ac:dyDescent="0.2">
      <c r="A55" s="31">
        <v>41</v>
      </c>
      <c r="B55" s="27">
        <v>112</v>
      </c>
      <c r="C55" s="28">
        <v>133</v>
      </c>
      <c r="D55" s="29">
        <v>245</v>
      </c>
    </row>
    <row r="56" spans="1:4" ht="18" customHeight="1" x14ac:dyDescent="0.2">
      <c r="A56" s="31">
        <v>42</v>
      </c>
      <c r="B56" s="27">
        <v>120</v>
      </c>
      <c r="C56" s="28">
        <v>101</v>
      </c>
      <c r="D56" s="29">
        <v>221</v>
      </c>
    </row>
    <row r="57" spans="1:4" ht="18" customHeight="1" x14ac:dyDescent="0.2">
      <c r="A57" s="31">
        <v>43</v>
      </c>
      <c r="B57" s="27">
        <v>96</v>
      </c>
      <c r="C57" s="28">
        <v>113</v>
      </c>
      <c r="D57" s="29">
        <v>209</v>
      </c>
    </row>
    <row r="58" spans="1:4" ht="18" customHeight="1" x14ac:dyDescent="0.2">
      <c r="A58" s="31">
        <v>44</v>
      </c>
      <c r="B58" s="27">
        <v>140</v>
      </c>
      <c r="C58" s="28">
        <v>108</v>
      </c>
      <c r="D58" s="29">
        <v>248</v>
      </c>
    </row>
    <row r="59" spans="1:4" ht="18" customHeight="1" x14ac:dyDescent="0.2">
      <c r="A59" s="31" t="s">
        <v>75</v>
      </c>
      <c r="B59" s="27">
        <v>589</v>
      </c>
      <c r="C59" s="28">
        <v>581</v>
      </c>
      <c r="D59" s="29">
        <v>1170</v>
      </c>
    </row>
    <row r="60" spans="1:4" ht="18" customHeight="1" x14ac:dyDescent="0.2">
      <c r="A60" s="31">
        <v>45</v>
      </c>
      <c r="B60" s="27">
        <v>121</v>
      </c>
      <c r="C60" s="28">
        <v>136</v>
      </c>
      <c r="D60" s="29">
        <v>257</v>
      </c>
    </row>
    <row r="61" spans="1:4" ht="18" customHeight="1" x14ac:dyDescent="0.2">
      <c r="A61" s="31">
        <v>46</v>
      </c>
      <c r="B61" s="27">
        <v>105</v>
      </c>
      <c r="C61" s="28">
        <v>98</v>
      </c>
      <c r="D61" s="29">
        <v>203</v>
      </c>
    </row>
    <row r="62" spans="1:4" ht="18" customHeight="1" x14ac:dyDescent="0.2">
      <c r="A62" s="31">
        <v>47</v>
      </c>
      <c r="B62" s="27">
        <v>120</v>
      </c>
      <c r="C62" s="28">
        <v>111</v>
      </c>
      <c r="D62" s="29">
        <v>231</v>
      </c>
    </row>
    <row r="63" spans="1:4" ht="18" customHeight="1" x14ac:dyDescent="0.2">
      <c r="A63" s="31">
        <v>48</v>
      </c>
      <c r="B63" s="27">
        <v>131</v>
      </c>
      <c r="C63" s="28">
        <v>126</v>
      </c>
      <c r="D63" s="29">
        <v>257</v>
      </c>
    </row>
    <row r="64" spans="1:4" ht="18" customHeight="1" x14ac:dyDescent="0.2">
      <c r="A64" s="31">
        <v>49</v>
      </c>
      <c r="B64" s="27">
        <v>121</v>
      </c>
      <c r="C64" s="28">
        <v>119</v>
      </c>
      <c r="D64" s="29">
        <v>240</v>
      </c>
    </row>
    <row r="65" spans="1:4" ht="18" customHeight="1" x14ac:dyDescent="0.2">
      <c r="A65" s="31" t="s">
        <v>76</v>
      </c>
      <c r="B65" s="27">
        <v>598</v>
      </c>
      <c r="C65" s="28">
        <v>590</v>
      </c>
      <c r="D65" s="29">
        <v>1188</v>
      </c>
    </row>
    <row r="66" spans="1:4" ht="18" customHeight="1" x14ac:dyDescent="0.2">
      <c r="A66" s="31">
        <v>50</v>
      </c>
      <c r="B66" s="27">
        <v>115</v>
      </c>
      <c r="C66" s="28">
        <v>125</v>
      </c>
      <c r="D66" s="29">
        <v>240</v>
      </c>
    </row>
    <row r="67" spans="1:4" ht="18" customHeight="1" x14ac:dyDescent="0.2">
      <c r="A67" s="31">
        <v>51</v>
      </c>
      <c r="B67" s="27">
        <v>130</v>
      </c>
      <c r="C67" s="28">
        <v>132</v>
      </c>
      <c r="D67" s="29">
        <v>262</v>
      </c>
    </row>
    <row r="68" spans="1:4" ht="18" customHeight="1" x14ac:dyDescent="0.2">
      <c r="A68" s="31">
        <v>52</v>
      </c>
      <c r="B68" s="27">
        <v>115</v>
      </c>
      <c r="C68" s="28">
        <v>125</v>
      </c>
      <c r="D68" s="29">
        <v>240</v>
      </c>
    </row>
    <row r="69" spans="1:4" ht="18" customHeight="1" x14ac:dyDescent="0.2">
      <c r="A69" s="31">
        <v>53</v>
      </c>
      <c r="B69" s="27">
        <v>136</v>
      </c>
      <c r="C69" s="28">
        <v>146</v>
      </c>
      <c r="D69" s="29">
        <v>282</v>
      </c>
    </row>
    <row r="70" spans="1:4" ht="18" customHeight="1" x14ac:dyDescent="0.2">
      <c r="A70" s="31">
        <v>54</v>
      </c>
      <c r="B70" s="27">
        <v>171</v>
      </c>
      <c r="C70" s="28">
        <v>168</v>
      </c>
      <c r="D70" s="29">
        <v>339</v>
      </c>
    </row>
    <row r="71" spans="1:4" ht="18" customHeight="1" x14ac:dyDescent="0.2">
      <c r="A71" s="31" t="s">
        <v>77</v>
      </c>
      <c r="B71" s="27">
        <v>667</v>
      </c>
      <c r="C71" s="28">
        <v>696</v>
      </c>
      <c r="D71" s="29">
        <v>1363</v>
      </c>
    </row>
    <row r="72" spans="1:4" ht="18" customHeight="1" x14ac:dyDescent="0.2">
      <c r="A72" s="31">
        <v>55</v>
      </c>
      <c r="B72" s="27">
        <v>164</v>
      </c>
      <c r="C72" s="28">
        <v>164</v>
      </c>
      <c r="D72" s="29">
        <v>328</v>
      </c>
    </row>
    <row r="73" spans="1:4" ht="18" customHeight="1" x14ac:dyDescent="0.2">
      <c r="A73" s="31">
        <v>56</v>
      </c>
      <c r="B73" s="27">
        <v>173</v>
      </c>
      <c r="C73" s="28">
        <v>159</v>
      </c>
      <c r="D73" s="29">
        <v>332</v>
      </c>
    </row>
    <row r="74" spans="1:4" ht="18" customHeight="1" x14ac:dyDescent="0.2">
      <c r="A74" s="31">
        <v>57</v>
      </c>
      <c r="B74" s="27">
        <v>200</v>
      </c>
      <c r="C74" s="28">
        <v>167</v>
      </c>
      <c r="D74" s="29">
        <v>367</v>
      </c>
    </row>
    <row r="75" spans="1:4" ht="18" customHeight="1" x14ac:dyDescent="0.2">
      <c r="A75" s="31">
        <v>58</v>
      </c>
      <c r="B75" s="27">
        <v>182</v>
      </c>
      <c r="C75" s="28">
        <v>179</v>
      </c>
      <c r="D75" s="29">
        <v>361</v>
      </c>
    </row>
    <row r="76" spans="1:4" ht="18" customHeight="1" x14ac:dyDescent="0.2">
      <c r="A76" s="31">
        <v>59</v>
      </c>
      <c r="B76" s="27">
        <v>219</v>
      </c>
      <c r="C76" s="28">
        <v>198</v>
      </c>
      <c r="D76" s="29">
        <v>417</v>
      </c>
    </row>
    <row r="77" spans="1:4" ht="18" customHeight="1" x14ac:dyDescent="0.2">
      <c r="A77" s="31" t="s">
        <v>78</v>
      </c>
      <c r="B77" s="27">
        <v>938</v>
      </c>
      <c r="C77" s="28">
        <v>867</v>
      </c>
      <c r="D77" s="29">
        <v>1805</v>
      </c>
    </row>
    <row r="78" spans="1:4" ht="18" customHeight="1" x14ac:dyDescent="0.2">
      <c r="A78" s="31">
        <v>60</v>
      </c>
      <c r="B78" s="27">
        <v>218</v>
      </c>
      <c r="C78" s="28">
        <v>179</v>
      </c>
      <c r="D78" s="29">
        <v>397</v>
      </c>
    </row>
    <row r="79" spans="1:4" ht="18" customHeight="1" x14ac:dyDescent="0.2">
      <c r="A79" s="31">
        <v>61</v>
      </c>
      <c r="B79" s="27">
        <v>238</v>
      </c>
      <c r="C79" s="28">
        <v>217</v>
      </c>
      <c r="D79" s="29">
        <v>455</v>
      </c>
    </row>
    <row r="80" spans="1:4" ht="18" customHeight="1" x14ac:dyDescent="0.2">
      <c r="A80" s="31">
        <v>62</v>
      </c>
      <c r="B80" s="27">
        <v>179</v>
      </c>
      <c r="C80" s="28">
        <v>181</v>
      </c>
      <c r="D80" s="29">
        <v>360</v>
      </c>
    </row>
    <row r="81" spans="1:4" ht="18" customHeight="1" x14ac:dyDescent="0.2">
      <c r="A81" s="31">
        <v>63</v>
      </c>
      <c r="B81" s="27">
        <v>85</v>
      </c>
      <c r="C81" s="28">
        <v>85</v>
      </c>
      <c r="D81" s="29">
        <v>170</v>
      </c>
    </row>
    <row r="82" spans="1:4" ht="18" customHeight="1" x14ac:dyDescent="0.2">
      <c r="A82" s="31">
        <v>64</v>
      </c>
      <c r="B82" s="27">
        <v>131</v>
      </c>
      <c r="C82" s="28">
        <v>136</v>
      </c>
      <c r="D82" s="29">
        <v>267</v>
      </c>
    </row>
    <row r="83" spans="1:4" ht="18" customHeight="1" x14ac:dyDescent="0.2">
      <c r="A83" s="31" t="s">
        <v>79</v>
      </c>
      <c r="B83" s="27">
        <v>851</v>
      </c>
      <c r="C83" s="28">
        <v>798</v>
      </c>
      <c r="D83" s="29">
        <v>1649</v>
      </c>
    </row>
    <row r="84" spans="1:4" ht="18" customHeight="1" x14ac:dyDescent="0.2">
      <c r="A84" s="31" t="s">
        <v>80</v>
      </c>
      <c r="B84" s="27">
        <v>6697</v>
      </c>
      <c r="C84" s="28">
        <v>6363</v>
      </c>
      <c r="D84" s="29">
        <v>13060</v>
      </c>
    </row>
    <row r="85" spans="1:4" ht="18" customHeight="1" x14ac:dyDescent="0.2">
      <c r="A85" s="31">
        <v>65</v>
      </c>
      <c r="B85" s="27">
        <v>145</v>
      </c>
      <c r="C85" s="28">
        <v>140</v>
      </c>
      <c r="D85" s="29">
        <v>285</v>
      </c>
    </row>
    <row r="86" spans="1:4" ht="18" customHeight="1" x14ac:dyDescent="0.2">
      <c r="A86" s="31">
        <v>66</v>
      </c>
      <c r="B86" s="27">
        <v>126</v>
      </c>
      <c r="C86" s="28">
        <v>134</v>
      </c>
      <c r="D86" s="29">
        <v>260</v>
      </c>
    </row>
    <row r="87" spans="1:4" ht="18" customHeight="1" x14ac:dyDescent="0.2">
      <c r="A87" s="31">
        <v>67</v>
      </c>
      <c r="B87" s="27">
        <v>141</v>
      </c>
      <c r="C87" s="28">
        <v>161</v>
      </c>
      <c r="D87" s="29">
        <v>302</v>
      </c>
    </row>
    <row r="88" spans="1:4" ht="18" customHeight="1" x14ac:dyDescent="0.2">
      <c r="A88" s="31">
        <v>68</v>
      </c>
      <c r="B88" s="27">
        <v>145</v>
      </c>
      <c r="C88" s="28">
        <v>125</v>
      </c>
      <c r="D88" s="29">
        <v>270</v>
      </c>
    </row>
    <row r="89" spans="1:4" ht="18" customHeight="1" x14ac:dyDescent="0.2">
      <c r="A89" s="31">
        <v>69</v>
      </c>
      <c r="B89" s="27">
        <v>97</v>
      </c>
      <c r="C89" s="28">
        <v>120</v>
      </c>
      <c r="D89" s="29">
        <v>217</v>
      </c>
    </row>
    <row r="90" spans="1:4" ht="18" customHeight="1" x14ac:dyDescent="0.2">
      <c r="A90" s="31" t="s">
        <v>81</v>
      </c>
      <c r="B90" s="27">
        <v>654</v>
      </c>
      <c r="C90" s="28">
        <v>680</v>
      </c>
      <c r="D90" s="29">
        <v>1334</v>
      </c>
    </row>
    <row r="91" spans="1:4" ht="18" customHeight="1" x14ac:dyDescent="0.2">
      <c r="A91" s="31">
        <v>70</v>
      </c>
      <c r="B91" s="27">
        <v>94</v>
      </c>
      <c r="C91" s="28">
        <v>129</v>
      </c>
      <c r="D91" s="29">
        <v>223</v>
      </c>
    </row>
    <row r="92" spans="1:4" ht="18" customHeight="1" x14ac:dyDescent="0.2">
      <c r="A92" s="31">
        <v>71</v>
      </c>
      <c r="B92" s="27">
        <v>115</v>
      </c>
      <c r="C92" s="28">
        <v>149</v>
      </c>
      <c r="D92" s="29">
        <v>264</v>
      </c>
    </row>
    <row r="93" spans="1:4" ht="18" customHeight="1" x14ac:dyDescent="0.2">
      <c r="A93" s="31">
        <v>72</v>
      </c>
      <c r="B93" s="27">
        <v>122</v>
      </c>
      <c r="C93" s="28">
        <v>147</v>
      </c>
      <c r="D93" s="29">
        <v>269</v>
      </c>
    </row>
    <row r="94" spans="1:4" ht="18" customHeight="1" x14ac:dyDescent="0.2">
      <c r="A94" s="31">
        <v>73</v>
      </c>
      <c r="B94" s="27">
        <v>122</v>
      </c>
      <c r="C94" s="28">
        <v>150</v>
      </c>
      <c r="D94" s="29">
        <v>272</v>
      </c>
    </row>
    <row r="95" spans="1:4" ht="18" customHeight="1" x14ac:dyDescent="0.2">
      <c r="A95" s="31">
        <v>74</v>
      </c>
      <c r="B95" s="27">
        <v>107</v>
      </c>
      <c r="C95" s="28">
        <v>128</v>
      </c>
      <c r="D95" s="29">
        <v>235</v>
      </c>
    </row>
    <row r="96" spans="1:4" ht="18" customHeight="1" x14ac:dyDescent="0.2">
      <c r="A96" s="31" t="s">
        <v>82</v>
      </c>
      <c r="B96" s="27">
        <v>560</v>
      </c>
      <c r="C96" s="28">
        <v>703</v>
      </c>
      <c r="D96" s="29">
        <v>1263</v>
      </c>
    </row>
    <row r="97" spans="1:4" ht="18" customHeight="1" x14ac:dyDescent="0.2">
      <c r="A97" s="31">
        <v>75</v>
      </c>
      <c r="B97" s="27">
        <v>121</v>
      </c>
      <c r="C97" s="28">
        <v>143</v>
      </c>
      <c r="D97" s="29">
        <v>264</v>
      </c>
    </row>
    <row r="98" spans="1:4" ht="18" customHeight="1" x14ac:dyDescent="0.2">
      <c r="A98" s="31">
        <v>76</v>
      </c>
      <c r="B98" s="27">
        <v>128</v>
      </c>
      <c r="C98" s="28">
        <v>148</v>
      </c>
      <c r="D98" s="29">
        <v>276</v>
      </c>
    </row>
    <row r="99" spans="1:4" ht="18" customHeight="1" x14ac:dyDescent="0.2">
      <c r="A99" s="31">
        <v>77</v>
      </c>
      <c r="B99" s="27">
        <v>101</v>
      </c>
      <c r="C99" s="28">
        <v>138</v>
      </c>
      <c r="D99" s="29">
        <v>239</v>
      </c>
    </row>
    <row r="100" spans="1:4" ht="18" customHeight="1" x14ac:dyDescent="0.2">
      <c r="A100" s="31">
        <v>78</v>
      </c>
      <c r="B100" s="27">
        <v>99</v>
      </c>
      <c r="C100" s="28">
        <v>157</v>
      </c>
      <c r="D100" s="29">
        <v>256</v>
      </c>
    </row>
    <row r="101" spans="1:4" ht="18" customHeight="1" x14ac:dyDescent="0.2">
      <c r="A101" s="31">
        <v>79</v>
      </c>
      <c r="B101" s="27">
        <v>90</v>
      </c>
      <c r="C101" s="28">
        <v>119</v>
      </c>
      <c r="D101" s="29">
        <v>209</v>
      </c>
    </row>
    <row r="102" spans="1:4" ht="18" customHeight="1" x14ac:dyDescent="0.2">
      <c r="A102" s="31" t="s">
        <v>83</v>
      </c>
      <c r="B102" s="27">
        <v>539</v>
      </c>
      <c r="C102" s="28">
        <v>705</v>
      </c>
      <c r="D102" s="29">
        <v>1244</v>
      </c>
    </row>
    <row r="103" spans="1:4" ht="18" customHeight="1" x14ac:dyDescent="0.2">
      <c r="A103" s="31">
        <v>80</v>
      </c>
      <c r="B103" s="27">
        <v>104</v>
      </c>
      <c r="C103" s="28">
        <v>161</v>
      </c>
      <c r="D103" s="29">
        <v>265</v>
      </c>
    </row>
    <row r="104" spans="1:4" ht="18" customHeight="1" x14ac:dyDescent="0.2">
      <c r="A104" s="31">
        <v>81</v>
      </c>
      <c r="B104" s="27">
        <v>87</v>
      </c>
      <c r="C104" s="28">
        <v>137</v>
      </c>
      <c r="D104" s="29">
        <v>224</v>
      </c>
    </row>
    <row r="105" spans="1:4" ht="18" customHeight="1" x14ac:dyDescent="0.2">
      <c r="A105" s="31">
        <v>82</v>
      </c>
      <c r="B105" s="27">
        <v>73</v>
      </c>
      <c r="C105" s="28">
        <v>109</v>
      </c>
      <c r="D105" s="29">
        <v>182</v>
      </c>
    </row>
    <row r="106" spans="1:4" ht="18" customHeight="1" x14ac:dyDescent="0.2">
      <c r="A106" s="31">
        <v>83</v>
      </c>
      <c r="B106" s="27">
        <v>67</v>
      </c>
      <c r="C106" s="28">
        <v>129</v>
      </c>
      <c r="D106" s="29">
        <v>196</v>
      </c>
    </row>
    <row r="107" spans="1:4" ht="18" customHeight="1" x14ac:dyDescent="0.2">
      <c r="A107" s="31">
        <v>84</v>
      </c>
      <c r="B107" s="27">
        <v>40</v>
      </c>
      <c r="C107" s="28">
        <v>79</v>
      </c>
      <c r="D107" s="29">
        <v>119</v>
      </c>
    </row>
    <row r="108" spans="1:4" ht="18" customHeight="1" x14ac:dyDescent="0.2">
      <c r="A108" s="31" t="s">
        <v>84</v>
      </c>
      <c r="B108" s="27">
        <v>371</v>
      </c>
      <c r="C108" s="28">
        <v>615</v>
      </c>
      <c r="D108" s="29">
        <v>986</v>
      </c>
    </row>
    <row r="109" spans="1:4" ht="18" customHeight="1" x14ac:dyDescent="0.2">
      <c r="A109" s="31">
        <v>85</v>
      </c>
      <c r="B109" s="27">
        <v>54</v>
      </c>
      <c r="C109" s="28">
        <v>101</v>
      </c>
      <c r="D109" s="29">
        <v>155</v>
      </c>
    </row>
    <row r="110" spans="1:4" ht="18" customHeight="1" x14ac:dyDescent="0.2">
      <c r="A110" s="31">
        <v>86</v>
      </c>
      <c r="B110" s="27">
        <v>36</v>
      </c>
      <c r="C110" s="28">
        <v>80</v>
      </c>
      <c r="D110" s="29">
        <v>116</v>
      </c>
    </row>
    <row r="111" spans="1:4" ht="18" customHeight="1" x14ac:dyDescent="0.2">
      <c r="A111" s="31">
        <v>87</v>
      </c>
      <c r="B111" s="27">
        <v>28</v>
      </c>
      <c r="C111" s="28">
        <v>58</v>
      </c>
      <c r="D111" s="29">
        <v>86</v>
      </c>
    </row>
    <row r="112" spans="1:4" ht="18" customHeight="1" x14ac:dyDescent="0.2">
      <c r="A112" s="31">
        <v>88</v>
      </c>
      <c r="B112" s="27">
        <v>38</v>
      </c>
      <c r="C112" s="28">
        <v>70</v>
      </c>
      <c r="D112" s="29">
        <v>108</v>
      </c>
    </row>
    <row r="113" spans="1:4" ht="18" customHeight="1" x14ac:dyDescent="0.2">
      <c r="A113" s="31">
        <v>89</v>
      </c>
      <c r="B113" s="27">
        <v>18</v>
      </c>
      <c r="C113" s="28">
        <v>56</v>
      </c>
      <c r="D113" s="29">
        <v>74</v>
      </c>
    </row>
    <row r="114" spans="1:4" ht="18" customHeight="1" x14ac:dyDescent="0.2">
      <c r="A114" s="31" t="s">
        <v>85</v>
      </c>
      <c r="B114" s="27">
        <v>174</v>
      </c>
      <c r="C114" s="28">
        <v>365</v>
      </c>
      <c r="D114" s="29">
        <v>539</v>
      </c>
    </row>
    <row r="115" spans="1:4" ht="18" customHeight="1" x14ac:dyDescent="0.2">
      <c r="A115" s="31">
        <v>90</v>
      </c>
      <c r="B115" s="27">
        <v>17</v>
      </c>
      <c r="C115" s="28">
        <v>39</v>
      </c>
      <c r="D115" s="29">
        <v>56</v>
      </c>
    </row>
    <row r="116" spans="1:4" ht="18" customHeight="1" x14ac:dyDescent="0.2">
      <c r="A116" s="31">
        <v>91</v>
      </c>
      <c r="B116" s="27">
        <v>15</v>
      </c>
      <c r="C116" s="28">
        <v>48</v>
      </c>
      <c r="D116" s="29">
        <v>63</v>
      </c>
    </row>
    <row r="117" spans="1:4" ht="18" customHeight="1" x14ac:dyDescent="0.2">
      <c r="A117" s="31">
        <v>92</v>
      </c>
      <c r="B117" s="27">
        <v>16</v>
      </c>
      <c r="C117" s="28">
        <v>36</v>
      </c>
      <c r="D117" s="29">
        <v>52</v>
      </c>
    </row>
    <row r="118" spans="1:4" ht="18" customHeight="1" x14ac:dyDescent="0.2">
      <c r="A118" s="31">
        <v>93</v>
      </c>
      <c r="B118" s="27">
        <v>4</v>
      </c>
      <c r="C118" s="28">
        <v>25</v>
      </c>
      <c r="D118" s="29">
        <v>29</v>
      </c>
    </row>
    <row r="119" spans="1:4" ht="18" customHeight="1" x14ac:dyDescent="0.2">
      <c r="A119" s="31">
        <v>94</v>
      </c>
      <c r="B119" s="27">
        <v>8</v>
      </c>
      <c r="C119" s="28">
        <v>19</v>
      </c>
      <c r="D119" s="29">
        <v>27</v>
      </c>
    </row>
    <row r="120" spans="1:4" ht="18" customHeight="1" x14ac:dyDescent="0.2">
      <c r="A120" s="31" t="s">
        <v>86</v>
      </c>
      <c r="B120" s="27">
        <v>60</v>
      </c>
      <c r="C120" s="28">
        <v>167</v>
      </c>
      <c r="D120" s="29">
        <v>227</v>
      </c>
    </row>
    <row r="121" spans="1:4" ht="18" customHeight="1" x14ac:dyDescent="0.2">
      <c r="A121" s="31">
        <v>95</v>
      </c>
      <c r="B121" s="27">
        <v>5</v>
      </c>
      <c r="C121" s="28">
        <v>19</v>
      </c>
      <c r="D121" s="29">
        <v>24</v>
      </c>
    </row>
    <row r="122" spans="1:4" ht="18" customHeight="1" x14ac:dyDescent="0.2">
      <c r="A122" s="31">
        <v>96</v>
      </c>
      <c r="B122" s="27">
        <v>1</v>
      </c>
      <c r="C122" s="28">
        <v>11</v>
      </c>
      <c r="D122" s="29">
        <v>12</v>
      </c>
    </row>
    <row r="123" spans="1:4" ht="18" customHeight="1" x14ac:dyDescent="0.2">
      <c r="A123" s="31">
        <v>97</v>
      </c>
      <c r="B123" s="27">
        <v>2</v>
      </c>
      <c r="C123" s="28">
        <v>8</v>
      </c>
      <c r="D123" s="29">
        <v>10</v>
      </c>
    </row>
    <row r="124" spans="1:4" ht="18" customHeight="1" x14ac:dyDescent="0.2">
      <c r="A124" s="31">
        <v>98</v>
      </c>
      <c r="B124" s="27">
        <v>0</v>
      </c>
      <c r="C124" s="28">
        <v>7</v>
      </c>
      <c r="D124" s="29">
        <v>7</v>
      </c>
    </row>
    <row r="125" spans="1:4" ht="18" customHeight="1" x14ac:dyDescent="0.2">
      <c r="A125" s="31">
        <v>99</v>
      </c>
      <c r="B125" s="27">
        <v>2</v>
      </c>
      <c r="C125" s="28">
        <v>8</v>
      </c>
      <c r="D125" s="29">
        <v>10</v>
      </c>
    </row>
    <row r="126" spans="1:4" ht="18" customHeight="1" x14ac:dyDescent="0.2">
      <c r="A126" s="31" t="s">
        <v>87</v>
      </c>
      <c r="B126" s="27">
        <v>10</v>
      </c>
      <c r="C126" s="28">
        <v>53</v>
      </c>
      <c r="D126" s="29">
        <v>6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5</v>
      </c>
      <c r="D128" s="29">
        <v>5</v>
      </c>
    </row>
    <row r="129" spans="1:4" ht="18" customHeight="1" x14ac:dyDescent="0.2">
      <c r="A129" s="31" t="s">
        <v>89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90</v>
      </c>
      <c r="B130" s="4">
        <v>2368</v>
      </c>
      <c r="C130" s="5">
        <v>3294</v>
      </c>
      <c r="D130" s="6">
        <v>5662</v>
      </c>
    </row>
    <row r="131" spans="1:4" ht="18" customHeight="1" x14ac:dyDescent="0.2">
      <c r="A131" s="33" t="s">
        <v>65</v>
      </c>
      <c r="B131" s="7">
        <v>10581</v>
      </c>
      <c r="C131" s="8">
        <v>11073</v>
      </c>
      <c r="D131" s="9">
        <v>2165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75</v>
      </c>
      <c r="C5" s="37">
        <v>70</v>
      </c>
      <c r="D5" s="39">
        <v>145</v>
      </c>
    </row>
    <row r="6" spans="1:4" ht="18" customHeight="1" x14ac:dyDescent="0.2">
      <c r="A6" s="31">
        <v>1</v>
      </c>
      <c r="B6" s="35">
        <v>86</v>
      </c>
      <c r="C6" s="28">
        <v>75</v>
      </c>
      <c r="D6" s="29">
        <v>161</v>
      </c>
    </row>
    <row r="7" spans="1:4" ht="18" customHeight="1" x14ac:dyDescent="0.2">
      <c r="A7" s="31">
        <v>2</v>
      </c>
      <c r="B7" s="35">
        <v>76</v>
      </c>
      <c r="C7" s="28">
        <v>79</v>
      </c>
      <c r="D7" s="29">
        <v>155</v>
      </c>
    </row>
    <row r="8" spans="1:4" ht="18" customHeight="1" x14ac:dyDescent="0.2">
      <c r="A8" s="31">
        <v>3</v>
      </c>
      <c r="B8" s="35">
        <v>74</v>
      </c>
      <c r="C8" s="28">
        <v>72</v>
      </c>
      <c r="D8" s="29">
        <v>146</v>
      </c>
    </row>
    <row r="9" spans="1:4" ht="18" customHeight="1" x14ac:dyDescent="0.2">
      <c r="A9" s="31">
        <v>4</v>
      </c>
      <c r="B9" s="36">
        <v>78</v>
      </c>
      <c r="C9" s="38">
        <v>77</v>
      </c>
      <c r="D9" s="40">
        <v>155</v>
      </c>
    </row>
    <row r="10" spans="1:4" ht="18" customHeight="1" x14ac:dyDescent="0.2">
      <c r="A10" s="31" t="s">
        <v>66</v>
      </c>
      <c r="B10" s="27">
        <v>389</v>
      </c>
      <c r="C10" s="28">
        <v>373</v>
      </c>
      <c r="D10" s="29">
        <v>762</v>
      </c>
    </row>
    <row r="11" spans="1:4" ht="18" customHeight="1" x14ac:dyDescent="0.2">
      <c r="A11" s="31">
        <v>5</v>
      </c>
      <c r="B11" s="35">
        <v>83</v>
      </c>
      <c r="C11" s="28">
        <v>82</v>
      </c>
      <c r="D11" s="29">
        <v>165</v>
      </c>
    </row>
    <row r="12" spans="1:4" ht="18" customHeight="1" x14ac:dyDescent="0.2">
      <c r="A12" s="31">
        <v>6</v>
      </c>
      <c r="B12" s="35">
        <v>77</v>
      </c>
      <c r="C12" s="28">
        <v>69</v>
      </c>
      <c r="D12" s="29">
        <v>146</v>
      </c>
    </row>
    <row r="13" spans="1:4" ht="18" customHeight="1" x14ac:dyDescent="0.2">
      <c r="A13" s="31">
        <v>7</v>
      </c>
      <c r="B13" s="35">
        <v>74</v>
      </c>
      <c r="C13" s="28">
        <v>74</v>
      </c>
      <c r="D13" s="29">
        <v>148</v>
      </c>
    </row>
    <row r="14" spans="1:4" ht="18" customHeight="1" x14ac:dyDescent="0.2">
      <c r="A14" s="31">
        <v>8</v>
      </c>
      <c r="B14" s="35">
        <v>72</v>
      </c>
      <c r="C14" s="28">
        <v>58</v>
      </c>
      <c r="D14" s="29">
        <v>130</v>
      </c>
    </row>
    <row r="15" spans="1:4" ht="18" customHeight="1" x14ac:dyDescent="0.2">
      <c r="A15" s="31">
        <v>9</v>
      </c>
      <c r="B15" s="35">
        <v>71</v>
      </c>
      <c r="C15" s="28">
        <v>65</v>
      </c>
      <c r="D15" s="29">
        <v>136</v>
      </c>
    </row>
    <row r="16" spans="1:4" ht="18" customHeight="1" x14ac:dyDescent="0.2">
      <c r="A16" s="31" t="s">
        <v>67</v>
      </c>
      <c r="B16" s="27">
        <v>377</v>
      </c>
      <c r="C16" s="28">
        <v>348</v>
      </c>
      <c r="D16" s="29">
        <v>725</v>
      </c>
    </row>
    <row r="17" spans="1:4" ht="18" customHeight="1" x14ac:dyDescent="0.2">
      <c r="A17" s="31">
        <v>10</v>
      </c>
      <c r="B17" s="27">
        <v>71</v>
      </c>
      <c r="C17" s="28">
        <v>52</v>
      </c>
      <c r="D17" s="29">
        <v>123</v>
      </c>
    </row>
    <row r="18" spans="1:4" ht="18" customHeight="1" x14ac:dyDescent="0.2">
      <c r="A18" s="31">
        <v>11</v>
      </c>
      <c r="B18" s="27">
        <v>49</v>
      </c>
      <c r="C18" s="28">
        <v>53</v>
      </c>
      <c r="D18" s="29">
        <v>102</v>
      </c>
    </row>
    <row r="19" spans="1:4" ht="18" customHeight="1" x14ac:dyDescent="0.2">
      <c r="A19" s="31">
        <v>12</v>
      </c>
      <c r="B19" s="27">
        <v>52</v>
      </c>
      <c r="C19" s="28">
        <v>63</v>
      </c>
      <c r="D19" s="29">
        <v>115</v>
      </c>
    </row>
    <row r="20" spans="1:4" ht="18" customHeight="1" x14ac:dyDescent="0.2">
      <c r="A20" s="31">
        <v>13</v>
      </c>
      <c r="B20" s="27">
        <v>61</v>
      </c>
      <c r="C20" s="28">
        <v>48</v>
      </c>
      <c r="D20" s="29">
        <v>109</v>
      </c>
    </row>
    <row r="21" spans="1:4" ht="18" customHeight="1" x14ac:dyDescent="0.2">
      <c r="A21" s="31">
        <v>14</v>
      </c>
      <c r="B21" s="27">
        <v>42</v>
      </c>
      <c r="C21" s="28">
        <v>63</v>
      </c>
      <c r="D21" s="29">
        <v>105</v>
      </c>
    </row>
    <row r="22" spans="1:4" ht="18" customHeight="1" x14ac:dyDescent="0.2">
      <c r="A22" s="31" t="s">
        <v>68</v>
      </c>
      <c r="B22" s="27">
        <v>275</v>
      </c>
      <c r="C22" s="28">
        <v>279</v>
      </c>
      <c r="D22" s="29">
        <v>554</v>
      </c>
    </row>
    <row r="23" spans="1:4" ht="18" customHeight="1" x14ac:dyDescent="0.2">
      <c r="A23" s="31" t="s">
        <v>69</v>
      </c>
      <c r="B23" s="27">
        <v>1041</v>
      </c>
      <c r="C23" s="28">
        <v>1000</v>
      </c>
      <c r="D23" s="29">
        <v>2041</v>
      </c>
    </row>
    <row r="24" spans="1:4" ht="18" customHeight="1" x14ac:dyDescent="0.2">
      <c r="A24" s="31">
        <v>15</v>
      </c>
      <c r="B24" s="27">
        <v>55</v>
      </c>
      <c r="C24" s="28">
        <v>50</v>
      </c>
      <c r="D24" s="29">
        <v>105</v>
      </c>
    </row>
    <row r="25" spans="1:4" ht="18" customHeight="1" x14ac:dyDescent="0.2">
      <c r="A25" s="31">
        <v>16</v>
      </c>
      <c r="B25" s="27">
        <v>58</v>
      </c>
      <c r="C25" s="28">
        <v>53</v>
      </c>
      <c r="D25" s="29">
        <v>111</v>
      </c>
    </row>
    <row r="26" spans="1:4" ht="18" customHeight="1" x14ac:dyDescent="0.2">
      <c r="A26" s="31">
        <v>17</v>
      </c>
      <c r="B26" s="27">
        <v>62</v>
      </c>
      <c r="C26" s="28">
        <v>59</v>
      </c>
      <c r="D26" s="29">
        <v>121</v>
      </c>
    </row>
    <row r="27" spans="1:4" ht="18" customHeight="1" x14ac:dyDescent="0.2">
      <c r="A27" s="31">
        <v>18</v>
      </c>
      <c r="B27" s="27">
        <v>69</v>
      </c>
      <c r="C27" s="28">
        <v>55</v>
      </c>
      <c r="D27" s="29">
        <v>124</v>
      </c>
    </row>
    <row r="28" spans="1:4" ht="18" customHeight="1" x14ac:dyDescent="0.2">
      <c r="A28" s="31">
        <v>19</v>
      </c>
      <c r="B28" s="27">
        <v>55</v>
      </c>
      <c r="C28" s="28">
        <v>48</v>
      </c>
      <c r="D28" s="29">
        <v>103</v>
      </c>
    </row>
    <row r="29" spans="1:4" ht="18" customHeight="1" x14ac:dyDescent="0.2">
      <c r="A29" s="31" t="s">
        <v>70</v>
      </c>
      <c r="B29" s="27">
        <v>299</v>
      </c>
      <c r="C29" s="28">
        <v>265</v>
      </c>
      <c r="D29" s="29">
        <v>564</v>
      </c>
    </row>
    <row r="30" spans="1:4" ht="18" customHeight="1" x14ac:dyDescent="0.2">
      <c r="A30" s="31">
        <v>20</v>
      </c>
      <c r="B30" s="27">
        <v>51</v>
      </c>
      <c r="C30" s="28">
        <v>44</v>
      </c>
      <c r="D30" s="29">
        <v>95</v>
      </c>
    </row>
    <row r="31" spans="1:4" ht="18" customHeight="1" x14ac:dyDescent="0.2">
      <c r="A31" s="31">
        <v>21</v>
      </c>
      <c r="B31" s="27">
        <v>44</v>
      </c>
      <c r="C31" s="28">
        <v>62</v>
      </c>
      <c r="D31" s="29">
        <v>106</v>
      </c>
    </row>
    <row r="32" spans="1:4" ht="18" customHeight="1" x14ac:dyDescent="0.2">
      <c r="A32" s="31">
        <v>22</v>
      </c>
      <c r="B32" s="27">
        <v>71</v>
      </c>
      <c r="C32" s="28">
        <v>55</v>
      </c>
      <c r="D32" s="29">
        <v>126</v>
      </c>
    </row>
    <row r="33" spans="1:4" ht="18" customHeight="1" x14ac:dyDescent="0.2">
      <c r="A33" s="31">
        <v>23</v>
      </c>
      <c r="B33" s="27">
        <v>47</v>
      </c>
      <c r="C33" s="28">
        <v>51</v>
      </c>
      <c r="D33" s="29">
        <v>98</v>
      </c>
    </row>
    <row r="34" spans="1:4" ht="18" customHeight="1" x14ac:dyDescent="0.2">
      <c r="A34" s="31">
        <v>24</v>
      </c>
      <c r="B34" s="27">
        <v>75</v>
      </c>
      <c r="C34" s="28">
        <v>62</v>
      </c>
      <c r="D34" s="29">
        <v>137</v>
      </c>
    </row>
    <row r="35" spans="1:4" ht="18" customHeight="1" x14ac:dyDescent="0.2">
      <c r="A35" s="31" t="s">
        <v>71</v>
      </c>
      <c r="B35" s="27">
        <v>288</v>
      </c>
      <c r="C35" s="28">
        <v>274</v>
      </c>
      <c r="D35" s="29">
        <v>562</v>
      </c>
    </row>
    <row r="36" spans="1:4" ht="18" customHeight="1" x14ac:dyDescent="0.2">
      <c r="A36" s="31">
        <v>25</v>
      </c>
      <c r="B36" s="27">
        <v>60</v>
      </c>
      <c r="C36" s="28">
        <v>63</v>
      </c>
      <c r="D36" s="29">
        <v>123</v>
      </c>
    </row>
    <row r="37" spans="1:4" ht="18" customHeight="1" x14ac:dyDescent="0.2">
      <c r="A37" s="31">
        <v>26</v>
      </c>
      <c r="B37" s="27">
        <v>59</v>
      </c>
      <c r="C37" s="28">
        <v>41</v>
      </c>
      <c r="D37" s="29">
        <v>100</v>
      </c>
    </row>
    <row r="38" spans="1:4" ht="18" customHeight="1" x14ac:dyDescent="0.2">
      <c r="A38" s="31">
        <v>27</v>
      </c>
      <c r="B38" s="27">
        <v>61</v>
      </c>
      <c r="C38" s="28">
        <v>66</v>
      </c>
      <c r="D38" s="29">
        <v>127</v>
      </c>
    </row>
    <row r="39" spans="1:4" ht="18" customHeight="1" x14ac:dyDescent="0.2">
      <c r="A39" s="31">
        <v>28</v>
      </c>
      <c r="B39" s="27">
        <v>63</v>
      </c>
      <c r="C39" s="28">
        <v>73</v>
      </c>
      <c r="D39" s="29">
        <v>136</v>
      </c>
    </row>
    <row r="40" spans="1:4" ht="18" customHeight="1" x14ac:dyDescent="0.2">
      <c r="A40" s="31">
        <v>29</v>
      </c>
      <c r="B40" s="27">
        <v>79</v>
      </c>
      <c r="C40" s="28">
        <v>75</v>
      </c>
      <c r="D40" s="29">
        <v>154</v>
      </c>
    </row>
    <row r="41" spans="1:4" ht="18" customHeight="1" x14ac:dyDescent="0.2">
      <c r="A41" s="31" t="s">
        <v>72</v>
      </c>
      <c r="B41" s="27">
        <v>322</v>
      </c>
      <c r="C41" s="28">
        <v>318</v>
      </c>
      <c r="D41" s="29">
        <v>640</v>
      </c>
    </row>
    <row r="42" spans="1:4" ht="18" customHeight="1" x14ac:dyDescent="0.2">
      <c r="A42" s="31">
        <v>30</v>
      </c>
      <c r="B42" s="27">
        <v>77</v>
      </c>
      <c r="C42" s="28">
        <v>80</v>
      </c>
      <c r="D42" s="29">
        <v>157</v>
      </c>
    </row>
    <row r="43" spans="1:4" ht="18" customHeight="1" x14ac:dyDescent="0.2">
      <c r="A43" s="31">
        <v>31</v>
      </c>
      <c r="B43" s="27">
        <v>116</v>
      </c>
      <c r="C43" s="28">
        <v>86</v>
      </c>
      <c r="D43" s="29">
        <v>202</v>
      </c>
    </row>
    <row r="44" spans="1:4" ht="18" customHeight="1" x14ac:dyDescent="0.2">
      <c r="A44" s="31">
        <v>32</v>
      </c>
      <c r="B44" s="27">
        <v>99</v>
      </c>
      <c r="C44" s="28">
        <v>113</v>
      </c>
      <c r="D44" s="29">
        <v>212</v>
      </c>
    </row>
    <row r="45" spans="1:4" ht="18" customHeight="1" x14ac:dyDescent="0.2">
      <c r="A45" s="31">
        <v>33</v>
      </c>
      <c r="B45" s="27">
        <v>106</v>
      </c>
      <c r="C45" s="28">
        <v>104</v>
      </c>
      <c r="D45" s="29">
        <v>210</v>
      </c>
    </row>
    <row r="46" spans="1:4" ht="18" customHeight="1" x14ac:dyDescent="0.2">
      <c r="A46" s="31">
        <v>34</v>
      </c>
      <c r="B46" s="27">
        <v>119</v>
      </c>
      <c r="C46" s="28">
        <v>103</v>
      </c>
      <c r="D46" s="29">
        <v>222</v>
      </c>
    </row>
    <row r="47" spans="1:4" ht="18" customHeight="1" x14ac:dyDescent="0.2">
      <c r="A47" s="31" t="s">
        <v>73</v>
      </c>
      <c r="B47" s="27">
        <v>517</v>
      </c>
      <c r="C47" s="28">
        <v>486</v>
      </c>
      <c r="D47" s="29">
        <v>1003</v>
      </c>
    </row>
    <row r="48" spans="1:4" ht="18" customHeight="1" x14ac:dyDescent="0.2">
      <c r="A48" s="31">
        <v>35</v>
      </c>
      <c r="B48" s="27">
        <v>115</v>
      </c>
      <c r="C48" s="28">
        <v>124</v>
      </c>
      <c r="D48" s="29">
        <v>239</v>
      </c>
    </row>
    <row r="49" spans="1:4" ht="18" customHeight="1" x14ac:dyDescent="0.2">
      <c r="A49" s="31">
        <v>36</v>
      </c>
      <c r="B49" s="27">
        <v>122</v>
      </c>
      <c r="C49" s="28">
        <v>111</v>
      </c>
      <c r="D49" s="29">
        <v>233</v>
      </c>
    </row>
    <row r="50" spans="1:4" ht="18" customHeight="1" x14ac:dyDescent="0.2">
      <c r="A50" s="31">
        <v>37</v>
      </c>
      <c r="B50" s="27">
        <v>107</v>
      </c>
      <c r="C50" s="28">
        <v>118</v>
      </c>
      <c r="D50" s="29">
        <v>225</v>
      </c>
    </row>
    <row r="51" spans="1:4" ht="18" customHeight="1" x14ac:dyDescent="0.2">
      <c r="A51" s="31">
        <v>38</v>
      </c>
      <c r="B51" s="27">
        <v>109</v>
      </c>
      <c r="C51" s="28">
        <v>90</v>
      </c>
      <c r="D51" s="29">
        <v>199</v>
      </c>
    </row>
    <row r="52" spans="1:4" ht="18" customHeight="1" x14ac:dyDescent="0.2">
      <c r="A52" s="31">
        <v>39</v>
      </c>
      <c r="B52" s="27">
        <v>117</v>
      </c>
      <c r="C52" s="28">
        <v>86</v>
      </c>
      <c r="D52" s="29">
        <v>203</v>
      </c>
    </row>
    <row r="53" spans="1:4" ht="18" customHeight="1" x14ac:dyDescent="0.2">
      <c r="A53" s="31" t="s">
        <v>74</v>
      </c>
      <c r="B53" s="27">
        <v>570</v>
      </c>
      <c r="C53" s="28">
        <v>529</v>
      </c>
      <c r="D53" s="29">
        <v>1099</v>
      </c>
    </row>
    <row r="54" spans="1:4" ht="18" customHeight="1" x14ac:dyDescent="0.2">
      <c r="A54" s="31">
        <v>40</v>
      </c>
      <c r="B54" s="27">
        <v>100</v>
      </c>
      <c r="C54" s="28">
        <v>98</v>
      </c>
      <c r="D54" s="29">
        <v>198</v>
      </c>
    </row>
    <row r="55" spans="1:4" ht="18" customHeight="1" x14ac:dyDescent="0.2">
      <c r="A55" s="31">
        <v>41</v>
      </c>
      <c r="B55" s="27">
        <v>75</v>
      </c>
      <c r="C55" s="28">
        <v>89</v>
      </c>
      <c r="D55" s="29">
        <v>164</v>
      </c>
    </row>
    <row r="56" spans="1:4" ht="18" customHeight="1" x14ac:dyDescent="0.2">
      <c r="A56" s="31">
        <v>42</v>
      </c>
      <c r="B56" s="27">
        <v>74</v>
      </c>
      <c r="C56" s="28">
        <v>87</v>
      </c>
      <c r="D56" s="29">
        <v>161</v>
      </c>
    </row>
    <row r="57" spans="1:4" ht="18" customHeight="1" x14ac:dyDescent="0.2">
      <c r="A57" s="31">
        <v>43</v>
      </c>
      <c r="B57" s="27">
        <v>57</v>
      </c>
      <c r="C57" s="28">
        <v>66</v>
      </c>
      <c r="D57" s="29">
        <v>123</v>
      </c>
    </row>
    <row r="58" spans="1:4" ht="18" customHeight="1" x14ac:dyDescent="0.2">
      <c r="A58" s="31">
        <v>44</v>
      </c>
      <c r="B58" s="27">
        <v>82</v>
      </c>
      <c r="C58" s="28">
        <v>88</v>
      </c>
      <c r="D58" s="29">
        <v>170</v>
      </c>
    </row>
    <row r="59" spans="1:4" ht="18" customHeight="1" x14ac:dyDescent="0.2">
      <c r="A59" s="31" t="s">
        <v>75</v>
      </c>
      <c r="B59" s="27">
        <v>388</v>
      </c>
      <c r="C59" s="28">
        <v>428</v>
      </c>
      <c r="D59" s="29">
        <v>816</v>
      </c>
    </row>
    <row r="60" spans="1:4" ht="18" customHeight="1" x14ac:dyDescent="0.2">
      <c r="A60" s="31">
        <v>45</v>
      </c>
      <c r="B60" s="27">
        <v>73</v>
      </c>
      <c r="C60" s="28">
        <v>69</v>
      </c>
      <c r="D60" s="29">
        <v>142</v>
      </c>
    </row>
    <row r="61" spans="1:4" ht="18" customHeight="1" x14ac:dyDescent="0.2">
      <c r="A61" s="31">
        <v>46</v>
      </c>
      <c r="B61" s="27">
        <v>72</v>
      </c>
      <c r="C61" s="28">
        <v>72</v>
      </c>
      <c r="D61" s="29">
        <v>144</v>
      </c>
    </row>
    <row r="62" spans="1:4" ht="18" customHeight="1" x14ac:dyDescent="0.2">
      <c r="A62" s="31">
        <v>47</v>
      </c>
      <c r="B62" s="27">
        <v>73</v>
      </c>
      <c r="C62" s="28">
        <v>70</v>
      </c>
      <c r="D62" s="29">
        <v>143</v>
      </c>
    </row>
    <row r="63" spans="1:4" ht="18" customHeight="1" x14ac:dyDescent="0.2">
      <c r="A63" s="31">
        <v>48</v>
      </c>
      <c r="B63" s="27">
        <v>63</v>
      </c>
      <c r="C63" s="28">
        <v>73</v>
      </c>
      <c r="D63" s="29">
        <v>136</v>
      </c>
    </row>
    <row r="64" spans="1:4" ht="18" customHeight="1" x14ac:dyDescent="0.2">
      <c r="A64" s="31">
        <v>49</v>
      </c>
      <c r="B64" s="27">
        <v>53</v>
      </c>
      <c r="C64" s="28">
        <v>73</v>
      </c>
      <c r="D64" s="29">
        <v>126</v>
      </c>
    </row>
    <row r="65" spans="1:4" ht="18" customHeight="1" x14ac:dyDescent="0.2">
      <c r="A65" s="31" t="s">
        <v>76</v>
      </c>
      <c r="B65" s="27">
        <v>334</v>
      </c>
      <c r="C65" s="28">
        <v>357</v>
      </c>
      <c r="D65" s="29">
        <v>691</v>
      </c>
    </row>
    <row r="66" spans="1:4" ht="18" customHeight="1" x14ac:dyDescent="0.2">
      <c r="A66" s="31">
        <v>50</v>
      </c>
      <c r="B66" s="27">
        <v>66</v>
      </c>
      <c r="C66" s="28">
        <v>63</v>
      </c>
      <c r="D66" s="29">
        <v>129</v>
      </c>
    </row>
    <row r="67" spans="1:4" ht="18" customHeight="1" x14ac:dyDescent="0.2">
      <c r="A67" s="31">
        <v>51</v>
      </c>
      <c r="B67" s="27">
        <v>50</v>
      </c>
      <c r="C67" s="28">
        <v>55</v>
      </c>
      <c r="D67" s="29">
        <v>105</v>
      </c>
    </row>
    <row r="68" spans="1:4" ht="18" customHeight="1" x14ac:dyDescent="0.2">
      <c r="A68" s="31">
        <v>52</v>
      </c>
      <c r="B68" s="27">
        <v>59</v>
      </c>
      <c r="C68" s="28">
        <v>46</v>
      </c>
      <c r="D68" s="29">
        <v>105</v>
      </c>
    </row>
    <row r="69" spans="1:4" ht="18" customHeight="1" x14ac:dyDescent="0.2">
      <c r="A69" s="31">
        <v>53</v>
      </c>
      <c r="B69" s="27">
        <v>59</v>
      </c>
      <c r="C69" s="28">
        <v>69</v>
      </c>
      <c r="D69" s="29">
        <v>128</v>
      </c>
    </row>
    <row r="70" spans="1:4" ht="18" customHeight="1" x14ac:dyDescent="0.2">
      <c r="A70" s="31">
        <v>54</v>
      </c>
      <c r="B70" s="27">
        <v>63</v>
      </c>
      <c r="C70" s="28">
        <v>66</v>
      </c>
      <c r="D70" s="29">
        <v>129</v>
      </c>
    </row>
    <row r="71" spans="1:4" ht="18" customHeight="1" x14ac:dyDescent="0.2">
      <c r="A71" s="31" t="s">
        <v>77</v>
      </c>
      <c r="B71" s="27">
        <v>297</v>
      </c>
      <c r="C71" s="28">
        <v>299</v>
      </c>
      <c r="D71" s="29">
        <v>596</v>
      </c>
    </row>
    <row r="72" spans="1:4" ht="18" customHeight="1" x14ac:dyDescent="0.2">
      <c r="A72" s="31">
        <v>55</v>
      </c>
      <c r="B72" s="27">
        <v>81</v>
      </c>
      <c r="C72" s="28">
        <v>69</v>
      </c>
      <c r="D72" s="29">
        <v>150</v>
      </c>
    </row>
    <row r="73" spans="1:4" ht="18" customHeight="1" x14ac:dyDescent="0.2">
      <c r="A73" s="31">
        <v>56</v>
      </c>
      <c r="B73" s="27">
        <v>67</v>
      </c>
      <c r="C73" s="28">
        <v>67</v>
      </c>
      <c r="D73" s="29">
        <v>134</v>
      </c>
    </row>
    <row r="74" spans="1:4" ht="18" customHeight="1" x14ac:dyDescent="0.2">
      <c r="A74" s="31">
        <v>57</v>
      </c>
      <c r="B74" s="27">
        <v>68</v>
      </c>
      <c r="C74" s="28">
        <v>69</v>
      </c>
      <c r="D74" s="29">
        <v>137</v>
      </c>
    </row>
    <row r="75" spans="1:4" ht="18" customHeight="1" x14ac:dyDescent="0.2">
      <c r="A75" s="31">
        <v>58</v>
      </c>
      <c r="B75" s="27">
        <v>81</v>
      </c>
      <c r="C75" s="28">
        <v>62</v>
      </c>
      <c r="D75" s="29">
        <v>143</v>
      </c>
    </row>
    <row r="76" spans="1:4" ht="18" customHeight="1" x14ac:dyDescent="0.2">
      <c r="A76" s="31">
        <v>59</v>
      </c>
      <c r="B76" s="27">
        <v>61</v>
      </c>
      <c r="C76" s="28">
        <v>77</v>
      </c>
      <c r="D76" s="29">
        <v>138</v>
      </c>
    </row>
    <row r="77" spans="1:4" ht="18" customHeight="1" x14ac:dyDescent="0.2">
      <c r="A77" s="31" t="s">
        <v>78</v>
      </c>
      <c r="B77" s="27">
        <v>358</v>
      </c>
      <c r="C77" s="28">
        <v>344</v>
      </c>
      <c r="D77" s="29">
        <v>702</v>
      </c>
    </row>
    <row r="78" spans="1:4" ht="18" customHeight="1" x14ac:dyDescent="0.2">
      <c r="A78" s="31">
        <v>60</v>
      </c>
      <c r="B78" s="27">
        <v>113</v>
      </c>
      <c r="C78" s="28">
        <v>94</v>
      </c>
      <c r="D78" s="29">
        <v>207</v>
      </c>
    </row>
    <row r="79" spans="1:4" ht="18" customHeight="1" x14ac:dyDescent="0.2">
      <c r="A79" s="31">
        <v>61</v>
      </c>
      <c r="B79" s="27">
        <v>76</v>
      </c>
      <c r="C79" s="28">
        <v>95</v>
      </c>
      <c r="D79" s="29">
        <v>171</v>
      </c>
    </row>
    <row r="80" spans="1:4" ht="18" customHeight="1" x14ac:dyDescent="0.2">
      <c r="A80" s="31">
        <v>62</v>
      </c>
      <c r="B80" s="27">
        <v>61</v>
      </c>
      <c r="C80" s="28">
        <v>75</v>
      </c>
      <c r="D80" s="29">
        <v>136</v>
      </c>
    </row>
    <row r="81" spans="1:4" ht="18" customHeight="1" x14ac:dyDescent="0.2">
      <c r="A81" s="31">
        <v>63</v>
      </c>
      <c r="B81" s="27">
        <v>39</v>
      </c>
      <c r="C81" s="28">
        <v>28</v>
      </c>
      <c r="D81" s="29">
        <v>67</v>
      </c>
    </row>
    <row r="82" spans="1:4" ht="18" customHeight="1" x14ac:dyDescent="0.2">
      <c r="A82" s="31">
        <v>64</v>
      </c>
      <c r="B82" s="27">
        <v>55</v>
      </c>
      <c r="C82" s="28">
        <v>54</v>
      </c>
      <c r="D82" s="29">
        <v>109</v>
      </c>
    </row>
    <row r="83" spans="1:4" ht="18" customHeight="1" x14ac:dyDescent="0.2">
      <c r="A83" s="31" t="s">
        <v>79</v>
      </c>
      <c r="B83" s="27">
        <v>344</v>
      </c>
      <c r="C83" s="28">
        <v>346</v>
      </c>
      <c r="D83" s="29">
        <v>690</v>
      </c>
    </row>
    <row r="84" spans="1:4" ht="18" customHeight="1" x14ac:dyDescent="0.2">
      <c r="A84" s="31" t="s">
        <v>80</v>
      </c>
      <c r="B84" s="27">
        <v>3717</v>
      </c>
      <c r="C84" s="28">
        <v>3646</v>
      </c>
      <c r="D84" s="29">
        <v>7363</v>
      </c>
    </row>
    <row r="85" spans="1:4" ht="18" customHeight="1" x14ac:dyDescent="0.2">
      <c r="A85" s="31">
        <v>65</v>
      </c>
      <c r="B85" s="27">
        <v>54</v>
      </c>
      <c r="C85" s="28">
        <v>51</v>
      </c>
      <c r="D85" s="29">
        <v>105</v>
      </c>
    </row>
    <row r="86" spans="1:4" ht="18" customHeight="1" x14ac:dyDescent="0.2">
      <c r="A86" s="31">
        <v>66</v>
      </c>
      <c r="B86" s="27">
        <v>58</v>
      </c>
      <c r="C86" s="28">
        <v>52</v>
      </c>
      <c r="D86" s="29">
        <v>110</v>
      </c>
    </row>
    <row r="87" spans="1:4" ht="18" customHeight="1" x14ac:dyDescent="0.2">
      <c r="A87" s="31">
        <v>67</v>
      </c>
      <c r="B87" s="27">
        <v>52</v>
      </c>
      <c r="C87" s="28">
        <v>50</v>
      </c>
      <c r="D87" s="29">
        <v>102</v>
      </c>
    </row>
    <row r="88" spans="1:4" ht="18" customHeight="1" x14ac:dyDescent="0.2">
      <c r="A88" s="31">
        <v>68</v>
      </c>
      <c r="B88" s="27">
        <v>48</v>
      </c>
      <c r="C88" s="28">
        <v>69</v>
      </c>
      <c r="D88" s="29">
        <v>117</v>
      </c>
    </row>
    <row r="89" spans="1:4" ht="18" customHeight="1" x14ac:dyDescent="0.2">
      <c r="A89" s="31">
        <v>69</v>
      </c>
      <c r="B89" s="27">
        <v>48</v>
      </c>
      <c r="C89" s="28">
        <v>48</v>
      </c>
      <c r="D89" s="29">
        <v>96</v>
      </c>
    </row>
    <row r="90" spans="1:4" ht="18" customHeight="1" x14ac:dyDescent="0.2">
      <c r="A90" s="31" t="s">
        <v>81</v>
      </c>
      <c r="B90" s="27">
        <v>260</v>
      </c>
      <c r="C90" s="28">
        <v>270</v>
      </c>
      <c r="D90" s="29">
        <v>530</v>
      </c>
    </row>
    <row r="91" spans="1:4" ht="18" customHeight="1" x14ac:dyDescent="0.2">
      <c r="A91" s="31">
        <v>70</v>
      </c>
      <c r="B91" s="27">
        <v>32</v>
      </c>
      <c r="C91" s="28">
        <v>41</v>
      </c>
      <c r="D91" s="29">
        <v>73</v>
      </c>
    </row>
    <row r="92" spans="1:4" ht="18" customHeight="1" x14ac:dyDescent="0.2">
      <c r="A92" s="31">
        <v>71</v>
      </c>
      <c r="B92" s="27">
        <v>39</v>
      </c>
      <c r="C92" s="28">
        <v>38</v>
      </c>
      <c r="D92" s="29">
        <v>77</v>
      </c>
    </row>
    <row r="93" spans="1:4" ht="18" customHeight="1" x14ac:dyDescent="0.2">
      <c r="A93" s="31">
        <v>72</v>
      </c>
      <c r="B93" s="27">
        <v>30</v>
      </c>
      <c r="C93" s="28">
        <v>33</v>
      </c>
      <c r="D93" s="29">
        <v>63</v>
      </c>
    </row>
    <row r="94" spans="1:4" ht="18" customHeight="1" x14ac:dyDescent="0.2">
      <c r="A94" s="31">
        <v>73</v>
      </c>
      <c r="B94" s="27">
        <v>41</v>
      </c>
      <c r="C94" s="28">
        <v>50</v>
      </c>
      <c r="D94" s="29">
        <v>91</v>
      </c>
    </row>
    <row r="95" spans="1:4" ht="18" customHeight="1" x14ac:dyDescent="0.2">
      <c r="A95" s="31">
        <v>74</v>
      </c>
      <c r="B95" s="27">
        <v>30</v>
      </c>
      <c r="C95" s="28">
        <v>45</v>
      </c>
      <c r="D95" s="29">
        <v>75</v>
      </c>
    </row>
    <row r="96" spans="1:4" ht="18" customHeight="1" x14ac:dyDescent="0.2">
      <c r="A96" s="31" t="s">
        <v>82</v>
      </c>
      <c r="B96" s="27">
        <v>172</v>
      </c>
      <c r="C96" s="28">
        <v>207</v>
      </c>
      <c r="D96" s="29">
        <v>379</v>
      </c>
    </row>
    <row r="97" spans="1:4" ht="18" customHeight="1" x14ac:dyDescent="0.2">
      <c r="A97" s="31">
        <v>75</v>
      </c>
      <c r="B97" s="27">
        <v>31</v>
      </c>
      <c r="C97" s="28">
        <v>51</v>
      </c>
      <c r="D97" s="29">
        <v>82</v>
      </c>
    </row>
    <row r="98" spans="1:4" ht="18" customHeight="1" x14ac:dyDescent="0.2">
      <c r="A98" s="31">
        <v>76</v>
      </c>
      <c r="B98" s="27">
        <v>31</v>
      </c>
      <c r="C98" s="28">
        <v>60</v>
      </c>
      <c r="D98" s="29">
        <v>91</v>
      </c>
    </row>
    <row r="99" spans="1:4" ht="18" customHeight="1" x14ac:dyDescent="0.2">
      <c r="A99" s="31">
        <v>77</v>
      </c>
      <c r="B99" s="27">
        <v>34</v>
      </c>
      <c r="C99" s="28">
        <v>51</v>
      </c>
      <c r="D99" s="29">
        <v>85</v>
      </c>
    </row>
    <row r="100" spans="1:4" ht="18" customHeight="1" x14ac:dyDescent="0.2">
      <c r="A100" s="31">
        <v>78</v>
      </c>
      <c r="B100" s="27">
        <v>34</v>
      </c>
      <c r="C100" s="28">
        <v>56</v>
      </c>
      <c r="D100" s="29">
        <v>90</v>
      </c>
    </row>
    <row r="101" spans="1:4" ht="18" customHeight="1" x14ac:dyDescent="0.2">
      <c r="A101" s="31">
        <v>79</v>
      </c>
      <c r="B101" s="27">
        <v>29</v>
      </c>
      <c r="C101" s="28">
        <v>33</v>
      </c>
      <c r="D101" s="29">
        <v>62</v>
      </c>
    </row>
    <row r="102" spans="1:4" ht="18" customHeight="1" x14ac:dyDescent="0.2">
      <c r="A102" s="31" t="s">
        <v>83</v>
      </c>
      <c r="B102" s="27">
        <v>159</v>
      </c>
      <c r="C102" s="28">
        <v>251</v>
      </c>
      <c r="D102" s="29">
        <v>410</v>
      </c>
    </row>
    <row r="103" spans="1:4" ht="18" customHeight="1" x14ac:dyDescent="0.2">
      <c r="A103" s="31">
        <v>80</v>
      </c>
      <c r="B103" s="27">
        <v>20</v>
      </c>
      <c r="C103" s="28">
        <v>40</v>
      </c>
      <c r="D103" s="29">
        <v>60</v>
      </c>
    </row>
    <row r="104" spans="1:4" ht="18" customHeight="1" x14ac:dyDescent="0.2">
      <c r="A104" s="31">
        <v>81</v>
      </c>
      <c r="B104" s="27">
        <v>33</v>
      </c>
      <c r="C104" s="28">
        <v>43</v>
      </c>
      <c r="D104" s="29">
        <v>76</v>
      </c>
    </row>
    <row r="105" spans="1:4" ht="18" customHeight="1" x14ac:dyDescent="0.2">
      <c r="A105" s="31">
        <v>82</v>
      </c>
      <c r="B105" s="27">
        <v>23</v>
      </c>
      <c r="C105" s="28">
        <v>33</v>
      </c>
      <c r="D105" s="29">
        <v>56</v>
      </c>
    </row>
    <row r="106" spans="1:4" ht="18" customHeight="1" x14ac:dyDescent="0.2">
      <c r="A106" s="31">
        <v>83</v>
      </c>
      <c r="B106" s="27">
        <v>18</v>
      </c>
      <c r="C106" s="28">
        <v>26</v>
      </c>
      <c r="D106" s="29">
        <v>44</v>
      </c>
    </row>
    <row r="107" spans="1:4" ht="18" customHeight="1" x14ac:dyDescent="0.2">
      <c r="A107" s="31">
        <v>84</v>
      </c>
      <c r="B107" s="27">
        <v>18</v>
      </c>
      <c r="C107" s="28">
        <v>35</v>
      </c>
      <c r="D107" s="29">
        <v>53</v>
      </c>
    </row>
    <row r="108" spans="1:4" ht="18" customHeight="1" x14ac:dyDescent="0.2">
      <c r="A108" s="31" t="s">
        <v>84</v>
      </c>
      <c r="B108" s="27">
        <v>112</v>
      </c>
      <c r="C108" s="28">
        <v>177</v>
      </c>
      <c r="D108" s="29">
        <v>289</v>
      </c>
    </row>
    <row r="109" spans="1:4" ht="18" customHeight="1" x14ac:dyDescent="0.2">
      <c r="A109" s="31">
        <v>85</v>
      </c>
      <c r="B109" s="27">
        <v>14</v>
      </c>
      <c r="C109" s="28">
        <v>22</v>
      </c>
      <c r="D109" s="29">
        <v>36</v>
      </c>
    </row>
    <row r="110" spans="1:4" ht="18" customHeight="1" x14ac:dyDescent="0.2">
      <c r="A110" s="31">
        <v>86</v>
      </c>
      <c r="B110" s="27">
        <v>15</v>
      </c>
      <c r="C110" s="28">
        <v>27</v>
      </c>
      <c r="D110" s="29">
        <v>42</v>
      </c>
    </row>
    <row r="111" spans="1:4" ht="18" customHeight="1" x14ac:dyDescent="0.2">
      <c r="A111" s="31">
        <v>87</v>
      </c>
      <c r="B111" s="27">
        <v>16</v>
      </c>
      <c r="C111" s="28">
        <v>27</v>
      </c>
      <c r="D111" s="29">
        <v>43</v>
      </c>
    </row>
    <row r="112" spans="1:4" ht="18" customHeight="1" x14ac:dyDescent="0.2">
      <c r="A112" s="31">
        <v>88</v>
      </c>
      <c r="B112" s="27">
        <v>9</v>
      </c>
      <c r="C112" s="28">
        <v>23</v>
      </c>
      <c r="D112" s="29">
        <v>32</v>
      </c>
    </row>
    <row r="113" spans="1:4" ht="18" customHeight="1" x14ac:dyDescent="0.2">
      <c r="A113" s="31">
        <v>89</v>
      </c>
      <c r="B113" s="27">
        <v>5</v>
      </c>
      <c r="C113" s="28">
        <v>18</v>
      </c>
      <c r="D113" s="29">
        <v>23</v>
      </c>
    </row>
    <row r="114" spans="1:4" ht="18" customHeight="1" x14ac:dyDescent="0.2">
      <c r="A114" s="31" t="s">
        <v>85</v>
      </c>
      <c r="B114" s="27">
        <v>59</v>
      </c>
      <c r="C114" s="28">
        <v>117</v>
      </c>
      <c r="D114" s="29">
        <v>176</v>
      </c>
    </row>
    <row r="115" spans="1:4" ht="18" customHeight="1" x14ac:dyDescent="0.2">
      <c r="A115" s="31">
        <v>90</v>
      </c>
      <c r="B115" s="27">
        <v>3</v>
      </c>
      <c r="C115" s="28">
        <v>14</v>
      </c>
      <c r="D115" s="29">
        <v>17</v>
      </c>
    </row>
    <row r="116" spans="1:4" ht="18" customHeight="1" x14ac:dyDescent="0.2">
      <c r="A116" s="31">
        <v>91</v>
      </c>
      <c r="B116" s="27">
        <v>2</v>
      </c>
      <c r="C116" s="28">
        <v>15</v>
      </c>
      <c r="D116" s="29">
        <v>17</v>
      </c>
    </row>
    <row r="117" spans="1:4" ht="18" customHeight="1" x14ac:dyDescent="0.2">
      <c r="A117" s="31">
        <v>92</v>
      </c>
      <c r="B117" s="27">
        <v>7</v>
      </c>
      <c r="C117" s="28">
        <v>8</v>
      </c>
      <c r="D117" s="29">
        <v>15</v>
      </c>
    </row>
    <row r="118" spans="1:4" ht="18" customHeight="1" x14ac:dyDescent="0.2">
      <c r="A118" s="31">
        <v>93</v>
      </c>
      <c r="B118" s="27">
        <v>4</v>
      </c>
      <c r="C118" s="28">
        <v>8</v>
      </c>
      <c r="D118" s="29">
        <v>12</v>
      </c>
    </row>
    <row r="119" spans="1:4" ht="18" customHeight="1" x14ac:dyDescent="0.2">
      <c r="A119" s="31">
        <v>94</v>
      </c>
      <c r="B119" s="27">
        <v>3</v>
      </c>
      <c r="C119" s="28">
        <v>4</v>
      </c>
      <c r="D119" s="29">
        <v>7</v>
      </c>
    </row>
    <row r="120" spans="1:4" ht="18" customHeight="1" x14ac:dyDescent="0.2">
      <c r="A120" s="31" t="s">
        <v>86</v>
      </c>
      <c r="B120" s="27">
        <v>19</v>
      </c>
      <c r="C120" s="28">
        <v>49</v>
      </c>
      <c r="D120" s="29">
        <v>68</v>
      </c>
    </row>
    <row r="121" spans="1:4" ht="18" customHeight="1" x14ac:dyDescent="0.2">
      <c r="A121" s="31">
        <v>95</v>
      </c>
      <c r="B121" s="27">
        <v>5</v>
      </c>
      <c r="C121" s="28">
        <v>7</v>
      </c>
      <c r="D121" s="29">
        <v>12</v>
      </c>
    </row>
    <row r="122" spans="1:4" ht="18" customHeight="1" x14ac:dyDescent="0.2">
      <c r="A122" s="31">
        <v>96</v>
      </c>
      <c r="B122" s="27">
        <v>1</v>
      </c>
      <c r="C122" s="28">
        <v>3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6</v>
      </c>
      <c r="C126" s="28">
        <v>15</v>
      </c>
      <c r="D126" s="29">
        <v>2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787</v>
      </c>
      <c r="C130" s="5">
        <v>1086</v>
      </c>
      <c r="D130" s="6">
        <v>1873</v>
      </c>
    </row>
    <row r="131" spans="1:4" ht="18" customHeight="1" x14ac:dyDescent="0.2">
      <c r="A131" s="33" t="s">
        <v>65</v>
      </c>
      <c r="B131" s="7">
        <v>5545</v>
      </c>
      <c r="C131" s="8">
        <v>5732</v>
      </c>
      <c r="D131" s="9">
        <v>1127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89</v>
      </c>
      <c r="C5" s="37">
        <v>81</v>
      </c>
      <c r="D5" s="39">
        <v>170</v>
      </c>
    </row>
    <row r="6" spans="1:4" ht="18" customHeight="1" x14ac:dyDescent="0.2">
      <c r="A6" s="31">
        <v>1</v>
      </c>
      <c r="B6" s="35">
        <v>88</v>
      </c>
      <c r="C6" s="28">
        <v>72</v>
      </c>
      <c r="D6" s="29">
        <v>160</v>
      </c>
    </row>
    <row r="7" spans="1:4" ht="18" customHeight="1" x14ac:dyDescent="0.2">
      <c r="A7" s="31">
        <v>2</v>
      </c>
      <c r="B7" s="35">
        <v>73</v>
      </c>
      <c r="C7" s="28">
        <v>82</v>
      </c>
      <c r="D7" s="29">
        <v>155</v>
      </c>
    </row>
    <row r="8" spans="1:4" ht="18" customHeight="1" x14ac:dyDescent="0.2">
      <c r="A8" s="31">
        <v>3</v>
      </c>
      <c r="B8" s="35">
        <v>61</v>
      </c>
      <c r="C8" s="28">
        <v>75</v>
      </c>
      <c r="D8" s="29">
        <v>136</v>
      </c>
    </row>
    <row r="9" spans="1:4" ht="18" customHeight="1" x14ac:dyDescent="0.2">
      <c r="A9" s="31">
        <v>4</v>
      </c>
      <c r="B9" s="36">
        <v>83</v>
      </c>
      <c r="C9" s="38">
        <v>76</v>
      </c>
      <c r="D9" s="40">
        <v>159</v>
      </c>
    </row>
    <row r="10" spans="1:4" ht="18" customHeight="1" x14ac:dyDescent="0.2">
      <c r="A10" s="31" t="s">
        <v>66</v>
      </c>
      <c r="B10" s="27">
        <v>394</v>
      </c>
      <c r="C10" s="28">
        <v>386</v>
      </c>
      <c r="D10" s="29">
        <v>780</v>
      </c>
    </row>
    <row r="11" spans="1:4" ht="18" customHeight="1" x14ac:dyDescent="0.2">
      <c r="A11" s="31">
        <v>5</v>
      </c>
      <c r="B11" s="35">
        <v>75</v>
      </c>
      <c r="C11" s="28">
        <v>66</v>
      </c>
      <c r="D11" s="29">
        <v>141</v>
      </c>
    </row>
    <row r="12" spans="1:4" ht="18" customHeight="1" x14ac:dyDescent="0.2">
      <c r="A12" s="31">
        <v>6</v>
      </c>
      <c r="B12" s="35">
        <v>77</v>
      </c>
      <c r="C12" s="28">
        <v>54</v>
      </c>
      <c r="D12" s="29">
        <v>131</v>
      </c>
    </row>
    <row r="13" spans="1:4" ht="18" customHeight="1" x14ac:dyDescent="0.2">
      <c r="A13" s="31">
        <v>7</v>
      </c>
      <c r="B13" s="35">
        <v>63</v>
      </c>
      <c r="C13" s="28">
        <v>60</v>
      </c>
      <c r="D13" s="29">
        <v>123</v>
      </c>
    </row>
    <row r="14" spans="1:4" ht="18" customHeight="1" x14ac:dyDescent="0.2">
      <c r="A14" s="31">
        <v>8</v>
      </c>
      <c r="B14" s="35">
        <v>71</v>
      </c>
      <c r="C14" s="28">
        <v>50</v>
      </c>
      <c r="D14" s="29">
        <v>121</v>
      </c>
    </row>
    <row r="15" spans="1:4" ht="18" customHeight="1" x14ac:dyDescent="0.2">
      <c r="A15" s="31">
        <v>9</v>
      </c>
      <c r="B15" s="35">
        <v>60</v>
      </c>
      <c r="C15" s="28">
        <v>57</v>
      </c>
      <c r="D15" s="29">
        <v>117</v>
      </c>
    </row>
    <row r="16" spans="1:4" ht="18" customHeight="1" x14ac:dyDescent="0.2">
      <c r="A16" s="31" t="s">
        <v>67</v>
      </c>
      <c r="B16" s="27">
        <v>346</v>
      </c>
      <c r="C16" s="28">
        <v>287</v>
      </c>
      <c r="D16" s="29">
        <v>633</v>
      </c>
    </row>
    <row r="17" spans="1:4" ht="18" customHeight="1" x14ac:dyDescent="0.2">
      <c r="A17" s="31">
        <v>10</v>
      </c>
      <c r="B17" s="27">
        <v>66</v>
      </c>
      <c r="C17" s="28">
        <v>52</v>
      </c>
      <c r="D17" s="29">
        <v>118</v>
      </c>
    </row>
    <row r="18" spans="1:4" ht="18" customHeight="1" x14ac:dyDescent="0.2">
      <c r="A18" s="31">
        <v>11</v>
      </c>
      <c r="B18" s="27">
        <v>55</v>
      </c>
      <c r="C18" s="28">
        <v>58</v>
      </c>
      <c r="D18" s="29">
        <v>113</v>
      </c>
    </row>
    <row r="19" spans="1:4" ht="18" customHeight="1" x14ac:dyDescent="0.2">
      <c r="A19" s="31">
        <v>12</v>
      </c>
      <c r="B19" s="27">
        <v>57</v>
      </c>
      <c r="C19" s="28">
        <v>58</v>
      </c>
      <c r="D19" s="29">
        <v>115</v>
      </c>
    </row>
    <row r="20" spans="1:4" ht="18" customHeight="1" x14ac:dyDescent="0.2">
      <c r="A20" s="31">
        <v>13</v>
      </c>
      <c r="B20" s="27">
        <v>54</v>
      </c>
      <c r="C20" s="28">
        <v>58</v>
      </c>
      <c r="D20" s="29">
        <v>112</v>
      </c>
    </row>
    <row r="21" spans="1:4" ht="18" customHeight="1" x14ac:dyDescent="0.2">
      <c r="A21" s="31">
        <v>14</v>
      </c>
      <c r="B21" s="27">
        <v>58</v>
      </c>
      <c r="C21" s="28">
        <v>65</v>
      </c>
      <c r="D21" s="29">
        <v>123</v>
      </c>
    </row>
    <row r="22" spans="1:4" ht="18" customHeight="1" x14ac:dyDescent="0.2">
      <c r="A22" s="31" t="s">
        <v>68</v>
      </c>
      <c r="B22" s="27">
        <v>290</v>
      </c>
      <c r="C22" s="28">
        <v>291</v>
      </c>
      <c r="D22" s="29">
        <v>581</v>
      </c>
    </row>
    <row r="23" spans="1:4" ht="18" customHeight="1" x14ac:dyDescent="0.2">
      <c r="A23" s="31" t="s">
        <v>69</v>
      </c>
      <c r="B23" s="27">
        <v>1030</v>
      </c>
      <c r="C23" s="28">
        <v>964</v>
      </c>
      <c r="D23" s="29">
        <v>1994</v>
      </c>
    </row>
    <row r="24" spans="1:4" ht="18" customHeight="1" x14ac:dyDescent="0.2">
      <c r="A24" s="31">
        <v>15</v>
      </c>
      <c r="B24" s="27">
        <v>50</v>
      </c>
      <c r="C24" s="28">
        <v>50</v>
      </c>
      <c r="D24" s="29">
        <v>100</v>
      </c>
    </row>
    <row r="25" spans="1:4" ht="18" customHeight="1" x14ac:dyDescent="0.2">
      <c r="A25" s="31">
        <v>16</v>
      </c>
      <c r="B25" s="27">
        <v>50</v>
      </c>
      <c r="C25" s="28">
        <v>46</v>
      </c>
      <c r="D25" s="29">
        <v>96</v>
      </c>
    </row>
    <row r="26" spans="1:4" ht="18" customHeight="1" x14ac:dyDescent="0.2">
      <c r="A26" s="31">
        <v>17</v>
      </c>
      <c r="B26" s="27">
        <v>63</v>
      </c>
      <c r="C26" s="28">
        <v>50</v>
      </c>
      <c r="D26" s="29">
        <v>113</v>
      </c>
    </row>
    <row r="27" spans="1:4" ht="18" customHeight="1" x14ac:dyDescent="0.2">
      <c r="A27" s="31">
        <v>18</v>
      </c>
      <c r="B27" s="27">
        <v>44</v>
      </c>
      <c r="C27" s="28">
        <v>43</v>
      </c>
      <c r="D27" s="29">
        <v>87</v>
      </c>
    </row>
    <row r="28" spans="1:4" ht="18" customHeight="1" x14ac:dyDescent="0.2">
      <c r="A28" s="31">
        <v>19</v>
      </c>
      <c r="B28" s="27">
        <v>56</v>
      </c>
      <c r="C28" s="28">
        <v>44</v>
      </c>
      <c r="D28" s="29">
        <v>100</v>
      </c>
    </row>
    <row r="29" spans="1:4" ht="18" customHeight="1" x14ac:dyDescent="0.2">
      <c r="A29" s="31" t="s">
        <v>70</v>
      </c>
      <c r="B29" s="27">
        <v>263</v>
      </c>
      <c r="C29" s="28">
        <v>233</v>
      </c>
      <c r="D29" s="29">
        <v>496</v>
      </c>
    </row>
    <row r="30" spans="1:4" ht="18" customHeight="1" x14ac:dyDescent="0.2">
      <c r="A30" s="31">
        <v>20</v>
      </c>
      <c r="B30" s="27">
        <v>64</v>
      </c>
      <c r="C30" s="28">
        <v>55</v>
      </c>
      <c r="D30" s="29">
        <v>119</v>
      </c>
    </row>
    <row r="31" spans="1:4" ht="18" customHeight="1" x14ac:dyDescent="0.2">
      <c r="A31" s="31">
        <v>21</v>
      </c>
      <c r="B31" s="27">
        <v>44</v>
      </c>
      <c r="C31" s="28">
        <v>39</v>
      </c>
      <c r="D31" s="29">
        <v>83</v>
      </c>
    </row>
    <row r="32" spans="1:4" ht="18" customHeight="1" x14ac:dyDescent="0.2">
      <c r="A32" s="31">
        <v>22</v>
      </c>
      <c r="B32" s="27">
        <v>45</v>
      </c>
      <c r="C32" s="28">
        <v>40</v>
      </c>
      <c r="D32" s="29">
        <v>85</v>
      </c>
    </row>
    <row r="33" spans="1:4" ht="18" customHeight="1" x14ac:dyDescent="0.2">
      <c r="A33" s="31">
        <v>23</v>
      </c>
      <c r="B33" s="27">
        <v>49</v>
      </c>
      <c r="C33" s="28">
        <v>41</v>
      </c>
      <c r="D33" s="29">
        <v>90</v>
      </c>
    </row>
    <row r="34" spans="1:4" ht="18" customHeight="1" x14ac:dyDescent="0.2">
      <c r="A34" s="31">
        <v>24</v>
      </c>
      <c r="B34" s="27">
        <v>48</v>
      </c>
      <c r="C34" s="28">
        <v>61</v>
      </c>
      <c r="D34" s="29">
        <v>109</v>
      </c>
    </row>
    <row r="35" spans="1:4" ht="18" customHeight="1" x14ac:dyDescent="0.2">
      <c r="A35" s="31" t="s">
        <v>71</v>
      </c>
      <c r="B35" s="27">
        <v>250</v>
      </c>
      <c r="C35" s="28">
        <v>236</v>
      </c>
      <c r="D35" s="29">
        <v>486</v>
      </c>
    </row>
    <row r="36" spans="1:4" ht="18" customHeight="1" x14ac:dyDescent="0.2">
      <c r="A36" s="31">
        <v>25</v>
      </c>
      <c r="B36" s="27">
        <v>74</v>
      </c>
      <c r="C36" s="28">
        <v>76</v>
      </c>
      <c r="D36" s="29">
        <v>150</v>
      </c>
    </row>
    <row r="37" spans="1:4" ht="18" customHeight="1" x14ac:dyDescent="0.2">
      <c r="A37" s="31">
        <v>26</v>
      </c>
      <c r="B37" s="27">
        <v>63</v>
      </c>
      <c r="C37" s="28">
        <v>87</v>
      </c>
      <c r="D37" s="29">
        <v>150</v>
      </c>
    </row>
    <row r="38" spans="1:4" ht="18" customHeight="1" x14ac:dyDescent="0.2">
      <c r="A38" s="31">
        <v>27</v>
      </c>
      <c r="B38" s="27">
        <v>59</v>
      </c>
      <c r="C38" s="28">
        <v>75</v>
      </c>
      <c r="D38" s="29">
        <v>134</v>
      </c>
    </row>
    <row r="39" spans="1:4" ht="18" customHeight="1" x14ac:dyDescent="0.2">
      <c r="A39" s="31">
        <v>28</v>
      </c>
      <c r="B39" s="27">
        <v>81</v>
      </c>
      <c r="C39" s="28">
        <v>74</v>
      </c>
      <c r="D39" s="29">
        <v>155</v>
      </c>
    </row>
    <row r="40" spans="1:4" ht="18" customHeight="1" x14ac:dyDescent="0.2">
      <c r="A40" s="31">
        <v>29</v>
      </c>
      <c r="B40" s="27">
        <v>106</v>
      </c>
      <c r="C40" s="28">
        <v>75</v>
      </c>
      <c r="D40" s="29">
        <v>181</v>
      </c>
    </row>
    <row r="41" spans="1:4" ht="18" customHeight="1" x14ac:dyDescent="0.2">
      <c r="A41" s="31" t="s">
        <v>72</v>
      </c>
      <c r="B41" s="27">
        <v>383</v>
      </c>
      <c r="C41" s="28">
        <v>387</v>
      </c>
      <c r="D41" s="29">
        <v>770</v>
      </c>
    </row>
    <row r="42" spans="1:4" ht="18" customHeight="1" x14ac:dyDescent="0.2">
      <c r="A42" s="31">
        <v>30</v>
      </c>
      <c r="B42" s="27">
        <v>93</v>
      </c>
      <c r="C42" s="28">
        <v>119</v>
      </c>
      <c r="D42" s="29">
        <v>212</v>
      </c>
    </row>
    <row r="43" spans="1:4" ht="18" customHeight="1" x14ac:dyDescent="0.2">
      <c r="A43" s="31">
        <v>31</v>
      </c>
      <c r="B43" s="27">
        <v>113</v>
      </c>
      <c r="C43" s="28">
        <v>82</v>
      </c>
      <c r="D43" s="29">
        <v>195</v>
      </c>
    </row>
    <row r="44" spans="1:4" ht="18" customHeight="1" x14ac:dyDescent="0.2">
      <c r="A44" s="31">
        <v>32</v>
      </c>
      <c r="B44" s="27">
        <v>98</v>
      </c>
      <c r="C44" s="28">
        <v>142</v>
      </c>
      <c r="D44" s="29">
        <v>240</v>
      </c>
    </row>
    <row r="45" spans="1:4" ht="18" customHeight="1" x14ac:dyDescent="0.2">
      <c r="A45" s="31">
        <v>33</v>
      </c>
      <c r="B45" s="27">
        <v>119</v>
      </c>
      <c r="C45" s="28">
        <v>110</v>
      </c>
      <c r="D45" s="29">
        <v>229</v>
      </c>
    </row>
    <row r="46" spans="1:4" ht="18" customHeight="1" x14ac:dyDescent="0.2">
      <c r="A46" s="31">
        <v>34</v>
      </c>
      <c r="B46" s="27">
        <v>101</v>
      </c>
      <c r="C46" s="28">
        <v>109</v>
      </c>
      <c r="D46" s="29">
        <v>210</v>
      </c>
    </row>
    <row r="47" spans="1:4" ht="18" customHeight="1" x14ac:dyDescent="0.2">
      <c r="A47" s="31" t="s">
        <v>73</v>
      </c>
      <c r="B47" s="27">
        <v>524</v>
      </c>
      <c r="C47" s="28">
        <v>562</v>
      </c>
      <c r="D47" s="29">
        <v>1086</v>
      </c>
    </row>
    <row r="48" spans="1:4" ht="18" customHeight="1" x14ac:dyDescent="0.2">
      <c r="A48" s="31">
        <v>35</v>
      </c>
      <c r="B48" s="27">
        <v>122</v>
      </c>
      <c r="C48" s="28">
        <v>102</v>
      </c>
      <c r="D48" s="29">
        <v>224</v>
      </c>
    </row>
    <row r="49" spans="1:4" ht="18" customHeight="1" x14ac:dyDescent="0.2">
      <c r="A49" s="31">
        <v>36</v>
      </c>
      <c r="B49" s="27">
        <v>119</v>
      </c>
      <c r="C49" s="28">
        <v>109</v>
      </c>
      <c r="D49" s="29">
        <v>228</v>
      </c>
    </row>
    <row r="50" spans="1:4" ht="18" customHeight="1" x14ac:dyDescent="0.2">
      <c r="A50" s="31">
        <v>37</v>
      </c>
      <c r="B50" s="27">
        <v>109</v>
      </c>
      <c r="C50" s="28">
        <v>113</v>
      </c>
      <c r="D50" s="29">
        <v>222</v>
      </c>
    </row>
    <row r="51" spans="1:4" ht="18" customHeight="1" x14ac:dyDescent="0.2">
      <c r="A51" s="31">
        <v>38</v>
      </c>
      <c r="B51" s="27">
        <v>83</v>
      </c>
      <c r="C51" s="28">
        <v>95</v>
      </c>
      <c r="D51" s="29">
        <v>178</v>
      </c>
    </row>
    <row r="52" spans="1:4" ht="18" customHeight="1" x14ac:dyDescent="0.2">
      <c r="A52" s="31">
        <v>39</v>
      </c>
      <c r="B52" s="27">
        <v>83</v>
      </c>
      <c r="C52" s="28">
        <v>86</v>
      </c>
      <c r="D52" s="29">
        <v>169</v>
      </c>
    </row>
    <row r="53" spans="1:4" ht="18" customHeight="1" x14ac:dyDescent="0.2">
      <c r="A53" s="31" t="s">
        <v>74</v>
      </c>
      <c r="B53" s="27">
        <v>516</v>
      </c>
      <c r="C53" s="28">
        <v>505</v>
      </c>
      <c r="D53" s="29">
        <v>1021</v>
      </c>
    </row>
    <row r="54" spans="1:4" ht="18" customHeight="1" x14ac:dyDescent="0.2">
      <c r="A54" s="31">
        <v>40</v>
      </c>
      <c r="B54" s="27">
        <v>103</v>
      </c>
      <c r="C54" s="28">
        <v>77</v>
      </c>
      <c r="D54" s="29">
        <v>180</v>
      </c>
    </row>
    <row r="55" spans="1:4" ht="18" customHeight="1" x14ac:dyDescent="0.2">
      <c r="A55" s="31">
        <v>41</v>
      </c>
      <c r="B55" s="27">
        <v>71</v>
      </c>
      <c r="C55" s="28">
        <v>76</v>
      </c>
      <c r="D55" s="29">
        <v>147</v>
      </c>
    </row>
    <row r="56" spans="1:4" ht="18" customHeight="1" x14ac:dyDescent="0.2">
      <c r="A56" s="31">
        <v>42</v>
      </c>
      <c r="B56" s="27">
        <v>66</v>
      </c>
      <c r="C56" s="28">
        <v>61</v>
      </c>
      <c r="D56" s="29">
        <v>127</v>
      </c>
    </row>
    <row r="57" spans="1:4" ht="18" customHeight="1" x14ac:dyDescent="0.2">
      <c r="A57" s="31">
        <v>43</v>
      </c>
      <c r="B57" s="27">
        <v>54</v>
      </c>
      <c r="C57" s="28">
        <v>48</v>
      </c>
      <c r="D57" s="29">
        <v>102</v>
      </c>
    </row>
    <row r="58" spans="1:4" ht="18" customHeight="1" x14ac:dyDescent="0.2">
      <c r="A58" s="31">
        <v>44</v>
      </c>
      <c r="B58" s="27">
        <v>61</v>
      </c>
      <c r="C58" s="28">
        <v>67</v>
      </c>
      <c r="D58" s="29">
        <v>128</v>
      </c>
    </row>
    <row r="59" spans="1:4" ht="18" customHeight="1" x14ac:dyDescent="0.2">
      <c r="A59" s="31" t="s">
        <v>75</v>
      </c>
      <c r="B59" s="27">
        <v>355</v>
      </c>
      <c r="C59" s="28">
        <v>329</v>
      </c>
      <c r="D59" s="29">
        <v>684</v>
      </c>
    </row>
    <row r="60" spans="1:4" ht="18" customHeight="1" x14ac:dyDescent="0.2">
      <c r="A60" s="31">
        <v>45</v>
      </c>
      <c r="B60" s="27">
        <v>68</v>
      </c>
      <c r="C60" s="28">
        <v>71</v>
      </c>
      <c r="D60" s="29">
        <v>139</v>
      </c>
    </row>
    <row r="61" spans="1:4" ht="18" customHeight="1" x14ac:dyDescent="0.2">
      <c r="A61" s="31">
        <v>46</v>
      </c>
      <c r="B61" s="27">
        <v>65</v>
      </c>
      <c r="C61" s="28">
        <v>72</v>
      </c>
      <c r="D61" s="29">
        <v>137</v>
      </c>
    </row>
    <row r="62" spans="1:4" ht="18" customHeight="1" x14ac:dyDescent="0.2">
      <c r="A62" s="31">
        <v>47</v>
      </c>
      <c r="B62" s="27">
        <v>60</v>
      </c>
      <c r="C62" s="28">
        <v>55</v>
      </c>
      <c r="D62" s="29">
        <v>115</v>
      </c>
    </row>
    <row r="63" spans="1:4" ht="18" customHeight="1" x14ac:dyDescent="0.2">
      <c r="A63" s="31">
        <v>48</v>
      </c>
      <c r="B63" s="27">
        <v>58</v>
      </c>
      <c r="C63" s="28">
        <v>66</v>
      </c>
      <c r="D63" s="29">
        <v>124</v>
      </c>
    </row>
    <row r="64" spans="1:4" ht="18" customHeight="1" x14ac:dyDescent="0.2">
      <c r="A64" s="31">
        <v>49</v>
      </c>
      <c r="B64" s="27">
        <v>65</v>
      </c>
      <c r="C64" s="28">
        <v>49</v>
      </c>
      <c r="D64" s="29">
        <v>114</v>
      </c>
    </row>
    <row r="65" spans="1:4" ht="18" customHeight="1" x14ac:dyDescent="0.2">
      <c r="A65" s="31" t="s">
        <v>76</v>
      </c>
      <c r="B65" s="27">
        <v>316</v>
      </c>
      <c r="C65" s="28">
        <v>313</v>
      </c>
      <c r="D65" s="29">
        <v>629</v>
      </c>
    </row>
    <row r="66" spans="1:4" ht="18" customHeight="1" x14ac:dyDescent="0.2">
      <c r="A66" s="31">
        <v>50</v>
      </c>
      <c r="B66" s="27">
        <v>58</v>
      </c>
      <c r="C66" s="28">
        <v>49</v>
      </c>
      <c r="D66" s="29">
        <v>107</v>
      </c>
    </row>
    <row r="67" spans="1:4" ht="18" customHeight="1" x14ac:dyDescent="0.2">
      <c r="A67" s="31">
        <v>51</v>
      </c>
      <c r="B67" s="27">
        <v>46</v>
      </c>
      <c r="C67" s="28">
        <v>57</v>
      </c>
      <c r="D67" s="29">
        <v>103</v>
      </c>
    </row>
    <row r="68" spans="1:4" ht="18" customHeight="1" x14ac:dyDescent="0.2">
      <c r="A68" s="31">
        <v>52</v>
      </c>
      <c r="B68" s="27">
        <v>48</v>
      </c>
      <c r="C68" s="28">
        <v>57</v>
      </c>
      <c r="D68" s="29">
        <v>105</v>
      </c>
    </row>
    <row r="69" spans="1:4" ht="18" customHeight="1" x14ac:dyDescent="0.2">
      <c r="A69" s="31">
        <v>53</v>
      </c>
      <c r="B69" s="27">
        <v>51</v>
      </c>
      <c r="C69" s="28">
        <v>63</v>
      </c>
      <c r="D69" s="29">
        <v>114</v>
      </c>
    </row>
    <row r="70" spans="1:4" ht="18" customHeight="1" x14ac:dyDescent="0.2">
      <c r="A70" s="31">
        <v>54</v>
      </c>
      <c r="B70" s="27">
        <v>65</v>
      </c>
      <c r="C70" s="28">
        <v>57</v>
      </c>
      <c r="D70" s="29">
        <v>122</v>
      </c>
    </row>
    <row r="71" spans="1:4" ht="18" customHeight="1" x14ac:dyDescent="0.2">
      <c r="A71" s="31" t="s">
        <v>77</v>
      </c>
      <c r="B71" s="27">
        <v>268</v>
      </c>
      <c r="C71" s="28">
        <v>283</v>
      </c>
      <c r="D71" s="29">
        <v>551</v>
      </c>
    </row>
    <row r="72" spans="1:4" ht="18" customHeight="1" x14ac:dyDescent="0.2">
      <c r="A72" s="31">
        <v>55</v>
      </c>
      <c r="B72" s="27">
        <v>50</v>
      </c>
      <c r="C72" s="28">
        <v>61</v>
      </c>
      <c r="D72" s="29">
        <v>111</v>
      </c>
    </row>
    <row r="73" spans="1:4" ht="18" customHeight="1" x14ac:dyDescent="0.2">
      <c r="A73" s="31">
        <v>56</v>
      </c>
      <c r="B73" s="27">
        <v>62</v>
      </c>
      <c r="C73" s="28">
        <v>56</v>
      </c>
      <c r="D73" s="29">
        <v>118</v>
      </c>
    </row>
    <row r="74" spans="1:4" ht="18" customHeight="1" x14ac:dyDescent="0.2">
      <c r="A74" s="31">
        <v>57</v>
      </c>
      <c r="B74" s="27">
        <v>51</v>
      </c>
      <c r="C74" s="28">
        <v>61</v>
      </c>
      <c r="D74" s="29">
        <v>112</v>
      </c>
    </row>
    <row r="75" spans="1:4" ht="18" customHeight="1" x14ac:dyDescent="0.2">
      <c r="A75" s="31">
        <v>58</v>
      </c>
      <c r="B75" s="27">
        <v>50</v>
      </c>
      <c r="C75" s="28">
        <v>63</v>
      </c>
      <c r="D75" s="29">
        <v>113</v>
      </c>
    </row>
    <row r="76" spans="1:4" ht="18" customHeight="1" x14ac:dyDescent="0.2">
      <c r="A76" s="31">
        <v>59</v>
      </c>
      <c r="B76" s="27">
        <v>57</v>
      </c>
      <c r="C76" s="28">
        <v>62</v>
      </c>
      <c r="D76" s="29">
        <v>119</v>
      </c>
    </row>
    <row r="77" spans="1:4" ht="18" customHeight="1" x14ac:dyDescent="0.2">
      <c r="A77" s="31" t="s">
        <v>78</v>
      </c>
      <c r="B77" s="27">
        <v>270</v>
      </c>
      <c r="C77" s="28">
        <v>303</v>
      </c>
      <c r="D77" s="29">
        <v>573</v>
      </c>
    </row>
    <row r="78" spans="1:4" ht="18" customHeight="1" x14ac:dyDescent="0.2">
      <c r="A78" s="31">
        <v>60</v>
      </c>
      <c r="B78" s="27">
        <v>69</v>
      </c>
      <c r="C78" s="28">
        <v>82</v>
      </c>
      <c r="D78" s="29">
        <v>151</v>
      </c>
    </row>
    <row r="79" spans="1:4" ht="18" customHeight="1" x14ac:dyDescent="0.2">
      <c r="A79" s="31">
        <v>61</v>
      </c>
      <c r="B79" s="27">
        <v>69</v>
      </c>
      <c r="C79" s="28">
        <v>76</v>
      </c>
      <c r="D79" s="29">
        <v>145</v>
      </c>
    </row>
    <row r="80" spans="1:4" ht="18" customHeight="1" x14ac:dyDescent="0.2">
      <c r="A80" s="31">
        <v>62</v>
      </c>
      <c r="B80" s="27">
        <v>61</v>
      </c>
      <c r="C80" s="28">
        <v>70</v>
      </c>
      <c r="D80" s="29">
        <v>131</v>
      </c>
    </row>
    <row r="81" spans="1:4" ht="18" customHeight="1" x14ac:dyDescent="0.2">
      <c r="A81" s="31">
        <v>63</v>
      </c>
      <c r="B81" s="27">
        <v>30</v>
      </c>
      <c r="C81" s="28">
        <v>45</v>
      </c>
      <c r="D81" s="29">
        <v>75</v>
      </c>
    </row>
    <row r="82" spans="1:4" ht="18" customHeight="1" x14ac:dyDescent="0.2">
      <c r="A82" s="31">
        <v>64</v>
      </c>
      <c r="B82" s="27">
        <v>42</v>
      </c>
      <c r="C82" s="28">
        <v>41</v>
      </c>
      <c r="D82" s="29">
        <v>83</v>
      </c>
    </row>
    <row r="83" spans="1:4" ht="18" customHeight="1" x14ac:dyDescent="0.2">
      <c r="A83" s="31" t="s">
        <v>79</v>
      </c>
      <c r="B83" s="27">
        <v>271</v>
      </c>
      <c r="C83" s="28">
        <v>314</v>
      </c>
      <c r="D83" s="29">
        <v>585</v>
      </c>
    </row>
    <row r="84" spans="1:4" ht="18" customHeight="1" x14ac:dyDescent="0.2">
      <c r="A84" s="31" t="s">
        <v>80</v>
      </c>
      <c r="B84" s="27">
        <v>3416</v>
      </c>
      <c r="C84" s="28">
        <v>3465</v>
      </c>
      <c r="D84" s="29">
        <v>6881</v>
      </c>
    </row>
    <row r="85" spans="1:4" ht="18" customHeight="1" x14ac:dyDescent="0.2">
      <c r="A85" s="31">
        <v>65</v>
      </c>
      <c r="B85" s="27">
        <v>46</v>
      </c>
      <c r="C85" s="28">
        <v>52</v>
      </c>
      <c r="D85" s="29">
        <v>98</v>
      </c>
    </row>
    <row r="86" spans="1:4" ht="18" customHeight="1" x14ac:dyDescent="0.2">
      <c r="A86" s="31">
        <v>66</v>
      </c>
      <c r="B86" s="27">
        <v>60</v>
      </c>
      <c r="C86" s="28">
        <v>60</v>
      </c>
      <c r="D86" s="29">
        <v>120</v>
      </c>
    </row>
    <row r="87" spans="1:4" ht="18" customHeight="1" x14ac:dyDescent="0.2">
      <c r="A87" s="31">
        <v>67</v>
      </c>
      <c r="B87" s="27">
        <v>57</v>
      </c>
      <c r="C87" s="28">
        <v>42</v>
      </c>
      <c r="D87" s="29">
        <v>99</v>
      </c>
    </row>
    <row r="88" spans="1:4" ht="18" customHeight="1" x14ac:dyDescent="0.2">
      <c r="A88" s="31">
        <v>68</v>
      </c>
      <c r="B88" s="27">
        <v>38</v>
      </c>
      <c r="C88" s="28">
        <v>31</v>
      </c>
      <c r="D88" s="29">
        <v>69</v>
      </c>
    </row>
    <row r="89" spans="1:4" ht="18" customHeight="1" x14ac:dyDescent="0.2">
      <c r="A89" s="31">
        <v>69</v>
      </c>
      <c r="B89" s="27">
        <v>27</v>
      </c>
      <c r="C89" s="28">
        <v>47</v>
      </c>
      <c r="D89" s="29">
        <v>74</v>
      </c>
    </row>
    <row r="90" spans="1:4" ht="18" customHeight="1" x14ac:dyDescent="0.2">
      <c r="A90" s="31" t="s">
        <v>81</v>
      </c>
      <c r="B90" s="27">
        <v>228</v>
      </c>
      <c r="C90" s="28">
        <v>232</v>
      </c>
      <c r="D90" s="29">
        <v>460</v>
      </c>
    </row>
    <row r="91" spans="1:4" ht="18" customHeight="1" x14ac:dyDescent="0.2">
      <c r="A91" s="31">
        <v>70</v>
      </c>
      <c r="B91" s="27">
        <v>23</v>
      </c>
      <c r="C91" s="28">
        <v>27</v>
      </c>
      <c r="D91" s="29">
        <v>50</v>
      </c>
    </row>
    <row r="92" spans="1:4" ht="18" customHeight="1" x14ac:dyDescent="0.2">
      <c r="A92" s="31">
        <v>71</v>
      </c>
      <c r="B92" s="27">
        <v>43</v>
      </c>
      <c r="C92" s="28">
        <v>36</v>
      </c>
      <c r="D92" s="29">
        <v>79</v>
      </c>
    </row>
    <row r="93" spans="1:4" ht="18" customHeight="1" x14ac:dyDescent="0.2">
      <c r="A93" s="31">
        <v>72</v>
      </c>
      <c r="B93" s="27">
        <v>26</v>
      </c>
      <c r="C93" s="28">
        <v>29</v>
      </c>
      <c r="D93" s="29">
        <v>55</v>
      </c>
    </row>
    <row r="94" spans="1:4" ht="18" customHeight="1" x14ac:dyDescent="0.2">
      <c r="A94" s="31">
        <v>73</v>
      </c>
      <c r="B94" s="27">
        <v>21</v>
      </c>
      <c r="C94" s="28">
        <v>47</v>
      </c>
      <c r="D94" s="29">
        <v>68</v>
      </c>
    </row>
    <row r="95" spans="1:4" ht="18" customHeight="1" x14ac:dyDescent="0.2">
      <c r="A95" s="31">
        <v>74</v>
      </c>
      <c r="B95" s="27">
        <v>24</v>
      </c>
      <c r="C95" s="28">
        <v>23</v>
      </c>
      <c r="D95" s="29">
        <v>47</v>
      </c>
    </row>
    <row r="96" spans="1:4" ht="18" customHeight="1" x14ac:dyDescent="0.2">
      <c r="A96" s="31" t="s">
        <v>82</v>
      </c>
      <c r="B96" s="27">
        <v>137</v>
      </c>
      <c r="C96" s="28">
        <v>162</v>
      </c>
      <c r="D96" s="29">
        <v>299</v>
      </c>
    </row>
    <row r="97" spans="1:4" ht="18" customHeight="1" x14ac:dyDescent="0.2">
      <c r="A97" s="31">
        <v>75</v>
      </c>
      <c r="B97" s="27">
        <v>27</v>
      </c>
      <c r="C97" s="28">
        <v>34</v>
      </c>
      <c r="D97" s="29">
        <v>61</v>
      </c>
    </row>
    <row r="98" spans="1:4" ht="18" customHeight="1" x14ac:dyDescent="0.2">
      <c r="A98" s="31">
        <v>76</v>
      </c>
      <c r="B98" s="27">
        <v>35</v>
      </c>
      <c r="C98" s="28">
        <v>38</v>
      </c>
      <c r="D98" s="29">
        <v>73</v>
      </c>
    </row>
    <row r="99" spans="1:4" ht="18" customHeight="1" x14ac:dyDescent="0.2">
      <c r="A99" s="31">
        <v>77</v>
      </c>
      <c r="B99" s="27">
        <v>27</v>
      </c>
      <c r="C99" s="28">
        <v>36</v>
      </c>
      <c r="D99" s="29">
        <v>63</v>
      </c>
    </row>
    <row r="100" spans="1:4" ht="18" customHeight="1" x14ac:dyDescent="0.2">
      <c r="A100" s="31">
        <v>78</v>
      </c>
      <c r="B100" s="27">
        <v>23</v>
      </c>
      <c r="C100" s="28">
        <v>36</v>
      </c>
      <c r="D100" s="29">
        <v>59</v>
      </c>
    </row>
    <row r="101" spans="1:4" ht="18" customHeight="1" x14ac:dyDescent="0.2">
      <c r="A101" s="31">
        <v>79</v>
      </c>
      <c r="B101" s="27">
        <v>24</v>
      </c>
      <c r="C101" s="28">
        <v>25</v>
      </c>
      <c r="D101" s="29">
        <v>49</v>
      </c>
    </row>
    <row r="102" spans="1:4" ht="18" customHeight="1" x14ac:dyDescent="0.2">
      <c r="A102" s="31" t="s">
        <v>83</v>
      </c>
      <c r="B102" s="27">
        <v>136</v>
      </c>
      <c r="C102" s="28">
        <v>169</v>
      </c>
      <c r="D102" s="29">
        <v>305</v>
      </c>
    </row>
    <row r="103" spans="1:4" ht="18" customHeight="1" x14ac:dyDescent="0.2">
      <c r="A103" s="31">
        <v>80</v>
      </c>
      <c r="B103" s="27">
        <v>14</v>
      </c>
      <c r="C103" s="28">
        <v>34</v>
      </c>
      <c r="D103" s="29">
        <v>48</v>
      </c>
    </row>
    <row r="104" spans="1:4" ht="18" customHeight="1" x14ac:dyDescent="0.2">
      <c r="A104" s="31">
        <v>81</v>
      </c>
      <c r="B104" s="27">
        <v>18</v>
      </c>
      <c r="C104" s="28">
        <v>26</v>
      </c>
      <c r="D104" s="29">
        <v>44</v>
      </c>
    </row>
    <row r="105" spans="1:4" ht="18" customHeight="1" x14ac:dyDescent="0.2">
      <c r="A105" s="31">
        <v>82</v>
      </c>
      <c r="B105" s="27">
        <v>15</v>
      </c>
      <c r="C105" s="28">
        <v>24</v>
      </c>
      <c r="D105" s="29">
        <v>39</v>
      </c>
    </row>
    <row r="106" spans="1:4" ht="18" customHeight="1" x14ac:dyDescent="0.2">
      <c r="A106" s="31">
        <v>83</v>
      </c>
      <c r="B106" s="27">
        <v>16</v>
      </c>
      <c r="C106" s="28">
        <v>23</v>
      </c>
      <c r="D106" s="29">
        <v>39</v>
      </c>
    </row>
    <row r="107" spans="1:4" ht="18" customHeight="1" x14ac:dyDescent="0.2">
      <c r="A107" s="31">
        <v>84</v>
      </c>
      <c r="B107" s="27">
        <v>12</v>
      </c>
      <c r="C107" s="28">
        <v>17</v>
      </c>
      <c r="D107" s="29">
        <v>29</v>
      </c>
    </row>
    <row r="108" spans="1:4" ht="18" customHeight="1" x14ac:dyDescent="0.2">
      <c r="A108" s="31" t="s">
        <v>84</v>
      </c>
      <c r="B108" s="27">
        <v>75</v>
      </c>
      <c r="C108" s="28">
        <v>124</v>
      </c>
      <c r="D108" s="29">
        <v>199</v>
      </c>
    </row>
    <row r="109" spans="1:4" ht="18" customHeight="1" x14ac:dyDescent="0.2">
      <c r="A109" s="31">
        <v>85</v>
      </c>
      <c r="B109" s="27">
        <v>7</v>
      </c>
      <c r="C109" s="28">
        <v>24</v>
      </c>
      <c r="D109" s="29">
        <v>31</v>
      </c>
    </row>
    <row r="110" spans="1:4" ht="18" customHeight="1" x14ac:dyDescent="0.2">
      <c r="A110" s="31">
        <v>86</v>
      </c>
      <c r="B110" s="27">
        <v>3</v>
      </c>
      <c r="C110" s="28">
        <v>14</v>
      </c>
      <c r="D110" s="29">
        <v>17</v>
      </c>
    </row>
    <row r="111" spans="1:4" ht="18" customHeight="1" x14ac:dyDescent="0.2">
      <c r="A111" s="31">
        <v>87</v>
      </c>
      <c r="B111" s="27">
        <v>12</v>
      </c>
      <c r="C111" s="28">
        <v>19</v>
      </c>
      <c r="D111" s="29">
        <v>31</v>
      </c>
    </row>
    <row r="112" spans="1:4" ht="18" customHeight="1" x14ac:dyDescent="0.2">
      <c r="A112" s="31">
        <v>88</v>
      </c>
      <c r="B112" s="27">
        <v>3</v>
      </c>
      <c r="C112" s="28">
        <v>16</v>
      </c>
      <c r="D112" s="29">
        <v>19</v>
      </c>
    </row>
    <row r="113" spans="1:4" ht="18" customHeight="1" x14ac:dyDescent="0.2">
      <c r="A113" s="31">
        <v>89</v>
      </c>
      <c r="B113" s="27">
        <v>4</v>
      </c>
      <c r="C113" s="28">
        <v>14</v>
      </c>
      <c r="D113" s="29">
        <v>18</v>
      </c>
    </row>
    <row r="114" spans="1:4" ht="18" customHeight="1" x14ac:dyDescent="0.2">
      <c r="A114" s="31" t="s">
        <v>85</v>
      </c>
      <c r="B114" s="27">
        <v>29</v>
      </c>
      <c r="C114" s="28">
        <v>87</v>
      </c>
      <c r="D114" s="29">
        <v>116</v>
      </c>
    </row>
    <row r="115" spans="1:4" ht="18" customHeight="1" x14ac:dyDescent="0.2">
      <c r="A115" s="31">
        <v>90</v>
      </c>
      <c r="B115" s="27">
        <v>5</v>
      </c>
      <c r="C115" s="28">
        <v>14</v>
      </c>
      <c r="D115" s="29">
        <v>19</v>
      </c>
    </row>
    <row r="116" spans="1:4" ht="18" customHeight="1" x14ac:dyDescent="0.2">
      <c r="A116" s="31">
        <v>91</v>
      </c>
      <c r="B116" s="27">
        <v>2</v>
      </c>
      <c r="C116" s="28">
        <v>9</v>
      </c>
      <c r="D116" s="29">
        <v>11</v>
      </c>
    </row>
    <row r="117" spans="1:4" ht="18" customHeight="1" x14ac:dyDescent="0.2">
      <c r="A117" s="31">
        <v>92</v>
      </c>
      <c r="B117" s="27">
        <v>1</v>
      </c>
      <c r="C117" s="28">
        <v>10</v>
      </c>
      <c r="D117" s="29">
        <v>11</v>
      </c>
    </row>
    <row r="118" spans="1:4" ht="18" customHeight="1" x14ac:dyDescent="0.2">
      <c r="A118" s="31">
        <v>93</v>
      </c>
      <c r="B118" s="27">
        <v>0</v>
      </c>
      <c r="C118" s="28">
        <v>7</v>
      </c>
      <c r="D118" s="29">
        <v>7</v>
      </c>
    </row>
    <row r="119" spans="1:4" ht="18" customHeight="1" x14ac:dyDescent="0.2">
      <c r="A119" s="31">
        <v>94</v>
      </c>
      <c r="B119" s="27">
        <v>1</v>
      </c>
      <c r="C119" s="28">
        <v>2</v>
      </c>
      <c r="D119" s="29">
        <v>3</v>
      </c>
    </row>
    <row r="120" spans="1:4" ht="18" customHeight="1" x14ac:dyDescent="0.2">
      <c r="A120" s="31" t="s">
        <v>86</v>
      </c>
      <c r="B120" s="27">
        <v>9</v>
      </c>
      <c r="C120" s="28">
        <v>42</v>
      </c>
      <c r="D120" s="29">
        <v>51</v>
      </c>
    </row>
    <row r="121" spans="1:4" ht="18" customHeight="1" x14ac:dyDescent="0.2">
      <c r="A121" s="31">
        <v>95</v>
      </c>
      <c r="B121" s="27">
        <v>1</v>
      </c>
      <c r="C121" s="28">
        <v>5</v>
      </c>
      <c r="D121" s="29">
        <v>6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2</v>
      </c>
      <c r="C123" s="28">
        <v>3</v>
      </c>
      <c r="D123" s="29">
        <v>5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1</v>
      </c>
      <c r="C125" s="28">
        <v>2</v>
      </c>
      <c r="D125" s="29">
        <v>3</v>
      </c>
    </row>
    <row r="126" spans="1:4" ht="18" customHeight="1" x14ac:dyDescent="0.2">
      <c r="A126" s="31" t="s">
        <v>87</v>
      </c>
      <c r="B126" s="27">
        <v>5</v>
      </c>
      <c r="C126" s="28">
        <v>15</v>
      </c>
      <c r="D126" s="29">
        <v>20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89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90</v>
      </c>
      <c r="B130" s="4">
        <v>619</v>
      </c>
      <c r="C130" s="5">
        <v>834</v>
      </c>
      <c r="D130" s="6">
        <v>1453</v>
      </c>
    </row>
    <row r="131" spans="1:4" ht="18" customHeight="1" x14ac:dyDescent="0.2">
      <c r="A131" s="33" t="s">
        <v>65</v>
      </c>
      <c r="B131" s="7">
        <v>5065</v>
      </c>
      <c r="C131" s="8">
        <v>5263</v>
      </c>
      <c r="D131" s="9">
        <v>1032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</v>
      </c>
      <c r="C5" s="37">
        <v>4</v>
      </c>
      <c r="D5" s="39">
        <v>5</v>
      </c>
    </row>
    <row r="6" spans="1:4" ht="18" customHeight="1" x14ac:dyDescent="0.2">
      <c r="A6" s="31">
        <v>1</v>
      </c>
      <c r="B6" s="35">
        <v>6</v>
      </c>
      <c r="C6" s="28">
        <v>5</v>
      </c>
      <c r="D6" s="29">
        <v>11</v>
      </c>
    </row>
    <row r="7" spans="1:4" ht="18" customHeight="1" x14ac:dyDescent="0.2">
      <c r="A7" s="31">
        <v>2</v>
      </c>
      <c r="B7" s="35">
        <v>5</v>
      </c>
      <c r="C7" s="28">
        <v>2</v>
      </c>
      <c r="D7" s="29">
        <v>7</v>
      </c>
    </row>
    <row r="8" spans="1:4" ht="18" customHeight="1" x14ac:dyDescent="0.2">
      <c r="A8" s="31">
        <v>3</v>
      </c>
      <c r="B8" s="35">
        <v>6</v>
      </c>
      <c r="C8" s="28">
        <v>5</v>
      </c>
      <c r="D8" s="29">
        <v>11</v>
      </c>
    </row>
    <row r="9" spans="1:4" ht="18" customHeight="1" x14ac:dyDescent="0.2">
      <c r="A9" s="31">
        <v>4</v>
      </c>
      <c r="B9" s="36">
        <v>4</v>
      </c>
      <c r="C9" s="38">
        <v>8</v>
      </c>
      <c r="D9" s="40">
        <v>12</v>
      </c>
    </row>
    <row r="10" spans="1:4" ht="18" customHeight="1" x14ac:dyDescent="0.2">
      <c r="A10" s="31" t="s">
        <v>66</v>
      </c>
      <c r="B10" s="27">
        <v>22</v>
      </c>
      <c r="C10" s="28">
        <v>24</v>
      </c>
      <c r="D10" s="29">
        <v>46</v>
      </c>
    </row>
    <row r="11" spans="1:4" ht="18" customHeight="1" x14ac:dyDescent="0.2">
      <c r="A11" s="31">
        <v>5</v>
      </c>
      <c r="B11" s="35">
        <v>1</v>
      </c>
      <c r="C11" s="28">
        <v>0</v>
      </c>
      <c r="D11" s="29">
        <v>1</v>
      </c>
    </row>
    <row r="12" spans="1:4" ht="18" customHeight="1" x14ac:dyDescent="0.2">
      <c r="A12" s="31">
        <v>6</v>
      </c>
      <c r="B12" s="35">
        <v>8</v>
      </c>
      <c r="C12" s="28">
        <v>10</v>
      </c>
      <c r="D12" s="29">
        <v>18</v>
      </c>
    </row>
    <row r="13" spans="1:4" ht="18" customHeight="1" x14ac:dyDescent="0.2">
      <c r="A13" s="31">
        <v>7</v>
      </c>
      <c r="B13" s="35">
        <v>4</v>
      </c>
      <c r="C13" s="28">
        <v>7</v>
      </c>
      <c r="D13" s="29">
        <v>11</v>
      </c>
    </row>
    <row r="14" spans="1:4" ht="18" customHeight="1" x14ac:dyDescent="0.2">
      <c r="A14" s="31">
        <v>8</v>
      </c>
      <c r="B14" s="35">
        <v>6</v>
      </c>
      <c r="C14" s="28">
        <v>10</v>
      </c>
      <c r="D14" s="29">
        <v>16</v>
      </c>
    </row>
    <row r="15" spans="1:4" ht="18" customHeight="1" x14ac:dyDescent="0.2">
      <c r="A15" s="31">
        <v>9</v>
      </c>
      <c r="B15" s="35">
        <v>4</v>
      </c>
      <c r="C15" s="28">
        <v>10</v>
      </c>
      <c r="D15" s="29">
        <v>14</v>
      </c>
    </row>
    <row r="16" spans="1:4" ht="18" customHeight="1" x14ac:dyDescent="0.2">
      <c r="A16" s="31" t="s">
        <v>67</v>
      </c>
      <c r="B16" s="27">
        <v>23</v>
      </c>
      <c r="C16" s="28">
        <v>37</v>
      </c>
      <c r="D16" s="29">
        <v>60</v>
      </c>
    </row>
    <row r="17" spans="1:4" ht="18" customHeight="1" x14ac:dyDescent="0.2">
      <c r="A17" s="31">
        <v>10</v>
      </c>
      <c r="B17" s="27">
        <v>8</v>
      </c>
      <c r="C17" s="28">
        <v>6</v>
      </c>
      <c r="D17" s="29">
        <v>14</v>
      </c>
    </row>
    <row r="18" spans="1:4" ht="18" customHeight="1" x14ac:dyDescent="0.2">
      <c r="A18" s="31">
        <v>11</v>
      </c>
      <c r="B18" s="27">
        <v>13</v>
      </c>
      <c r="C18" s="28">
        <v>8</v>
      </c>
      <c r="D18" s="29">
        <v>21</v>
      </c>
    </row>
    <row r="19" spans="1:4" ht="18" customHeight="1" x14ac:dyDescent="0.2">
      <c r="A19" s="31">
        <v>12</v>
      </c>
      <c r="B19" s="27">
        <v>11</v>
      </c>
      <c r="C19" s="28">
        <v>7</v>
      </c>
      <c r="D19" s="29">
        <v>18</v>
      </c>
    </row>
    <row r="20" spans="1:4" ht="18" customHeight="1" x14ac:dyDescent="0.2">
      <c r="A20" s="31">
        <v>13</v>
      </c>
      <c r="B20" s="27">
        <v>7</v>
      </c>
      <c r="C20" s="28">
        <v>7</v>
      </c>
      <c r="D20" s="29">
        <v>14</v>
      </c>
    </row>
    <row r="21" spans="1:4" ht="18" customHeight="1" x14ac:dyDescent="0.2">
      <c r="A21" s="31">
        <v>14</v>
      </c>
      <c r="B21" s="27">
        <v>6</v>
      </c>
      <c r="C21" s="28">
        <v>9</v>
      </c>
      <c r="D21" s="29">
        <v>15</v>
      </c>
    </row>
    <row r="22" spans="1:4" ht="18" customHeight="1" x14ac:dyDescent="0.2">
      <c r="A22" s="31" t="s">
        <v>68</v>
      </c>
      <c r="B22" s="27">
        <v>45</v>
      </c>
      <c r="C22" s="28">
        <v>37</v>
      </c>
      <c r="D22" s="29">
        <v>82</v>
      </c>
    </row>
    <row r="23" spans="1:4" ht="18" customHeight="1" x14ac:dyDescent="0.2">
      <c r="A23" s="31" t="s">
        <v>69</v>
      </c>
      <c r="B23" s="27">
        <v>90</v>
      </c>
      <c r="C23" s="28">
        <v>98</v>
      </c>
      <c r="D23" s="29">
        <v>188</v>
      </c>
    </row>
    <row r="24" spans="1:4" ht="18" customHeight="1" x14ac:dyDescent="0.2">
      <c r="A24" s="31">
        <v>15</v>
      </c>
      <c r="B24" s="27">
        <v>8</v>
      </c>
      <c r="C24" s="28">
        <v>11</v>
      </c>
      <c r="D24" s="29">
        <v>19</v>
      </c>
    </row>
    <row r="25" spans="1:4" ht="18" customHeight="1" x14ac:dyDescent="0.2">
      <c r="A25" s="31">
        <v>16</v>
      </c>
      <c r="B25" s="27">
        <v>11</v>
      </c>
      <c r="C25" s="28">
        <v>6</v>
      </c>
      <c r="D25" s="29">
        <v>17</v>
      </c>
    </row>
    <row r="26" spans="1:4" ht="18" customHeight="1" x14ac:dyDescent="0.2">
      <c r="A26" s="31">
        <v>17</v>
      </c>
      <c r="B26" s="27">
        <v>11</v>
      </c>
      <c r="C26" s="28">
        <v>6</v>
      </c>
      <c r="D26" s="29">
        <v>17</v>
      </c>
    </row>
    <row r="27" spans="1:4" ht="18" customHeight="1" x14ac:dyDescent="0.2">
      <c r="A27" s="31">
        <v>18</v>
      </c>
      <c r="B27" s="27">
        <v>8</v>
      </c>
      <c r="C27" s="28">
        <v>8</v>
      </c>
      <c r="D27" s="29">
        <v>16</v>
      </c>
    </row>
    <row r="28" spans="1:4" ht="18" customHeight="1" x14ac:dyDescent="0.2">
      <c r="A28" s="31">
        <v>19</v>
      </c>
      <c r="B28" s="27">
        <v>19</v>
      </c>
      <c r="C28" s="28">
        <v>7</v>
      </c>
      <c r="D28" s="29">
        <v>26</v>
      </c>
    </row>
    <row r="29" spans="1:4" ht="18" customHeight="1" x14ac:dyDescent="0.2">
      <c r="A29" s="31" t="s">
        <v>70</v>
      </c>
      <c r="B29" s="27">
        <v>57</v>
      </c>
      <c r="C29" s="28">
        <v>38</v>
      </c>
      <c r="D29" s="29">
        <v>95</v>
      </c>
    </row>
    <row r="30" spans="1:4" ht="18" customHeight="1" x14ac:dyDescent="0.2">
      <c r="A30" s="31">
        <v>20</v>
      </c>
      <c r="B30" s="27">
        <v>9</v>
      </c>
      <c r="C30" s="28">
        <v>12</v>
      </c>
      <c r="D30" s="29">
        <v>21</v>
      </c>
    </row>
    <row r="31" spans="1:4" ht="18" customHeight="1" x14ac:dyDescent="0.2">
      <c r="A31" s="31">
        <v>21</v>
      </c>
      <c r="B31" s="27">
        <v>7</v>
      </c>
      <c r="C31" s="28">
        <v>7</v>
      </c>
      <c r="D31" s="29">
        <v>14</v>
      </c>
    </row>
    <row r="32" spans="1:4" ht="18" customHeight="1" x14ac:dyDescent="0.2">
      <c r="A32" s="31">
        <v>22</v>
      </c>
      <c r="B32" s="27">
        <v>12</v>
      </c>
      <c r="C32" s="28">
        <v>12</v>
      </c>
      <c r="D32" s="29">
        <v>24</v>
      </c>
    </row>
    <row r="33" spans="1:4" ht="18" customHeight="1" x14ac:dyDescent="0.2">
      <c r="A33" s="31">
        <v>23</v>
      </c>
      <c r="B33" s="27">
        <v>6</v>
      </c>
      <c r="C33" s="28">
        <v>6</v>
      </c>
      <c r="D33" s="29">
        <v>12</v>
      </c>
    </row>
    <row r="34" spans="1:4" ht="18" customHeight="1" x14ac:dyDescent="0.2">
      <c r="A34" s="31">
        <v>24</v>
      </c>
      <c r="B34" s="27">
        <v>13</v>
      </c>
      <c r="C34" s="28">
        <v>6</v>
      </c>
      <c r="D34" s="29">
        <v>19</v>
      </c>
    </row>
    <row r="35" spans="1:4" ht="18" customHeight="1" x14ac:dyDescent="0.2">
      <c r="A35" s="31" t="s">
        <v>71</v>
      </c>
      <c r="B35" s="27">
        <v>47</v>
      </c>
      <c r="C35" s="28">
        <v>43</v>
      </c>
      <c r="D35" s="29">
        <v>90</v>
      </c>
    </row>
    <row r="36" spans="1:4" ht="18" customHeight="1" x14ac:dyDescent="0.2">
      <c r="A36" s="31">
        <v>25</v>
      </c>
      <c r="B36" s="27">
        <v>11</v>
      </c>
      <c r="C36" s="28">
        <v>7</v>
      </c>
      <c r="D36" s="29">
        <v>18</v>
      </c>
    </row>
    <row r="37" spans="1:4" ht="18" customHeight="1" x14ac:dyDescent="0.2">
      <c r="A37" s="31">
        <v>26</v>
      </c>
      <c r="B37" s="27">
        <v>11</v>
      </c>
      <c r="C37" s="28">
        <v>7</v>
      </c>
      <c r="D37" s="29">
        <v>18</v>
      </c>
    </row>
    <row r="38" spans="1:4" ht="18" customHeight="1" x14ac:dyDescent="0.2">
      <c r="A38" s="31">
        <v>27</v>
      </c>
      <c r="B38" s="27">
        <v>5</v>
      </c>
      <c r="C38" s="28">
        <v>10</v>
      </c>
      <c r="D38" s="29">
        <v>15</v>
      </c>
    </row>
    <row r="39" spans="1:4" ht="18" customHeight="1" x14ac:dyDescent="0.2">
      <c r="A39" s="31">
        <v>28</v>
      </c>
      <c r="B39" s="27">
        <v>7</v>
      </c>
      <c r="C39" s="28">
        <v>8</v>
      </c>
      <c r="D39" s="29">
        <v>15</v>
      </c>
    </row>
    <row r="40" spans="1:4" ht="18" customHeight="1" x14ac:dyDescent="0.2">
      <c r="A40" s="31">
        <v>29</v>
      </c>
      <c r="B40" s="27">
        <v>9</v>
      </c>
      <c r="C40" s="28">
        <v>7</v>
      </c>
      <c r="D40" s="29">
        <v>16</v>
      </c>
    </row>
    <row r="41" spans="1:4" ht="18" customHeight="1" x14ac:dyDescent="0.2">
      <c r="A41" s="31" t="s">
        <v>72</v>
      </c>
      <c r="B41" s="27">
        <v>43</v>
      </c>
      <c r="C41" s="28">
        <v>39</v>
      </c>
      <c r="D41" s="29">
        <v>82</v>
      </c>
    </row>
    <row r="42" spans="1:4" ht="18" customHeight="1" x14ac:dyDescent="0.2">
      <c r="A42" s="31">
        <v>30</v>
      </c>
      <c r="B42" s="27">
        <v>7</v>
      </c>
      <c r="C42" s="28">
        <v>6</v>
      </c>
      <c r="D42" s="29">
        <v>13</v>
      </c>
    </row>
    <row r="43" spans="1:4" ht="18" customHeight="1" x14ac:dyDescent="0.2">
      <c r="A43" s="31">
        <v>31</v>
      </c>
      <c r="B43" s="27">
        <v>9</v>
      </c>
      <c r="C43" s="28">
        <v>3</v>
      </c>
      <c r="D43" s="29">
        <v>12</v>
      </c>
    </row>
    <row r="44" spans="1:4" ht="18" customHeight="1" x14ac:dyDescent="0.2">
      <c r="A44" s="31">
        <v>32</v>
      </c>
      <c r="B44" s="27">
        <v>4</v>
      </c>
      <c r="C44" s="28">
        <v>8</v>
      </c>
      <c r="D44" s="29">
        <v>12</v>
      </c>
    </row>
    <row r="45" spans="1:4" ht="18" customHeight="1" x14ac:dyDescent="0.2">
      <c r="A45" s="31">
        <v>33</v>
      </c>
      <c r="B45" s="27">
        <v>6</v>
      </c>
      <c r="C45" s="28">
        <v>6</v>
      </c>
      <c r="D45" s="29">
        <v>12</v>
      </c>
    </row>
    <row r="46" spans="1:4" ht="18" customHeight="1" x14ac:dyDescent="0.2">
      <c r="A46" s="31">
        <v>34</v>
      </c>
      <c r="B46" s="27">
        <v>7</v>
      </c>
      <c r="C46" s="28">
        <v>8</v>
      </c>
      <c r="D46" s="29">
        <v>15</v>
      </c>
    </row>
    <row r="47" spans="1:4" ht="18" customHeight="1" x14ac:dyDescent="0.2">
      <c r="A47" s="31" t="s">
        <v>73</v>
      </c>
      <c r="B47" s="27">
        <v>33</v>
      </c>
      <c r="C47" s="28">
        <v>31</v>
      </c>
      <c r="D47" s="29">
        <v>64</v>
      </c>
    </row>
    <row r="48" spans="1:4" ht="18" customHeight="1" x14ac:dyDescent="0.2">
      <c r="A48" s="31">
        <v>35</v>
      </c>
      <c r="B48" s="27">
        <v>13</v>
      </c>
      <c r="C48" s="28">
        <v>11</v>
      </c>
      <c r="D48" s="29">
        <v>24</v>
      </c>
    </row>
    <row r="49" spans="1:4" ht="18" customHeight="1" x14ac:dyDescent="0.2">
      <c r="A49" s="31">
        <v>36</v>
      </c>
      <c r="B49" s="27">
        <v>11</v>
      </c>
      <c r="C49" s="28">
        <v>6</v>
      </c>
      <c r="D49" s="29">
        <v>17</v>
      </c>
    </row>
    <row r="50" spans="1:4" ht="18" customHeight="1" x14ac:dyDescent="0.2">
      <c r="A50" s="31">
        <v>37</v>
      </c>
      <c r="B50" s="27">
        <v>11</v>
      </c>
      <c r="C50" s="28">
        <v>11</v>
      </c>
      <c r="D50" s="29">
        <v>22</v>
      </c>
    </row>
    <row r="51" spans="1:4" ht="18" customHeight="1" x14ac:dyDescent="0.2">
      <c r="A51" s="31">
        <v>38</v>
      </c>
      <c r="B51" s="27">
        <v>5</v>
      </c>
      <c r="C51" s="28">
        <v>4</v>
      </c>
      <c r="D51" s="29">
        <v>9</v>
      </c>
    </row>
    <row r="52" spans="1:4" ht="18" customHeight="1" x14ac:dyDescent="0.2">
      <c r="A52" s="31">
        <v>39</v>
      </c>
      <c r="B52" s="27">
        <v>14</v>
      </c>
      <c r="C52" s="28">
        <v>6</v>
      </c>
      <c r="D52" s="29">
        <v>20</v>
      </c>
    </row>
    <row r="53" spans="1:4" ht="18" customHeight="1" x14ac:dyDescent="0.2">
      <c r="A53" s="31" t="s">
        <v>74</v>
      </c>
      <c r="B53" s="27">
        <v>54</v>
      </c>
      <c r="C53" s="28">
        <v>38</v>
      </c>
      <c r="D53" s="29">
        <v>92</v>
      </c>
    </row>
    <row r="54" spans="1:4" ht="18" customHeight="1" x14ac:dyDescent="0.2">
      <c r="A54" s="31">
        <v>40</v>
      </c>
      <c r="B54" s="27">
        <v>11</v>
      </c>
      <c r="C54" s="28">
        <v>12</v>
      </c>
      <c r="D54" s="29">
        <v>23</v>
      </c>
    </row>
    <row r="55" spans="1:4" ht="18" customHeight="1" x14ac:dyDescent="0.2">
      <c r="A55" s="31">
        <v>41</v>
      </c>
      <c r="B55" s="27">
        <v>8</v>
      </c>
      <c r="C55" s="28">
        <v>8</v>
      </c>
      <c r="D55" s="29">
        <v>16</v>
      </c>
    </row>
    <row r="56" spans="1:4" ht="18" customHeight="1" x14ac:dyDescent="0.2">
      <c r="A56" s="31">
        <v>42</v>
      </c>
      <c r="B56" s="27">
        <v>10</v>
      </c>
      <c r="C56" s="28">
        <v>6</v>
      </c>
      <c r="D56" s="29">
        <v>16</v>
      </c>
    </row>
    <row r="57" spans="1:4" ht="18" customHeight="1" x14ac:dyDescent="0.2">
      <c r="A57" s="31">
        <v>43</v>
      </c>
      <c r="B57" s="27">
        <v>4</v>
      </c>
      <c r="C57" s="28">
        <v>13</v>
      </c>
      <c r="D57" s="29">
        <v>17</v>
      </c>
    </row>
    <row r="58" spans="1:4" ht="18" customHeight="1" x14ac:dyDescent="0.2">
      <c r="A58" s="31">
        <v>44</v>
      </c>
      <c r="B58" s="27">
        <v>12</v>
      </c>
      <c r="C58" s="28">
        <v>5</v>
      </c>
      <c r="D58" s="29">
        <v>17</v>
      </c>
    </row>
    <row r="59" spans="1:4" ht="18" customHeight="1" x14ac:dyDescent="0.2">
      <c r="A59" s="31" t="s">
        <v>75</v>
      </c>
      <c r="B59" s="27">
        <v>45</v>
      </c>
      <c r="C59" s="28">
        <v>44</v>
      </c>
      <c r="D59" s="29">
        <v>89</v>
      </c>
    </row>
    <row r="60" spans="1:4" ht="18" customHeight="1" x14ac:dyDescent="0.2">
      <c r="A60" s="31">
        <v>45</v>
      </c>
      <c r="B60" s="27">
        <v>10</v>
      </c>
      <c r="C60" s="28">
        <v>15</v>
      </c>
      <c r="D60" s="29">
        <v>25</v>
      </c>
    </row>
    <row r="61" spans="1:4" ht="18" customHeight="1" x14ac:dyDescent="0.2">
      <c r="A61" s="31">
        <v>46</v>
      </c>
      <c r="B61" s="27">
        <v>9</v>
      </c>
      <c r="C61" s="28">
        <v>10</v>
      </c>
      <c r="D61" s="29">
        <v>19</v>
      </c>
    </row>
    <row r="62" spans="1:4" ht="18" customHeight="1" x14ac:dyDescent="0.2">
      <c r="A62" s="31">
        <v>47</v>
      </c>
      <c r="B62" s="27">
        <v>4</v>
      </c>
      <c r="C62" s="28">
        <v>13</v>
      </c>
      <c r="D62" s="29">
        <v>17</v>
      </c>
    </row>
    <row r="63" spans="1:4" ht="18" customHeight="1" x14ac:dyDescent="0.2">
      <c r="A63" s="31">
        <v>48</v>
      </c>
      <c r="B63" s="27">
        <v>5</v>
      </c>
      <c r="C63" s="28">
        <v>14</v>
      </c>
      <c r="D63" s="29">
        <v>19</v>
      </c>
    </row>
    <row r="64" spans="1:4" ht="18" customHeight="1" x14ac:dyDescent="0.2">
      <c r="A64" s="31">
        <v>49</v>
      </c>
      <c r="B64" s="27">
        <v>12</v>
      </c>
      <c r="C64" s="28">
        <v>8</v>
      </c>
      <c r="D64" s="29">
        <v>20</v>
      </c>
    </row>
    <row r="65" spans="1:4" ht="18" customHeight="1" x14ac:dyDescent="0.2">
      <c r="A65" s="31" t="s">
        <v>76</v>
      </c>
      <c r="B65" s="27">
        <v>40</v>
      </c>
      <c r="C65" s="28">
        <v>60</v>
      </c>
      <c r="D65" s="29">
        <v>100</v>
      </c>
    </row>
    <row r="66" spans="1:4" ht="18" customHeight="1" x14ac:dyDescent="0.2">
      <c r="A66" s="31">
        <v>50</v>
      </c>
      <c r="B66" s="27">
        <v>15</v>
      </c>
      <c r="C66" s="28">
        <v>16</v>
      </c>
      <c r="D66" s="29">
        <v>31</v>
      </c>
    </row>
    <row r="67" spans="1:4" ht="18" customHeight="1" x14ac:dyDescent="0.2">
      <c r="A67" s="31">
        <v>51</v>
      </c>
      <c r="B67" s="27">
        <v>8</v>
      </c>
      <c r="C67" s="28">
        <v>6</v>
      </c>
      <c r="D67" s="29">
        <v>14</v>
      </c>
    </row>
    <row r="68" spans="1:4" ht="18" customHeight="1" x14ac:dyDescent="0.2">
      <c r="A68" s="31">
        <v>52</v>
      </c>
      <c r="B68" s="27">
        <v>12</v>
      </c>
      <c r="C68" s="28">
        <v>8</v>
      </c>
      <c r="D68" s="29">
        <v>20</v>
      </c>
    </row>
    <row r="69" spans="1:4" ht="18" customHeight="1" x14ac:dyDescent="0.2">
      <c r="A69" s="31">
        <v>53</v>
      </c>
      <c r="B69" s="27">
        <v>10</v>
      </c>
      <c r="C69" s="28">
        <v>10</v>
      </c>
      <c r="D69" s="29">
        <v>20</v>
      </c>
    </row>
    <row r="70" spans="1:4" ht="18" customHeight="1" x14ac:dyDescent="0.2">
      <c r="A70" s="31">
        <v>54</v>
      </c>
      <c r="B70" s="27">
        <v>12</v>
      </c>
      <c r="C70" s="28">
        <v>13</v>
      </c>
      <c r="D70" s="29">
        <v>25</v>
      </c>
    </row>
    <row r="71" spans="1:4" ht="18" customHeight="1" x14ac:dyDescent="0.2">
      <c r="A71" s="31" t="s">
        <v>77</v>
      </c>
      <c r="B71" s="27">
        <v>57</v>
      </c>
      <c r="C71" s="28">
        <v>53</v>
      </c>
      <c r="D71" s="29">
        <v>110</v>
      </c>
    </row>
    <row r="72" spans="1:4" ht="18" customHeight="1" x14ac:dyDescent="0.2">
      <c r="A72" s="31">
        <v>55</v>
      </c>
      <c r="B72" s="27">
        <v>13</v>
      </c>
      <c r="C72" s="28">
        <v>6</v>
      </c>
      <c r="D72" s="29">
        <v>19</v>
      </c>
    </row>
    <row r="73" spans="1:4" ht="18" customHeight="1" x14ac:dyDescent="0.2">
      <c r="A73" s="31">
        <v>56</v>
      </c>
      <c r="B73" s="27">
        <v>13</v>
      </c>
      <c r="C73" s="28">
        <v>12</v>
      </c>
      <c r="D73" s="29">
        <v>25</v>
      </c>
    </row>
    <row r="74" spans="1:4" ht="18" customHeight="1" x14ac:dyDescent="0.2">
      <c r="A74" s="31">
        <v>57</v>
      </c>
      <c r="B74" s="27">
        <v>11</v>
      </c>
      <c r="C74" s="28">
        <v>10</v>
      </c>
      <c r="D74" s="29">
        <v>21</v>
      </c>
    </row>
    <row r="75" spans="1:4" ht="18" customHeight="1" x14ac:dyDescent="0.2">
      <c r="A75" s="31">
        <v>58</v>
      </c>
      <c r="B75" s="27">
        <v>10</v>
      </c>
      <c r="C75" s="28">
        <v>15</v>
      </c>
      <c r="D75" s="29">
        <v>25</v>
      </c>
    </row>
    <row r="76" spans="1:4" ht="18" customHeight="1" x14ac:dyDescent="0.2">
      <c r="A76" s="31">
        <v>59</v>
      </c>
      <c r="B76" s="27">
        <v>10</v>
      </c>
      <c r="C76" s="28">
        <v>15</v>
      </c>
      <c r="D76" s="29">
        <v>25</v>
      </c>
    </row>
    <row r="77" spans="1:4" ht="18" customHeight="1" x14ac:dyDescent="0.2">
      <c r="A77" s="31" t="s">
        <v>78</v>
      </c>
      <c r="B77" s="27">
        <v>57</v>
      </c>
      <c r="C77" s="28">
        <v>58</v>
      </c>
      <c r="D77" s="29">
        <v>115</v>
      </c>
    </row>
    <row r="78" spans="1:4" ht="18" customHeight="1" x14ac:dyDescent="0.2">
      <c r="A78" s="31">
        <v>60</v>
      </c>
      <c r="B78" s="27">
        <v>17</v>
      </c>
      <c r="C78" s="28">
        <v>9</v>
      </c>
      <c r="D78" s="29">
        <v>26</v>
      </c>
    </row>
    <row r="79" spans="1:4" ht="18" customHeight="1" x14ac:dyDescent="0.2">
      <c r="A79" s="31">
        <v>61</v>
      </c>
      <c r="B79" s="27">
        <v>14</v>
      </c>
      <c r="C79" s="28">
        <v>14</v>
      </c>
      <c r="D79" s="29">
        <v>28</v>
      </c>
    </row>
    <row r="80" spans="1:4" ht="18" customHeight="1" x14ac:dyDescent="0.2">
      <c r="A80" s="31">
        <v>62</v>
      </c>
      <c r="B80" s="27">
        <v>14</v>
      </c>
      <c r="C80" s="28">
        <v>13</v>
      </c>
      <c r="D80" s="29">
        <v>27</v>
      </c>
    </row>
    <row r="81" spans="1:4" ht="18" customHeight="1" x14ac:dyDescent="0.2">
      <c r="A81" s="31">
        <v>63</v>
      </c>
      <c r="B81" s="27">
        <v>7</v>
      </c>
      <c r="C81" s="28">
        <v>4</v>
      </c>
      <c r="D81" s="29">
        <v>11</v>
      </c>
    </row>
    <row r="82" spans="1:4" ht="18" customHeight="1" x14ac:dyDescent="0.2">
      <c r="A82" s="31">
        <v>64</v>
      </c>
      <c r="B82" s="27">
        <v>11</v>
      </c>
      <c r="C82" s="28">
        <v>11</v>
      </c>
      <c r="D82" s="29">
        <v>22</v>
      </c>
    </row>
    <row r="83" spans="1:4" ht="18" customHeight="1" x14ac:dyDescent="0.2">
      <c r="A83" s="31" t="s">
        <v>79</v>
      </c>
      <c r="B83" s="27">
        <v>63</v>
      </c>
      <c r="C83" s="28">
        <v>51</v>
      </c>
      <c r="D83" s="29">
        <v>114</v>
      </c>
    </row>
    <row r="84" spans="1:4" ht="18" customHeight="1" x14ac:dyDescent="0.2">
      <c r="A84" s="31" t="s">
        <v>80</v>
      </c>
      <c r="B84" s="27">
        <v>496</v>
      </c>
      <c r="C84" s="28">
        <v>455</v>
      </c>
      <c r="D84" s="29">
        <v>951</v>
      </c>
    </row>
    <row r="85" spans="1:4" ht="18" customHeight="1" x14ac:dyDescent="0.2">
      <c r="A85" s="31">
        <v>65</v>
      </c>
      <c r="B85" s="27">
        <v>8</v>
      </c>
      <c r="C85" s="28">
        <v>15</v>
      </c>
      <c r="D85" s="29">
        <v>23</v>
      </c>
    </row>
    <row r="86" spans="1:4" ht="18" customHeight="1" x14ac:dyDescent="0.2">
      <c r="A86" s="31">
        <v>66</v>
      </c>
      <c r="B86" s="27">
        <v>10</v>
      </c>
      <c r="C86" s="28">
        <v>18</v>
      </c>
      <c r="D86" s="29">
        <v>28</v>
      </c>
    </row>
    <row r="87" spans="1:4" ht="18" customHeight="1" x14ac:dyDescent="0.2">
      <c r="A87" s="31">
        <v>67</v>
      </c>
      <c r="B87" s="27">
        <v>8</v>
      </c>
      <c r="C87" s="28">
        <v>9</v>
      </c>
      <c r="D87" s="29">
        <v>17</v>
      </c>
    </row>
    <row r="88" spans="1:4" ht="18" customHeight="1" x14ac:dyDescent="0.2">
      <c r="A88" s="31">
        <v>68</v>
      </c>
      <c r="B88" s="27">
        <v>10</v>
      </c>
      <c r="C88" s="28">
        <v>10</v>
      </c>
      <c r="D88" s="29">
        <v>20</v>
      </c>
    </row>
    <row r="89" spans="1:4" ht="18" customHeight="1" x14ac:dyDescent="0.2">
      <c r="A89" s="31">
        <v>69</v>
      </c>
      <c r="B89" s="27">
        <v>11</v>
      </c>
      <c r="C89" s="28">
        <v>9</v>
      </c>
      <c r="D89" s="29">
        <v>20</v>
      </c>
    </row>
    <row r="90" spans="1:4" ht="18" customHeight="1" x14ac:dyDescent="0.2">
      <c r="A90" s="31" t="s">
        <v>81</v>
      </c>
      <c r="B90" s="27">
        <v>47</v>
      </c>
      <c r="C90" s="28">
        <v>61</v>
      </c>
      <c r="D90" s="29">
        <v>108</v>
      </c>
    </row>
    <row r="91" spans="1:4" ht="18" customHeight="1" x14ac:dyDescent="0.2">
      <c r="A91" s="31">
        <v>70</v>
      </c>
      <c r="B91" s="27">
        <v>3</v>
      </c>
      <c r="C91" s="28">
        <v>4</v>
      </c>
      <c r="D91" s="29">
        <v>7</v>
      </c>
    </row>
    <row r="92" spans="1:4" ht="18" customHeight="1" x14ac:dyDescent="0.2">
      <c r="A92" s="31">
        <v>71</v>
      </c>
      <c r="B92" s="27">
        <v>5</v>
      </c>
      <c r="C92" s="28">
        <v>11</v>
      </c>
      <c r="D92" s="29">
        <v>16</v>
      </c>
    </row>
    <row r="93" spans="1:4" ht="18" customHeight="1" x14ac:dyDescent="0.2">
      <c r="A93" s="31">
        <v>72</v>
      </c>
      <c r="B93" s="27">
        <v>8</v>
      </c>
      <c r="C93" s="28">
        <v>15</v>
      </c>
      <c r="D93" s="29">
        <v>23</v>
      </c>
    </row>
    <row r="94" spans="1:4" ht="18" customHeight="1" x14ac:dyDescent="0.2">
      <c r="A94" s="31">
        <v>73</v>
      </c>
      <c r="B94" s="27">
        <v>19</v>
      </c>
      <c r="C94" s="28">
        <v>10</v>
      </c>
      <c r="D94" s="29">
        <v>29</v>
      </c>
    </row>
    <row r="95" spans="1:4" ht="18" customHeight="1" x14ac:dyDescent="0.2">
      <c r="A95" s="31">
        <v>74</v>
      </c>
      <c r="B95" s="27">
        <v>6</v>
      </c>
      <c r="C95" s="28">
        <v>11</v>
      </c>
      <c r="D95" s="29">
        <v>17</v>
      </c>
    </row>
    <row r="96" spans="1:4" ht="18" customHeight="1" x14ac:dyDescent="0.2">
      <c r="A96" s="31" t="s">
        <v>82</v>
      </c>
      <c r="B96" s="27">
        <v>41</v>
      </c>
      <c r="C96" s="28">
        <v>51</v>
      </c>
      <c r="D96" s="29">
        <v>92</v>
      </c>
    </row>
    <row r="97" spans="1:4" ht="18" customHeight="1" x14ac:dyDescent="0.2">
      <c r="A97" s="31">
        <v>75</v>
      </c>
      <c r="B97" s="27">
        <v>8</v>
      </c>
      <c r="C97" s="28">
        <v>18</v>
      </c>
      <c r="D97" s="29">
        <v>26</v>
      </c>
    </row>
    <row r="98" spans="1:4" ht="18" customHeight="1" x14ac:dyDescent="0.2">
      <c r="A98" s="31">
        <v>76</v>
      </c>
      <c r="B98" s="27">
        <v>9</v>
      </c>
      <c r="C98" s="28">
        <v>9</v>
      </c>
      <c r="D98" s="29">
        <v>18</v>
      </c>
    </row>
    <row r="99" spans="1:4" ht="18" customHeight="1" x14ac:dyDescent="0.2">
      <c r="A99" s="31">
        <v>77</v>
      </c>
      <c r="B99" s="27">
        <v>12</v>
      </c>
      <c r="C99" s="28">
        <v>11</v>
      </c>
      <c r="D99" s="29">
        <v>23</v>
      </c>
    </row>
    <row r="100" spans="1:4" ht="18" customHeight="1" x14ac:dyDescent="0.2">
      <c r="A100" s="31">
        <v>78</v>
      </c>
      <c r="B100" s="27">
        <v>5</v>
      </c>
      <c r="C100" s="28">
        <v>9</v>
      </c>
      <c r="D100" s="29">
        <v>14</v>
      </c>
    </row>
    <row r="101" spans="1:4" ht="18" customHeight="1" x14ac:dyDescent="0.2">
      <c r="A101" s="31">
        <v>79</v>
      </c>
      <c r="B101" s="27">
        <v>10</v>
      </c>
      <c r="C101" s="28">
        <v>10</v>
      </c>
      <c r="D101" s="29">
        <v>20</v>
      </c>
    </row>
    <row r="102" spans="1:4" ht="18" customHeight="1" x14ac:dyDescent="0.2">
      <c r="A102" s="31" t="s">
        <v>83</v>
      </c>
      <c r="B102" s="27">
        <v>44</v>
      </c>
      <c r="C102" s="28">
        <v>57</v>
      </c>
      <c r="D102" s="29">
        <v>101</v>
      </c>
    </row>
    <row r="103" spans="1:4" ht="18" customHeight="1" x14ac:dyDescent="0.2">
      <c r="A103" s="31">
        <v>80</v>
      </c>
      <c r="B103" s="27">
        <v>7</v>
      </c>
      <c r="C103" s="28">
        <v>10</v>
      </c>
      <c r="D103" s="29">
        <v>17</v>
      </c>
    </row>
    <row r="104" spans="1:4" ht="18" customHeight="1" x14ac:dyDescent="0.2">
      <c r="A104" s="31">
        <v>81</v>
      </c>
      <c r="B104" s="27">
        <v>3</v>
      </c>
      <c r="C104" s="28">
        <v>7</v>
      </c>
      <c r="D104" s="29">
        <v>10</v>
      </c>
    </row>
    <row r="105" spans="1:4" ht="18" customHeight="1" x14ac:dyDescent="0.2">
      <c r="A105" s="31">
        <v>82</v>
      </c>
      <c r="B105" s="27">
        <v>8</v>
      </c>
      <c r="C105" s="28">
        <v>6</v>
      </c>
      <c r="D105" s="29">
        <v>14</v>
      </c>
    </row>
    <row r="106" spans="1:4" ht="18" customHeight="1" x14ac:dyDescent="0.2">
      <c r="A106" s="31">
        <v>83</v>
      </c>
      <c r="B106" s="27">
        <v>3</v>
      </c>
      <c r="C106" s="28">
        <v>6</v>
      </c>
      <c r="D106" s="29">
        <v>9</v>
      </c>
    </row>
    <row r="107" spans="1:4" ht="18" customHeight="1" x14ac:dyDescent="0.2">
      <c r="A107" s="31">
        <v>84</v>
      </c>
      <c r="B107" s="27">
        <v>4</v>
      </c>
      <c r="C107" s="28">
        <v>6</v>
      </c>
      <c r="D107" s="29">
        <v>10</v>
      </c>
    </row>
    <row r="108" spans="1:4" ht="18" customHeight="1" x14ac:dyDescent="0.2">
      <c r="A108" s="31" t="s">
        <v>84</v>
      </c>
      <c r="B108" s="27">
        <v>25</v>
      </c>
      <c r="C108" s="28">
        <v>35</v>
      </c>
      <c r="D108" s="29">
        <v>60</v>
      </c>
    </row>
    <row r="109" spans="1:4" ht="18" customHeight="1" x14ac:dyDescent="0.2">
      <c r="A109" s="31">
        <v>85</v>
      </c>
      <c r="B109" s="27">
        <v>4</v>
      </c>
      <c r="C109" s="28">
        <v>10</v>
      </c>
      <c r="D109" s="29">
        <v>14</v>
      </c>
    </row>
    <row r="110" spans="1:4" ht="18" customHeight="1" x14ac:dyDescent="0.2">
      <c r="A110" s="31">
        <v>86</v>
      </c>
      <c r="B110" s="27">
        <v>2</v>
      </c>
      <c r="C110" s="28">
        <v>4</v>
      </c>
      <c r="D110" s="29">
        <v>6</v>
      </c>
    </row>
    <row r="111" spans="1:4" ht="18" customHeight="1" x14ac:dyDescent="0.2">
      <c r="A111" s="31">
        <v>87</v>
      </c>
      <c r="B111" s="27">
        <v>6</v>
      </c>
      <c r="C111" s="28">
        <v>9</v>
      </c>
      <c r="D111" s="29">
        <v>15</v>
      </c>
    </row>
    <row r="112" spans="1:4" ht="18" customHeight="1" x14ac:dyDescent="0.2">
      <c r="A112" s="31">
        <v>88</v>
      </c>
      <c r="B112" s="27">
        <v>1</v>
      </c>
      <c r="C112" s="28">
        <v>6</v>
      </c>
      <c r="D112" s="29">
        <v>7</v>
      </c>
    </row>
    <row r="113" spans="1:4" ht="18" customHeight="1" x14ac:dyDescent="0.2">
      <c r="A113" s="31">
        <v>89</v>
      </c>
      <c r="B113" s="27">
        <v>1</v>
      </c>
      <c r="C113" s="28">
        <v>4</v>
      </c>
      <c r="D113" s="29">
        <v>5</v>
      </c>
    </row>
    <row r="114" spans="1:4" ht="18" customHeight="1" x14ac:dyDescent="0.2">
      <c r="A114" s="31" t="s">
        <v>85</v>
      </c>
      <c r="B114" s="27">
        <v>14</v>
      </c>
      <c r="C114" s="28">
        <v>33</v>
      </c>
      <c r="D114" s="29">
        <v>47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0</v>
      </c>
      <c r="C116" s="28">
        <v>4</v>
      </c>
      <c r="D116" s="29">
        <v>4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4</v>
      </c>
      <c r="D119" s="29">
        <v>4</v>
      </c>
    </row>
    <row r="120" spans="1:4" ht="18" customHeight="1" x14ac:dyDescent="0.2">
      <c r="A120" s="31" t="s">
        <v>86</v>
      </c>
      <c r="B120" s="27">
        <v>5</v>
      </c>
      <c r="C120" s="28">
        <v>16</v>
      </c>
      <c r="D120" s="29">
        <v>2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87</v>
      </c>
      <c r="B126" s="27">
        <v>2</v>
      </c>
      <c r="C126" s="28">
        <v>1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90</v>
      </c>
      <c r="B130" s="4">
        <v>178</v>
      </c>
      <c r="C130" s="5">
        <v>256</v>
      </c>
      <c r="D130" s="6">
        <v>434</v>
      </c>
    </row>
    <row r="131" spans="1:4" ht="18" customHeight="1" x14ac:dyDescent="0.2">
      <c r="A131" s="33" t="s">
        <v>65</v>
      </c>
      <c r="B131" s="7">
        <v>764</v>
      </c>
      <c r="C131" s="8">
        <v>809</v>
      </c>
      <c r="D131" s="9">
        <v>157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3</v>
      </c>
      <c r="C5" s="37">
        <v>6</v>
      </c>
      <c r="D5" s="39">
        <v>9</v>
      </c>
    </row>
    <row r="6" spans="1:4" ht="18" customHeight="1" x14ac:dyDescent="0.2">
      <c r="A6" s="31">
        <v>1</v>
      </c>
      <c r="B6" s="35">
        <v>10</v>
      </c>
      <c r="C6" s="28">
        <v>5</v>
      </c>
      <c r="D6" s="29">
        <v>15</v>
      </c>
    </row>
    <row r="7" spans="1:4" ht="18" customHeight="1" x14ac:dyDescent="0.2">
      <c r="A7" s="31">
        <v>2</v>
      </c>
      <c r="B7" s="35">
        <v>11</v>
      </c>
      <c r="C7" s="28">
        <v>8</v>
      </c>
      <c r="D7" s="29">
        <v>19</v>
      </c>
    </row>
    <row r="8" spans="1:4" ht="18" customHeight="1" x14ac:dyDescent="0.2">
      <c r="A8" s="31">
        <v>3</v>
      </c>
      <c r="B8" s="35">
        <v>8</v>
      </c>
      <c r="C8" s="28">
        <v>9</v>
      </c>
      <c r="D8" s="29">
        <v>17</v>
      </c>
    </row>
    <row r="9" spans="1:4" ht="18" customHeight="1" x14ac:dyDescent="0.2">
      <c r="A9" s="31">
        <v>4</v>
      </c>
      <c r="B9" s="36">
        <v>6</v>
      </c>
      <c r="C9" s="38">
        <v>8</v>
      </c>
      <c r="D9" s="40">
        <v>14</v>
      </c>
    </row>
    <row r="10" spans="1:4" ht="18" customHeight="1" x14ac:dyDescent="0.2">
      <c r="A10" s="31" t="s">
        <v>66</v>
      </c>
      <c r="B10" s="27">
        <v>38</v>
      </c>
      <c r="C10" s="28">
        <v>36</v>
      </c>
      <c r="D10" s="29">
        <v>74</v>
      </c>
    </row>
    <row r="11" spans="1:4" ht="18" customHeight="1" x14ac:dyDescent="0.2">
      <c r="A11" s="31">
        <v>5</v>
      </c>
      <c r="B11" s="35">
        <v>3</v>
      </c>
      <c r="C11" s="28">
        <v>11</v>
      </c>
      <c r="D11" s="29">
        <v>14</v>
      </c>
    </row>
    <row r="12" spans="1:4" ht="18" customHeight="1" x14ac:dyDescent="0.2">
      <c r="A12" s="31">
        <v>6</v>
      </c>
      <c r="B12" s="35">
        <v>11</v>
      </c>
      <c r="C12" s="28">
        <v>11</v>
      </c>
      <c r="D12" s="29">
        <v>22</v>
      </c>
    </row>
    <row r="13" spans="1:4" ht="18" customHeight="1" x14ac:dyDescent="0.2">
      <c r="A13" s="31">
        <v>7</v>
      </c>
      <c r="B13" s="35">
        <v>11</v>
      </c>
      <c r="C13" s="28">
        <v>9</v>
      </c>
      <c r="D13" s="29">
        <v>20</v>
      </c>
    </row>
    <row r="14" spans="1:4" ht="18" customHeight="1" x14ac:dyDescent="0.2">
      <c r="A14" s="31">
        <v>8</v>
      </c>
      <c r="B14" s="35">
        <v>7</v>
      </c>
      <c r="C14" s="28">
        <v>8</v>
      </c>
      <c r="D14" s="29">
        <v>15</v>
      </c>
    </row>
    <row r="15" spans="1:4" ht="18" customHeight="1" x14ac:dyDescent="0.2">
      <c r="A15" s="31">
        <v>9</v>
      </c>
      <c r="B15" s="35">
        <v>8</v>
      </c>
      <c r="C15" s="28">
        <v>11</v>
      </c>
      <c r="D15" s="29">
        <v>19</v>
      </c>
    </row>
    <row r="16" spans="1:4" ht="18" customHeight="1" x14ac:dyDescent="0.2">
      <c r="A16" s="31" t="s">
        <v>67</v>
      </c>
      <c r="B16" s="27">
        <v>40</v>
      </c>
      <c r="C16" s="28">
        <v>50</v>
      </c>
      <c r="D16" s="29">
        <v>90</v>
      </c>
    </row>
    <row r="17" spans="1:4" ht="18" customHeight="1" x14ac:dyDescent="0.2">
      <c r="A17" s="31">
        <v>10</v>
      </c>
      <c r="B17" s="27">
        <v>5</v>
      </c>
      <c r="C17" s="28">
        <v>12</v>
      </c>
      <c r="D17" s="29">
        <v>17</v>
      </c>
    </row>
    <row r="18" spans="1:4" ht="18" customHeight="1" x14ac:dyDescent="0.2">
      <c r="A18" s="31">
        <v>11</v>
      </c>
      <c r="B18" s="27">
        <v>7</v>
      </c>
      <c r="C18" s="28">
        <v>10</v>
      </c>
      <c r="D18" s="29">
        <v>17</v>
      </c>
    </row>
    <row r="19" spans="1:4" ht="18" customHeight="1" x14ac:dyDescent="0.2">
      <c r="A19" s="31">
        <v>12</v>
      </c>
      <c r="B19" s="27">
        <v>7</v>
      </c>
      <c r="C19" s="28">
        <v>13</v>
      </c>
      <c r="D19" s="29">
        <v>20</v>
      </c>
    </row>
    <row r="20" spans="1:4" ht="18" customHeight="1" x14ac:dyDescent="0.2">
      <c r="A20" s="31">
        <v>13</v>
      </c>
      <c r="B20" s="27">
        <v>10</v>
      </c>
      <c r="C20" s="28">
        <v>7</v>
      </c>
      <c r="D20" s="29">
        <v>17</v>
      </c>
    </row>
    <row r="21" spans="1:4" ht="18" customHeight="1" x14ac:dyDescent="0.2">
      <c r="A21" s="31">
        <v>14</v>
      </c>
      <c r="B21" s="27">
        <v>11</v>
      </c>
      <c r="C21" s="28">
        <v>14</v>
      </c>
      <c r="D21" s="29">
        <v>25</v>
      </c>
    </row>
    <row r="22" spans="1:4" ht="18" customHeight="1" x14ac:dyDescent="0.2">
      <c r="A22" s="31" t="s">
        <v>68</v>
      </c>
      <c r="B22" s="27">
        <v>40</v>
      </c>
      <c r="C22" s="28">
        <v>56</v>
      </c>
      <c r="D22" s="29">
        <v>96</v>
      </c>
    </row>
    <row r="23" spans="1:4" ht="18" customHeight="1" x14ac:dyDescent="0.2">
      <c r="A23" s="31" t="s">
        <v>69</v>
      </c>
      <c r="B23" s="27">
        <v>118</v>
      </c>
      <c r="C23" s="28">
        <v>142</v>
      </c>
      <c r="D23" s="29">
        <v>260</v>
      </c>
    </row>
    <row r="24" spans="1:4" ht="18" customHeight="1" x14ac:dyDescent="0.2">
      <c r="A24" s="31">
        <v>15</v>
      </c>
      <c r="B24" s="27">
        <v>13</v>
      </c>
      <c r="C24" s="28">
        <v>12</v>
      </c>
      <c r="D24" s="29">
        <v>25</v>
      </c>
    </row>
    <row r="25" spans="1:4" ht="18" customHeight="1" x14ac:dyDescent="0.2">
      <c r="A25" s="31">
        <v>16</v>
      </c>
      <c r="B25" s="27">
        <v>13</v>
      </c>
      <c r="C25" s="28">
        <v>8</v>
      </c>
      <c r="D25" s="29">
        <v>21</v>
      </c>
    </row>
    <row r="26" spans="1:4" ht="18" customHeight="1" x14ac:dyDescent="0.2">
      <c r="A26" s="31">
        <v>17</v>
      </c>
      <c r="B26" s="27">
        <v>10</v>
      </c>
      <c r="C26" s="28">
        <v>19</v>
      </c>
      <c r="D26" s="29">
        <v>29</v>
      </c>
    </row>
    <row r="27" spans="1:4" ht="18" customHeight="1" x14ac:dyDescent="0.2">
      <c r="A27" s="31">
        <v>18</v>
      </c>
      <c r="B27" s="27">
        <v>13</v>
      </c>
      <c r="C27" s="28">
        <v>5</v>
      </c>
      <c r="D27" s="29">
        <v>18</v>
      </c>
    </row>
    <row r="28" spans="1:4" ht="18" customHeight="1" x14ac:dyDescent="0.2">
      <c r="A28" s="31">
        <v>19</v>
      </c>
      <c r="B28" s="27">
        <v>8</v>
      </c>
      <c r="C28" s="28">
        <v>11</v>
      </c>
      <c r="D28" s="29">
        <v>19</v>
      </c>
    </row>
    <row r="29" spans="1:4" ht="18" customHeight="1" x14ac:dyDescent="0.2">
      <c r="A29" s="31" t="s">
        <v>70</v>
      </c>
      <c r="B29" s="27">
        <v>57</v>
      </c>
      <c r="C29" s="28">
        <v>55</v>
      </c>
      <c r="D29" s="29">
        <v>112</v>
      </c>
    </row>
    <row r="30" spans="1:4" ht="18" customHeight="1" x14ac:dyDescent="0.2">
      <c r="A30" s="31">
        <v>20</v>
      </c>
      <c r="B30" s="27">
        <v>21</v>
      </c>
      <c r="C30" s="28">
        <v>16</v>
      </c>
      <c r="D30" s="29">
        <v>37</v>
      </c>
    </row>
    <row r="31" spans="1:4" ht="18" customHeight="1" x14ac:dyDescent="0.2">
      <c r="A31" s="31">
        <v>21</v>
      </c>
      <c r="B31" s="27">
        <v>16</v>
      </c>
      <c r="C31" s="28">
        <v>13</v>
      </c>
      <c r="D31" s="29">
        <v>29</v>
      </c>
    </row>
    <row r="32" spans="1:4" ht="18" customHeight="1" x14ac:dyDescent="0.2">
      <c r="A32" s="31">
        <v>22</v>
      </c>
      <c r="B32" s="27">
        <v>21</v>
      </c>
      <c r="C32" s="28">
        <v>17</v>
      </c>
      <c r="D32" s="29">
        <v>38</v>
      </c>
    </row>
    <row r="33" spans="1:4" ht="18" customHeight="1" x14ac:dyDescent="0.2">
      <c r="A33" s="31">
        <v>23</v>
      </c>
      <c r="B33" s="27">
        <v>13</v>
      </c>
      <c r="C33" s="28">
        <v>11</v>
      </c>
      <c r="D33" s="29">
        <v>24</v>
      </c>
    </row>
    <row r="34" spans="1:4" ht="18" customHeight="1" x14ac:dyDescent="0.2">
      <c r="A34" s="31">
        <v>24</v>
      </c>
      <c r="B34" s="27">
        <v>16</v>
      </c>
      <c r="C34" s="28">
        <v>12</v>
      </c>
      <c r="D34" s="29">
        <v>28</v>
      </c>
    </row>
    <row r="35" spans="1:4" ht="18" customHeight="1" x14ac:dyDescent="0.2">
      <c r="A35" s="31" t="s">
        <v>71</v>
      </c>
      <c r="B35" s="27">
        <v>87</v>
      </c>
      <c r="C35" s="28">
        <v>69</v>
      </c>
      <c r="D35" s="29">
        <v>156</v>
      </c>
    </row>
    <row r="36" spans="1:4" ht="18" customHeight="1" x14ac:dyDescent="0.2">
      <c r="A36" s="31">
        <v>25</v>
      </c>
      <c r="B36" s="27">
        <v>9</v>
      </c>
      <c r="C36" s="28">
        <v>15</v>
      </c>
      <c r="D36" s="29">
        <v>24</v>
      </c>
    </row>
    <row r="37" spans="1:4" ht="18" customHeight="1" x14ac:dyDescent="0.2">
      <c r="A37" s="31">
        <v>26</v>
      </c>
      <c r="B37" s="27">
        <v>13</v>
      </c>
      <c r="C37" s="28">
        <v>12</v>
      </c>
      <c r="D37" s="29">
        <v>25</v>
      </c>
    </row>
    <row r="38" spans="1:4" ht="18" customHeight="1" x14ac:dyDescent="0.2">
      <c r="A38" s="31">
        <v>27</v>
      </c>
      <c r="B38" s="27">
        <v>12</v>
      </c>
      <c r="C38" s="28">
        <v>14</v>
      </c>
      <c r="D38" s="29">
        <v>26</v>
      </c>
    </row>
    <row r="39" spans="1:4" ht="18" customHeight="1" x14ac:dyDescent="0.2">
      <c r="A39" s="31">
        <v>28</v>
      </c>
      <c r="B39" s="27">
        <v>15</v>
      </c>
      <c r="C39" s="28">
        <v>7</v>
      </c>
      <c r="D39" s="29">
        <v>22</v>
      </c>
    </row>
    <row r="40" spans="1:4" ht="18" customHeight="1" x14ac:dyDescent="0.2">
      <c r="A40" s="31">
        <v>29</v>
      </c>
      <c r="B40" s="27">
        <v>16</v>
      </c>
      <c r="C40" s="28">
        <v>8</v>
      </c>
      <c r="D40" s="29">
        <v>24</v>
      </c>
    </row>
    <row r="41" spans="1:4" ht="18" customHeight="1" x14ac:dyDescent="0.2">
      <c r="A41" s="31" t="s">
        <v>72</v>
      </c>
      <c r="B41" s="27">
        <v>65</v>
      </c>
      <c r="C41" s="28">
        <v>56</v>
      </c>
      <c r="D41" s="29">
        <v>121</v>
      </c>
    </row>
    <row r="42" spans="1:4" ht="18" customHeight="1" x14ac:dyDescent="0.2">
      <c r="A42" s="31">
        <v>30</v>
      </c>
      <c r="B42" s="27">
        <v>8</v>
      </c>
      <c r="C42" s="28">
        <v>9</v>
      </c>
      <c r="D42" s="29">
        <v>17</v>
      </c>
    </row>
    <row r="43" spans="1:4" ht="18" customHeight="1" x14ac:dyDescent="0.2">
      <c r="A43" s="31">
        <v>31</v>
      </c>
      <c r="B43" s="27">
        <v>17</v>
      </c>
      <c r="C43" s="28">
        <v>6</v>
      </c>
      <c r="D43" s="29">
        <v>23</v>
      </c>
    </row>
    <row r="44" spans="1:4" ht="18" customHeight="1" x14ac:dyDescent="0.2">
      <c r="A44" s="31">
        <v>32</v>
      </c>
      <c r="B44" s="27">
        <v>19</v>
      </c>
      <c r="C44" s="28">
        <v>9</v>
      </c>
      <c r="D44" s="29">
        <v>28</v>
      </c>
    </row>
    <row r="45" spans="1:4" ht="18" customHeight="1" x14ac:dyDescent="0.2">
      <c r="A45" s="31">
        <v>33</v>
      </c>
      <c r="B45" s="27">
        <v>11</v>
      </c>
      <c r="C45" s="28">
        <v>16</v>
      </c>
      <c r="D45" s="29">
        <v>27</v>
      </c>
    </row>
    <row r="46" spans="1:4" ht="18" customHeight="1" x14ac:dyDescent="0.2">
      <c r="A46" s="31">
        <v>34</v>
      </c>
      <c r="B46" s="27">
        <v>16</v>
      </c>
      <c r="C46" s="28">
        <v>15</v>
      </c>
      <c r="D46" s="29">
        <v>31</v>
      </c>
    </row>
    <row r="47" spans="1:4" ht="18" customHeight="1" x14ac:dyDescent="0.2">
      <c r="A47" s="31" t="s">
        <v>73</v>
      </c>
      <c r="B47" s="27">
        <v>71</v>
      </c>
      <c r="C47" s="28">
        <v>55</v>
      </c>
      <c r="D47" s="29">
        <v>126</v>
      </c>
    </row>
    <row r="48" spans="1:4" ht="18" customHeight="1" x14ac:dyDescent="0.2">
      <c r="A48" s="31">
        <v>35</v>
      </c>
      <c r="B48" s="27">
        <v>8</v>
      </c>
      <c r="C48" s="28">
        <v>11</v>
      </c>
      <c r="D48" s="29">
        <v>19</v>
      </c>
    </row>
    <row r="49" spans="1:4" ht="18" customHeight="1" x14ac:dyDescent="0.2">
      <c r="A49" s="31">
        <v>36</v>
      </c>
      <c r="B49" s="27">
        <v>17</v>
      </c>
      <c r="C49" s="28">
        <v>10</v>
      </c>
      <c r="D49" s="29">
        <v>27</v>
      </c>
    </row>
    <row r="50" spans="1:4" ht="18" customHeight="1" x14ac:dyDescent="0.2">
      <c r="A50" s="31">
        <v>37</v>
      </c>
      <c r="B50" s="27">
        <v>15</v>
      </c>
      <c r="C50" s="28">
        <v>6</v>
      </c>
      <c r="D50" s="29">
        <v>21</v>
      </c>
    </row>
    <row r="51" spans="1:4" ht="18" customHeight="1" x14ac:dyDescent="0.2">
      <c r="A51" s="31">
        <v>38</v>
      </c>
      <c r="B51" s="27">
        <v>12</v>
      </c>
      <c r="C51" s="28">
        <v>16</v>
      </c>
      <c r="D51" s="29">
        <v>28</v>
      </c>
    </row>
    <row r="52" spans="1:4" ht="18" customHeight="1" x14ac:dyDescent="0.2">
      <c r="A52" s="31">
        <v>39</v>
      </c>
      <c r="B52" s="27">
        <v>12</v>
      </c>
      <c r="C52" s="28">
        <v>13</v>
      </c>
      <c r="D52" s="29">
        <v>25</v>
      </c>
    </row>
    <row r="53" spans="1:4" ht="18" customHeight="1" x14ac:dyDescent="0.2">
      <c r="A53" s="31" t="s">
        <v>74</v>
      </c>
      <c r="B53" s="27">
        <v>64</v>
      </c>
      <c r="C53" s="28">
        <v>56</v>
      </c>
      <c r="D53" s="29">
        <v>120</v>
      </c>
    </row>
    <row r="54" spans="1:4" ht="18" customHeight="1" x14ac:dyDescent="0.2">
      <c r="A54" s="31">
        <v>40</v>
      </c>
      <c r="B54" s="27">
        <v>12</v>
      </c>
      <c r="C54" s="28">
        <v>13</v>
      </c>
      <c r="D54" s="29">
        <v>25</v>
      </c>
    </row>
    <row r="55" spans="1:4" ht="18" customHeight="1" x14ac:dyDescent="0.2">
      <c r="A55" s="31">
        <v>41</v>
      </c>
      <c r="B55" s="27">
        <v>7</v>
      </c>
      <c r="C55" s="28">
        <v>12</v>
      </c>
      <c r="D55" s="29">
        <v>19</v>
      </c>
    </row>
    <row r="56" spans="1:4" ht="18" customHeight="1" x14ac:dyDescent="0.2">
      <c r="A56" s="31">
        <v>42</v>
      </c>
      <c r="B56" s="27">
        <v>11</v>
      </c>
      <c r="C56" s="28">
        <v>11</v>
      </c>
      <c r="D56" s="29">
        <v>22</v>
      </c>
    </row>
    <row r="57" spans="1:4" ht="18" customHeight="1" x14ac:dyDescent="0.2">
      <c r="A57" s="31">
        <v>43</v>
      </c>
      <c r="B57" s="27">
        <v>9</v>
      </c>
      <c r="C57" s="28">
        <v>10</v>
      </c>
      <c r="D57" s="29">
        <v>19</v>
      </c>
    </row>
    <row r="58" spans="1:4" ht="18" customHeight="1" x14ac:dyDescent="0.2">
      <c r="A58" s="31">
        <v>44</v>
      </c>
      <c r="B58" s="27">
        <v>15</v>
      </c>
      <c r="C58" s="28">
        <v>16</v>
      </c>
      <c r="D58" s="29">
        <v>31</v>
      </c>
    </row>
    <row r="59" spans="1:4" ht="18" customHeight="1" x14ac:dyDescent="0.2">
      <c r="A59" s="31" t="s">
        <v>75</v>
      </c>
      <c r="B59" s="27">
        <v>54</v>
      </c>
      <c r="C59" s="28">
        <v>62</v>
      </c>
      <c r="D59" s="29">
        <v>116</v>
      </c>
    </row>
    <row r="60" spans="1:4" ht="18" customHeight="1" x14ac:dyDescent="0.2">
      <c r="A60" s="31">
        <v>45</v>
      </c>
      <c r="B60" s="27">
        <v>6</v>
      </c>
      <c r="C60" s="28">
        <v>12</v>
      </c>
      <c r="D60" s="29">
        <v>18</v>
      </c>
    </row>
    <row r="61" spans="1:4" ht="18" customHeight="1" x14ac:dyDescent="0.2">
      <c r="A61" s="31">
        <v>46</v>
      </c>
      <c r="B61" s="27">
        <v>11</v>
      </c>
      <c r="C61" s="28">
        <v>11</v>
      </c>
      <c r="D61" s="29">
        <v>22</v>
      </c>
    </row>
    <row r="62" spans="1:4" ht="18" customHeight="1" x14ac:dyDescent="0.2">
      <c r="A62" s="31">
        <v>47</v>
      </c>
      <c r="B62" s="27">
        <v>16</v>
      </c>
      <c r="C62" s="28">
        <v>20</v>
      </c>
      <c r="D62" s="29">
        <v>36</v>
      </c>
    </row>
    <row r="63" spans="1:4" ht="18" customHeight="1" x14ac:dyDescent="0.2">
      <c r="A63" s="31">
        <v>48</v>
      </c>
      <c r="B63" s="27">
        <v>12</v>
      </c>
      <c r="C63" s="28">
        <v>23</v>
      </c>
      <c r="D63" s="29">
        <v>35</v>
      </c>
    </row>
    <row r="64" spans="1:4" ht="18" customHeight="1" x14ac:dyDescent="0.2">
      <c r="A64" s="31">
        <v>49</v>
      </c>
      <c r="B64" s="27">
        <v>18</v>
      </c>
      <c r="C64" s="28">
        <v>13</v>
      </c>
      <c r="D64" s="29">
        <v>31</v>
      </c>
    </row>
    <row r="65" spans="1:4" ht="18" customHeight="1" x14ac:dyDescent="0.2">
      <c r="A65" s="31" t="s">
        <v>76</v>
      </c>
      <c r="B65" s="27">
        <v>63</v>
      </c>
      <c r="C65" s="28">
        <v>79</v>
      </c>
      <c r="D65" s="29">
        <v>142</v>
      </c>
    </row>
    <row r="66" spans="1:4" ht="18" customHeight="1" x14ac:dyDescent="0.2">
      <c r="A66" s="31">
        <v>50</v>
      </c>
      <c r="B66" s="27">
        <v>19</v>
      </c>
      <c r="C66" s="28">
        <v>17</v>
      </c>
      <c r="D66" s="29">
        <v>36</v>
      </c>
    </row>
    <row r="67" spans="1:4" ht="18" customHeight="1" x14ac:dyDescent="0.2">
      <c r="A67" s="31">
        <v>51</v>
      </c>
      <c r="B67" s="27">
        <v>22</v>
      </c>
      <c r="C67" s="28">
        <v>20</v>
      </c>
      <c r="D67" s="29">
        <v>42</v>
      </c>
    </row>
    <row r="68" spans="1:4" ht="18" customHeight="1" x14ac:dyDescent="0.2">
      <c r="A68" s="31">
        <v>52</v>
      </c>
      <c r="B68" s="27">
        <v>16</v>
      </c>
      <c r="C68" s="28">
        <v>13</v>
      </c>
      <c r="D68" s="29">
        <v>29</v>
      </c>
    </row>
    <row r="69" spans="1:4" ht="18" customHeight="1" x14ac:dyDescent="0.2">
      <c r="A69" s="31">
        <v>53</v>
      </c>
      <c r="B69" s="27">
        <v>23</v>
      </c>
      <c r="C69" s="28">
        <v>19</v>
      </c>
      <c r="D69" s="29">
        <v>42</v>
      </c>
    </row>
    <row r="70" spans="1:4" ht="18" customHeight="1" x14ac:dyDescent="0.2">
      <c r="A70" s="31">
        <v>54</v>
      </c>
      <c r="B70" s="27">
        <v>13</v>
      </c>
      <c r="C70" s="28">
        <v>15</v>
      </c>
      <c r="D70" s="29">
        <v>28</v>
      </c>
    </row>
    <row r="71" spans="1:4" ht="18" customHeight="1" x14ac:dyDescent="0.2">
      <c r="A71" s="31" t="s">
        <v>77</v>
      </c>
      <c r="B71" s="27">
        <v>93</v>
      </c>
      <c r="C71" s="28">
        <v>84</v>
      </c>
      <c r="D71" s="29">
        <v>177</v>
      </c>
    </row>
    <row r="72" spans="1:4" ht="18" customHeight="1" x14ac:dyDescent="0.2">
      <c r="A72" s="31">
        <v>55</v>
      </c>
      <c r="B72" s="27">
        <v>12</v>
      </c>
      <c r="C72" s="28">
        <v>12</v>
      </c>
      <c r="D72" s="29">
        <v>24</v>
      </c>
    </row>
    <row r="73" spans="1:4" ht="18" customHeight="1" x14ac:dyDescent="0.2">
      <c r="A73" s="31">
        <v>56</v>
      </c>
      <c r="B73" s="27">
        <v>18</v>
      </c>
      <c r="C73" s="28">
        <v>19</v>
      </c>
      <c r="D73" s="29">
        <v>37</v>
      </c>
    </row>
    <row r="74" spans="1:4" ht="18" customHeight="1" x14ac:dyDescent="0.2">
      <c r="A74" s="31">
        <v>57</v>
      </c>
      <c r="B74" s="27">
        <v>18</v>
      </c>
      <c r="C74" s="28">
        <v>19</v>
      </c>
      <c r="D74" s="29">
        <v>37</v>
      </c>
    </row>
    <row r="75" spans="1:4" ht="18" customHeight="1" x14ac:dyDescent="0.2">
      <c r="A75" s="31">
        <v>58</v>
      </c>
      <c r="B75" s="27">
        <v>18</v>
      </c>
      <c r="C75" s="28">
        <v>25</v>
      </c>
      <c r="D75" s="29">
        <v>43</v>
      </c>
    </row>
    <row r="76" spans="1:4" ht="18" customHeight="1" x14ac:dyDescent="0.2">
      <c r="A76" s="31">
        <v>59</v>
      </c>
      <c r="B76" s="27">
        <v>29</v>
      </c>
      <c r="C76" s="28">
        <v>21</v>
      </c>
      <c r="D76" s="29">
        <v>50</v>
      </c>
    </row>
    <row r="77" spans="1:4" ht="18" customHeight="1" x14ac:dyDescent="0.2">
      <c r="A77" s="31" t="s">
        <v>78</v>
      </c>
      <c r="B77" s="27">
        <v>95</v>
      </c>
      <c r="C77" s="28">
        <v>96</v>
      </c>
      <c r="D77" s="29">
        <v>191</v>
      </c>
    </row>
    <row r="78" spans="1:4" ht="18" customHeight="1" x14ac:dyDescent="0.2">
      <c r="A78" s="31">
        <v>60</v>
      </c>
      <c r="B78" s="27">
        <v>27</v>
      </c>
      <c r="C78" s="28">
        <v>18</v>
      </c>
      <c r="D78" s="29">
        <v>45</v>
      </c>
    </row>
    <row r="79" spans="1:4" ht="18" customHeight="1" x14ac:dyDescent="0.2">
      <c r="A79" s="31">
        <v>61</v>
      </c>
      <c r="B79" s="27">
        <v>30</v>
      </c>
      <c r="C79" s="28">
        <v>29</v>
      </c>
      <c r="D79" s="29">
        <v>59</v>
      </c>
    </row>
    <row r="80" spans="1:4" ht="18" customHeight="1" x14ac:dyDescent="0.2">
      <c r="A80" s="31">
        <v>62</v>
      </c>
      <c r="B80" s="27">
        <v>14</v>
      </c>
      <c r="C80" s="28">
        <v>19</v>
      </c>
      <c r="D80" s="29">
        <v>33</v>
      </c>
    </row>
    <row r="81" spans="1:4" ht="18" customHeight="1" x14ac:dyDescent="0.2">
      <c r="A81" s="31">
        <v>63</v>
      </c>
      <c r="B81" s="27">
        <v>4</v>
      </c>
      <c r="C81" s="28">
        <v>9</v>
      </c>
      <c r="D81" s="29">
        <v>13</v>
      </c>
    </row>
    <row r="82" spans="1:4" ht="18" customHeight="1" x14ac:dyDescent="0.2">
      <c r="A82" s="31">
        <v>64</v>
      </c>
      <c r="B82" s="27">
        <v>14</v>
      </c>
      <c r="C82" s="28">
        <v>13</v>
      </c>
      <c r="D82" s="29">
        <v>27</v>
      </c>
    </row>
    <row r="83" spans="1:4" ht="18" customHeight="1" x14ac:dyDescent="0.2">
      <c r="A83" s="31" t="s">
        <v>79</v>
      </c>
      <c r="B83" s="27">
        <v>89</v>
      </c>
      <c r="C83" s="28">
        <v>88</v>
      </c>
      <c r="D83" s="29">
        <v>177</v>
      </c>
    </row>
    <row r="84" spans="1:4" ht="18" customHeight="1" x14ac:dyDescent="0.2">
      <c r="A84" s="31" t="s">
        <v>80</v>
      </c>
      <c r="B84" s="27">
        <v>738</v>
      </c>
      <c r="C84" s="28">
        <v>700</v>
      </c>
      <c r="D84" s="29">
        <v>1438</v>
      </c>
    </row>
    <row r="85" spans="1:4" ht="18" customHeight="1" x14ac:dyDescent="0.2">
      <c r="A85" s="31">
        <v>65</v>
      </c>
      <c r="B85" s="27">
        <v>13</v>
      </c>
      <c r="C85" s="28">
        <v>17</v>
      </c>
      <c r="D85" s="29">
        <v>30</v>
      </c>
    </row>
    <row r="86" spans="1:4" ht="18" customHeight="1" x14ac:dyDescent="0.2">
      <c r="A86" s="31">
        <v>66</v>
      </c>
      <c r="B86" s="27">
        <v>19</v>
      </c>
      <c r="C86" s="28">
        <v>11</v>
      </c>
      <c r="D86" s="29">
        <v>30</v>
      </c>
    </row>
    <row r="87" spans="1:4" ht="18" customHeight="1" x14ac:dyDescent="0.2">
      <c r="A87" s="31">
        <v>67</v>
      </c>
      <c r="B87" s="27">
        <v>21</v>
      </c>
      <c r="C87" s="28">
        <v>20</v>
      </c>
      <c r="D87" s="29">
        <v>41</v>
      </c>
    </row>
    <row r="88" spans="1:4" ht="18" customHeight="1" x14ac:dyDescent="0.2">
      <c r="A88" s="31">
        <v>68</v>
      </c>
      <c r="B88" s="27">
        <v>14</v>
      </c>
      <c r="C88" s="28">
        <v>10</v>
      </c>
      <c r="D88" s="29">
        <v>24</v>
      </c>
    </row>
    <row r="89" spans="1:4" ht="18" customHeight="1" x14ac:dyDescent="0.2">
      <c r="A89" s="31">
        <v>69</v>
      </c>
      <c r="B89" s="27">
        <v>8</v>
      </c>
      <c r="C89" s="28">
        <v>16</v>
      </c>
      <c r="D89" s="29">
        <v>24</v>
      </c>
    </row>
    <row r="90" spans="1:4" ht="18" customHeight="1" x14ac:dyDescent="0.2">
      <c r="A90" s="31" t="s">
        <v>81</v>
      </c>
      <c r="B90" s="27">
        <v>75</v>
      </c>
      <c r="C90" s="28">
        <v>74</v>
      </c>
      <c r="D90" s="29">
        <v>149</v>
      </c>
    </row>
    <row r="91" spans="1:4" ht="18" customHeight="1" x14ac:dyDescent="0.2">
      <c r="A91" s="31">
        <v>70</v>
      </c>
      <c r="B91" s="27">
        <v>10</v>
      </c>
      <c r="C91" s="28">
        <v>9</v>
      </c>
      <c r="D91" s="29">
        <v>19</v>
      </c>
    </row>
    <row r="92" spans="1:4" ht="18" customHeight="1" x14ac:dyDescent="0.2">
      <c r="A92" s="31">
        <v>71</v>
      </c>
      <c r="B92" s="27">
        <v>8</v>
      </c>
      <c r="C92" s="28">
        <v>18</v>
      </c>
      <c r="D92" s="29">
        <v>26</v>
      </c>
    </row>
    <row r="93" spans="1:4" ht="18" customHeight="1" x14ac:dyDescent="0.2">
      <c r="A93" s="31">
        <v>72</v>
      </c>
      <c r="B93" s="27">
        <v>16</v>
      </c>
      <c r="C93" s="28">
        <v>11</v>
      </c>
      <c r="D93" s="29">
        <v>27</v>
      </c>
    </row>
    <row r="94" spans="1:4" ht="18" customHeight="1" x14ac:dyDescent="0.2">
      <c r="A94" s="31">
        <v>73</v>
      </c>
      <c r="B94" s="27">
        <v>10</v>
      </c>
      <c r="C94" s="28">
        <v>17</v>
      </c>
      <c r="D94" s="29">
        <v>27</v>
      </c>
    </row>
    <row r="95" spans="1:4" ht="18" customHeight="1" x14ac:dyDescent="0.2">
      <c r="A95" s="31">
        <v>74</v>
      </c>
      <c r="B95" s="27">
        <v>7</v>
      </c>
      <c r="C95" s="28">
        <v>12</v>
      </c>
      <c r="D95" s="29">
        <v>19</v>
      </c>
    </row>
    <row r="96" spans="1:4" ht="18" customHeight="1" x14ac:dyDescent="0.2">
      <c r="A96" s="31" t="s">
        <v>82</v>
      </c>
      <c r="B96" s="27">
        <v>51</v>
      </c>
      <c r="C96" s="28">
        <v>67</v>
      </c>
      <c r="D96" s="29">
        <v>118</v>
      </c>
    </row>
    <row r="97" spans="1:4" ht="18" customHeight="1" x14ac:dyDescent="0.2">
      <c r="A97" s="31">
        <v>75</v>
      </c>
      <c r="B97" s="27">
        <v>11</v>
      </c>
      <c r="C97" s="28">
        <v>14</v>
      </c>
      <c r="D97" s="29">
        <v>25</v>
      </c>
    </row>
    <row r="98" spans="1:4" ht="18" customHeight="1" x14ac:dyDescent="0.2">
      <c r="A98" s="31">
        <v>76</v>
      </c>
      <c r="B98" s="27">
        <v>10</v>
      </c>
      <c r="C98" s="28">
        <v>18</v>
      </c>
      <c r="D98" s="29">
        <v>28</v>
      </c>
    </row>
    <row r="99" spans="1:4" ht="18" customHeight="1" x14ac:dyDescent="0.2">
      <c r="A99" s="31">
        <v>77</v>
      </c>
      <c r="B99" s="27">
        <v>12</v>
      </c>
      <c r="C99" s="28">
        <v>12</v>
      </c>
      <c r="D99" s="29">
        <v>24</v>
      </c>
    </row>
    <row r="100" spans="1:4" ht="18" customHeight="1" x14ac:dyDescent="0.2">
      <c r="A100" s="31">
        <v>78</v>
      </c>
      <c r="B100" s="27">
        <v>11</v>
      </c>
      <c r="C100" s="28">
        <v>17</v>
      </c>
      <c r="D100" s="29">
        <v>28</v>
      </c>
    </row>
    <row r="101" spans="1:4" ht="18" customHeight="1" x14ac:dyDescent="0.2">
      <c r="A101" s="31">
        <v>79</v>
      </c>
      <c r="B101" s="27">
        <v>8</v>
      </c>
      <c r="C101" s="28">
        <v>13</v>
      </c>
      <c r="D101" s="29">
        <v>21</v>
      </c>
    </row>
    <row r="102" spans="1:4" ht="18" customHeight="1" x14ac:dyDescent="0.2">
      <c r="A102" s="31" t="s">
        <v>83</v>
      </c>
      <c r="B102" s="27">
        <v>52</v>
      </c>
      <c r="C102" s="28">
        <v>74</v>
      </c>
      <c r="D102" s="29">
        <v>126</v>
      </c>
    </row>
    <row r="103" spans="1:4" ht="18" customHeight="1" x14ac:dyDescent="0.2">
      <c r="A103" s="31">
        <v>80</v>
      </c>
      <c r="B103" s="27">
        <v>12</v>
      </c>
      <c r="C103" s="28">
        <v>13</v>
      </c>
      <c r="D103" s="29">
        <v>25</v>
      </c>
    </row>
    <row r="104" spans="1:4" ht="18" customHeight="1" x14ac:dyDescent="0.2">
      <c r="A104" s="31">
        <v>81</v>
      </c>
      <c r="B104" s="27">
        <v>9</v>
      </c>
      <c r="C104" s="28">
        <v>7</v>
      </c>
      <c r="D104" s="29">
        <v>16</v>
      </c>
    </row>
    <row r="105" spans="1:4" ht="18" customHeight="1" x14ac:dyDescent="0.2">
      <c r="A105" s="31">
        <v>82</v>
      </c>
      <c r="B105" s="27">
        <v>8</v>
      </c>
      <c r="C105" s="28">
        <v>11</v>
      </c>
      <c r="D105" s="29">
        <v>19</v>
      </c>
    </row>
    <row r="106" spans="1:4" ht="18" customHeight="1" x14ac:dyDescent="0.2">
      <c r="A106" s="31">
        <v>83</v>
      </c>
      <c r="B106" s="27">
        <v>7</v>
      </c>
      <c r="C106" s="28">
        <v>10</v>
      </c>
      <c r="D106" s="29">
        <v>17</v>
      </c>
    </row>
    <row r="107" spans="1:4" ht="18" customHeight="1" x14ac:dyDescent="0.2">
      <c r="A107" s="31">
        <v>84</v>
      </c>
      <c r="B107" s="27">
        <v>3</v>
      </c>
      <c r="C107" s="28">
        <v>8</v>
      </c>
      <c r="D107" s="29">
        <v>11</v>
      </c>
    </row>
    <row r="108" spans="1:4" ht="18" customHeight="1" x14ac:dyDescent="0.2">
      <c r="A108" s="31" t="s">
        <v>84</v>
      </c>
      <c r="B108" s="27">
        <v>39</v>
      </c>
      <c r="C108" s="28">
        <v>49</v>
      </c>
      <c r="D108" s="29">
        <v>88</v>
      </c>
    </row>
    <row r="109" spans="1:4" ht="18" customHeight="1" x14ac:dyDescent="0.2">
      <c r="A109" s="31">
        <v>85</v>
      </c>
      <c r="B109" s="27">
        <v>3</v>
      </c>
      <c r="C109" s="28">
        <v>8</v>
      </c>
      <c r="D109" s="29">
        <v>11</v>
      </c>
    </row>
    <row r="110" spans="1:4" ht="18" customHeight="1" x14ac:dyDescent="0.2">
      <c r="A110" s="31">
        <v>86</v>
      </c>
      <c r="B110" s="27">
        <v>2</v>
      </c>
      <c r="C110" s="28">
        <v>5</v>
      </c>
      <c r="D110" s="29">
        <v>7</v>
      </c>
    </row>
    <row r="111" spans="1:4" ht="18" customHeight="1" x14ac:dyDescent="0.2">
      <c r="A111" s="31">
        <v>87</v>
      </c>
      <c r="B111" s="27">
        <v>3</v>
      </c>
      <c r="C111" s="28">
        <v>6</v>
      </c>
      <c r="D111" s="29">
        <v>9</v>
      </c>
    </row>
    <row r="112" spans="1:4" ht="18" customHeight="1" x14ac:dyDescent="0.2">
      <c r="A112" s="31">
        <v>88</v>
      </c>
      <c r="B112" s="27">
        <v>2</v>
      </c>
      <c r="C112" s="28">
        <v>4</v>
      </c>
      <c r="D112" s="29">
        <v>6</v>
      </c>
    </row>
    <row r="113" spans="1:4" ht="18" customHeight="1" x14ac:dyDescent="0.2">
      <c r="A113" s="31">
        <v>89</v>
      </c>
      <c r="B113" s="27">
        <v>1</v>
      </c>
      <c r="C113" s="28">
        <v>3</v>
      </c>
      <c r="D113" s="29">
        <v>4</v>
      </c>
    </row>
    <row r="114" spans="1:4" ht="18" customHeight="1" x14ac:dyDescent="0.2">
      <c r="A114" s="31" t="s">
        <v>85</v>
      </c>
      <c r="B114" s="27">
        <v>11</v>
      </c>
      <c r="C114" s="28">
        <v>26</v>
      </c>
      <c r="D114" s="29">
        <v>37</v>
      </c>
    </row>
    <row r="115" spans="1:4" ht="18" customHeight="1" x14ac:dyDescent="0.2">
      <c r="A115" s="31">
        <v>90</v>
      </c>
      <c r="B115" s="27">
        <v>1</v>
      </c>
      <c r="C115" s="28">
        <v>7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1</v>
      </c>
      <c r="D116" s="29">
        <v>3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5</v>
      </c>
      <c r="D119" s="29">
        <v>5</v>
      </c>
    </row>
    <row r="120" spans="1:4" ht="18" customHeight="1" x14ac:dyDescent="0.2">
      <c r="A120" s="31" t="s">
        <v>86</v>
      </c>
      <c r="B120" s="27">
        <v>3</v>
      </c>
      <c r="C120" s="28">
        <v>18</v>
      </c>
      <c r="D120" s="29">
        <v>21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4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32</v>
      </c>
      <c r="C130" s="5">
        <v>312</v>
      </c>
      <c r="D130" s="6">
        <v>544</v>
      </c>
    </row>
    <row r="131" spans="1:4" ht="18" customHeight="1" x14ac:dyDescent="0.2">
      <c r="A131" s="33" t="s">
        <v>65</v>
      </c>
      <c r="B131" s="7">
        <v>1088</v>
      </c>
      <c r="C131" s="8">
        <v>1154</v>
      </c>
      <c r="D131" s="9">
        <v>224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7</v>
      </c>
      <c r="C5" s="37">
        <v>11</v>
      </c>
      <c r="D5" s="39">
        <v>18</v>
      </c>
    </row>
    <row r="6" spans="1:4" ht="18" customHeight="1" x14ac:dyDescent="0.2">
      <c r="A6" s="31">
        <v>1</v>
      </c>
      <c r="B6" s="35">
        <v>12</v>
      </c>
      <c r="C6" s="28">
        <v>11</v>
      </c>
      <c r="D6" s="29">
        <v>23</v>
      </c>
    </row>
    <row r="7" spans="1:4" ht="18" customHeight="1" x14ac:dyDescent="0.2">
      <c r="A7" s="31">
        <v>2</v>
      </c>
      <c r="B7" s="35">
        <v>15</v>
      </c>
      <c r="C7" s="28">
        <v>10</v>
      </c>
      <c r="D7" s="29">
        <v>25</v>
      </c>
    </row>
    <row r="8" spans="1:4" ht="18" customHeight="1" x14ac:dyDescent="0.2">
      <c r="A8" s="31">
        <v>3</v>
      </c>
      <c r="B8" s="35">
        <v>14</v>
      </c>
      <c r="C8" s="28">
        <v>6</v>
      </c>
      <c r="D8" s="29">
        <v>20</v>
      </c>
    </row>
    <row r="9" spans="1:4" ht="18" customHeight="1" x14ac:dyDescent="0.2">
      <c r="A9" s="31">
        <v>4</v>
      </c>
      <c r="B9" s="36">
        <v>19</v>
      </c>
      <c r="C9" s="38">
        <v>7</v>
      </c>
      <c r="D9" s="40">
        <v>26</v>
      </c>
    </row>
    <row r="10" spans="1:4" ht="18" customHeight="1" x14ac:dyDescent="0.2">
      <c r="A10" s="31" t="s">
        <v>66</v>
      </c>
      <c r="B10" s="27">
        <v>67</v>
      </c>
      <c r="C10" s="28">
        <v>45</v>
      </c>
      <c r="D10" s="29">
        <v>112</v>
      </c>
    </row>
    <row r="11" spans="1:4" ht="18" customHeight="1" x14ac:dyDescent="0.2">
      <c r="A11" s="31">
        <v>5</v>
      </c>
      <c r="B11" s="35">
        <v>14</v>
      </c>
      <c r="C11" s="28">
        <v>14</v>
      </c>
      <c r="D11" s="29">
        <v>28</v>
      </c>
    </row>
    <row r="12" spans="1:4" ht="18" customHeight="1" x14ac:dyDescent="0.2">
      <c r="A12" s="31">
        <v>6</v>
      </c>
      <c r="B12" s="35">
        <v>21</v>
      </c>
      <c r="C12" s="28">
        <v>15</v>
      </c>
      <c r="D12" s="29">
        <v>36</v>
      </c>
    </row>
    <row r="13" spans="1:4" ht="18" customHeight="1" x14ac:dyDescent="0.2">
      <c r="A13" s="31">
        <v>7</v>
      </c>
      <c r="B13" s="35">
        <v>20</v>
      </c>
      <c r="C13" s="28">
        <v>20</v>
      </c>
      <c r="D13" s="29">
        <v>40</v>
      </c>
    </row>
    <row r="14" spans="1:4" ht="18" customHeight="1" x14ac:dyDescent="0.2">
      <c r="A14" s="31">
        <v>8</v>
      </c>
      <c r="B14" s="35">
        <v>17</v>
      </c>
      <c r="C14" s="28">
        <v>8</v>
      </c>
      <c r="D14" s="29">
        <v>25</v>
      </c>
    </row>
    <row r="15" spans="1:4" ht="18" customHeight="1" x14ac:dyDescent="0.2">
      <c r="A15" s="31">
        <v>9</v>
      </c>
      <c r="B15" s="35">
        <v>7</v>
      </c>
      <c r="C15" s="28">
        <v>15</v>
      </c>
      <c r="D15" s="29">
        <v>22</v>
      </c>
    </row>
    <row r="16" spans="1:4" ht="18" customHeight="1" x14ac:dyDescent="0.2">
      <c r="A16" s="31" t="s">
        <v>67</v>
      </c>
      <c r="B16" s="27">
        <v>79</v>
      </c>
      <c r="C16" s="28">
        <v>72</v>
      </c>
      <c r="D16" s="29">
        <v>151</v>
      </c>
    </row>
    <row r="17" spans="1:4" ht="18" customHeight="1" x14ac:dyDescent="0.2">
      <c r="A17" s="31">
        <v>10</v>
      </c>
      <c r="B17" s="27">
        <v>10</v>
      </c>
      <c r="C17" s="28">
        <v>15</v>
      </c>
      <c r="D17" s="29">
        <v>25</v>
      </c>
    </row>
    <row r="18" spans="1:4" ht="18" customHeight="1" x14ac:dyDescent="0.2">
      <c r="A18" s="31">
        <v>11</v>
      </c>
      <c r="B18" s="27">
        <v>8</v>
      </c>
      <c r="C18" s="28">
        <v>8</v>
      </c>
      <c r="D18" s="29">
        <v>16</v>
      </c>
    </row>
    <row r="19" spans="1:4" ht="18" customHeight="1" x14ac:dyDescent="0.2">
      <c r="A19" s="31">
        <v>12</v>
      </c>
      <c r="B19" s="27">
        <v>12</v>
      </c>
      <c r="C19" s="28">
        <v>20</v>
      </c>
      <c r="D19" s="29">
        <v>32</v>
      </c>
    </row>
    <row r="20" spans="1:4" ht="18" customHeight="1" x14ac:dyDescent="0.2">
      <c r="A20" s="31">
        <v>13</v>
      </c>
      <c r="B20" s="27">
        <v>9</v>
      </c>
      <c r="C20" s="28">
        <v>15</v>
      </c>
      <c r="D20" s="29">
        <v>24</v>
      </c>
    </row>
    <row r="21" spans="1:4" ht="18" customHeight="1" x14ac:dyDescent="0.2">
      <c r="A21" s="31">
        <v>14</v>
      </c>
      <c r="B21" s="27">
        <v>17</v>
      </c>
      <c r="C21" s="28">
        <v>17</v>
      </c>
      <c r="D21" s="29">
        <v>34</v>
      </c>
    </row>
    <row r="22" spans="1:4" ht="18" customHeight="1" x14ac:dyDescent="0.2">
      <c r="A22" s="31" t="s">
        <v>68</v>
      </c>
      <c r="B22" s="27">
        <v>56</v>
      </c>
      <c r="C22" s="28">
        <v>75</v>
      </c>
      <c r="D22" s="29">
        <v>131</v>
      </c>
    </row>
    <row r="23" spans="1:4" ht="18" customHeight="1" x14ac:dyDescent="0.2">
      <c r="A23" s="31" t="s">
        <v>69</v>
      </c>
      <c r="B23" s="27">
        <v>202</v>
      </c>
      <c r="C23" s="28">
        <v>192</v>
      </c>
      <c r="D23" s="29">
        <v>394</v>
      </c>
    </row>
    <row r="24" spans="1:4" ht="18" customHeight="1" x14ac:dyDescent="0.2">
      <c r="A24" s="31">
        <v>15</v>
      </c>
      <c r="B24" s="27">
        <v>16</v>
      </c>
      <c r="C24" s="28">
        <v>7</v>
      </c>
      <c r="D24" s="29">
        <v>23</v>
      </c>
    </row>
    <row r="25" spans="1:4" ht="18" customHeight="1" x14ac:dyDescent="0.2">
      <c r="A25" s="31">
        <v>16</v>
      </c>
      <c r="B25" s="27">
        <v>16</v>
      </c>
      <c r="C25" s="28">
        <v>13</v>
      </c>
      <c r="D25" s="29">
        <v>29</v>
      </c>
    </row>
    <row r="26" spans="1:4" ht="18" customHeight="1" x14ac:dyDescent="0.2">
      <c r="A26" s="31">
        <v>17</v>
      </c>
      <c r="B26" s="27">
        <v>12</v>
      </c>
      <c r="C26" s="28">
        <v>19</v>
      </c>
      <c r="D26" s="29">
        <v>31</v>
      </c>
    </row>
    <row r="27" spans="1:4" ht="18" customHeight="1" x14ac:dyDescent="0.2">
      <c r="A27" s="31">
        <v>18</v>
      </c>
      <c r="B27" s="27">
        <v>15</v>
      </c>
      <c r="C27" s="28">
        <v>19</v>
      </c>
      <c r="D27" s="29">
        <v>34</v>
      </c>
    </row>
    <row r="28" spans="1:4" ht="18" customHeight="1" x14ac:dyDescent="0.2">
      <c r="A28" s="31">
        <v>19</v>
      </c>
      <c r="B28" s="27">
        <v>21</v>
      </c>
      <c r="C28" s="28">
        <v>12</v>
      </c>
      <c r="D28" s="29">
        <v>33</v>
      </c>
    </row>
    <row r="29" spans="1:4" ht="18" customHeight="1" x14ac:dyDescent="0.2">
      <c r="A29" s="31" t="s">
        <v>70</v>
      </c>
      <c r="B29" s="27">
        <v>80</v>
      </c>
      <c r="C29" s="28">
        <v>70</v>
      </c>
      <c r="D29" s="29">
        <v>150</v>
      </c>
    </row>
    <row r="30" spans="1:4" ht="18" customHeight="1" x14ac:dyDescent="0.2">
      <c r="A30" s="31">
        <v>20</v>
      </c>
      <c r="B30" s="27">
        <v>10</v>
      </c>
      <c r="C30" s="28">
        <v>13</v>
      </c>
      <c r="D30" s="29">
        <v>23</v>
      </c>
    </row>
    <row r="31" spans="1:4" ht="18" customHeight="1" x14ac:dyDescent="0.2">
      <c r="A31" s="31">
        <v>21</v>
      </c>
      <c r="B31" s="27">
        <v>17</v>
      </c>
      <c r="C31" s="28">
        <v>16</v>
      </c>
      <c r="D31" s="29">
        <v>33</v>
      </c>
    </row>
    <row r="32" spans="1:4" ht="18" customHeight="1" x14ac:dyDescent="0.2">
      <c r="A32" s="31">
        <v>22</v>
      </c>
      <c r="B32" s="27">
        <v>21</v>
      </c>
      <c r="C32" s="28">
        <v>12</v>
      </c>
      <c r="D32" s="29">
        <v>33</v>
      </c>
    </row>
    <row r="33" spans="1:4" ht="18" customHeight="1" x14ac:dyDescent="0.2">
      <c r="A33" s="31">
        <v>23</v>
      </c>
      <c r="B33" s="27">
        <v>17</v>
      </c>
      <c r="C33" s="28">
        <v>15</v>
      </c>
      <c r="D33" s="29">
        <v>32</v>
      </c>
    </row>
    <row r="34" spans="1:4" ht="18" customHeight="1" x14ac:dyDescent="0.2">
      <c r="A34" s="31">
        <v>24</v>
      </c>
      <c r="B34" s="27">
        <v>13</v>
      </c>
      <c r="C34" s="28">
        <v>27</v>
      </c>
      <c r="D34" s="29">
        <v>40</v>
      </c>
    </row>
    <row r="35" spans="1:4" ht="18" customHeight="1" x14ac:dyDescent="0.2">
      <c r="A35" s="31" t="s">
        <v>71</v>
      </c>
      <c r="B35" s="27">
        <v>78</v>
      </c>
      <c r="C35" s="28">
        <v>83</v>
      </c>
      <c r="D35" s="29">
        <v>161</v>
      </c>
    </row>
    <row r="36" spans="1:4" ht="18" customHeight="1" x14ac:dyDescent="0.2">
      <c r="A36" s="31">
        <v>25</v>
      </c>
      <c r="B36" s="27">
        <v>20</v>
      </c>
      <c r="C36" s="28">
        <v>16</v>
      </c>
      <c r="D36" s="29">
        <v>36</v>
      </c>
    </row>
    <row r="37" spans="1:4" ht="18" customHeight="1" x14ac:dyDescent="0.2">
      <c r="A37" s="31">
        <v>26</v>
      </c>
      <c r="B37" s="27">
        <v>20</v>
      </c>
      <c r="C37" s="28">
        <v>20</v>
      </c>
      <c r="D37" s="29">
        <v>40</v>
      </c>
    </row>
    <row r="38" spans="1:4" ht="18" customHeight="1" x14ac:dyDescent="0.2">
      <c r="A38" s="31">
        <v>27</v>
      </c>
      <c r="B38" s="27">
        <v>11</v>
      </c>
      <c r="C38" s="28">
        <v>17</v>
      </c>
      <c r="D38" s="29">
        <v>28</v>
      </c>
    </row>
    <row r="39" spans="1:4" ht="18" customHeight="1" x14ac:dyDescent="0.2">
      <c r="A39" s="31">
        <v>28</v>
      </c>
      <c r="B39" s="27">
        <v>19</v>
      </c>
      <c r="C39" s="28">
        <v>14</v>
      </c>
      <c r="D39" s="29">
        <v>33</v>
      </c>
    </row>
    <row r="40" spans="1:4" ht="18" customHeight="1" x14ac:dyDescent="0.2">
      <c r="A40" s="31">
        <v>29</v>
      </c>
      <c r="B40" s="27">
        <v>15</v>
      </c>
      <c r="C40" s="28">
        <v>23</v>
      </c>
      <c r="D40" s="29">
        <v>38</v>
      </c>
    </row>
    <row r="41" spans="1:4" ht="18" customHeight="1" x14ac:dyDescent="0.2">
      <c r="A41" s="31" t="s">
        <v>72</v>
      </c>
      <c r="B41" s="27">
        <v>85</v>
      </c>
      <c r="C41" s="28">
        <v>90</v>
      </c>
      <c r="D41" s="29">
        <v>175</v>
      </c>
    </row>
    <row r="42" spans="1:4" ht="18" customHeight="1" x14ac:dyDescent="0.2">
      <c r="A42" s="31">
        <v>30</v>
      </c>
      <c r="B42" s="27">
        <v>23</v>
      </c>
      <c r="C42" s="28">
        <v>13</v>
      </c>
      <c r="D42" s="29">
        <v>36</v>
      </c>
    </row>
    <row r="43" spans="1:4" ht="18" customHeight="1" x14ac:dyDescent="0.2">
      <c r="A43" s="31">
        <v>31</v>
      </c>
      <c r="B43" s="27">
        <v>32</v>
      </c>
      <c r="C43" s="28">
        <v>27</v>
      </c>
      <c r="D43" s="29">
        <v>59</v>
      </c>
    </row>
    <row r="44" spans="1:4" ht="18" customHeight="1" x14ac:dyDescent="0.2">
      <c r="A44" s="31">
        <v>32</v>
      </c>
      <c r="B44" s="27">
        <v>23</v>
      </c>
      <c r="C44" s="28">
        <v>22</v>
      </c>
      <c r="D44" s="29">
        <v>45</v>
      </c>
    </row>
    <row r="45" spans="1:4" ht="18" customHeight="1" x14ac:dyDescent="0.2">
      <c r="A45" s="31">
        <v>33</v>
      </c>
      <c r="B45" s="27">
        <v>31</v>
      </c>
      <c r="C45" s="28">
        <v>18</v>
      </c>
      <c r="D45" s="29">
        <v>49</v>
      </c>
    </row>
    <row r="46" spans="1:4" ht="18" customHeight="1" x14ac:dyDescent="0.2">
      <c r="A46" s="31">
        <v>34</v>
      </c>
      <c r="B46" s="27">
        <v>30</v>
      </c>
      <c r="C46" s="28">
        <v>33</v>
      </c>
      <c r="D46" s="29">
        <v>63</v>
      </c>
    </row>
    <row r="47" spans="1:4" ht="18" customHeight="1" x14ac:dyDescent="0.2">
      <c r="A47" s="31" t="s">
        <v>73</v>
      </c>
      <c r="B47" s="27">
        <v>139</v>
      </c>
      <c r="C47" s="28">
        <v>113</v>
      </c>
      <c r="D47" s="29">
        <v>252</v>
      </c>
    </row>
    <row r="48" spans="1:4" ht="18" customHeight="1" x14ac:dyDescent="0.2">
      <c r="A48" s="31">
        <v>35</v>
      </c>
      <c r="B48" s="27">
        <v>36</v>
      </c>
      <c r="C48" s="28">
        <v>34</v>
      </c>
      <c r="D48" s="29">
        <v>70</v>
      </c>
    </row>
    <row r="49" spans="1:4" ht="18" customHeight="1" x14ac:dyDescent="0.2">
      <c r="A49" s="31">
        <v>36</v>
      </c>
      <c r="B49" s="27">
        <v>25</v>
      </c>
      <c r="C49" s="28">
        <v>18</v>
      </c>
      <c r="D49" s="29">
        <v>43</v>
      </c>
    </row>
    <row r="50" spans="1:4" ht="18" customHeight="1" x14ac:dyDescent="0.2">
      <c r="A50" s="31">
        <v>37</v>
      </c>
      <c r="B50" s="27">
        <v>18</v>
      </c>
      <c r="C50" s="28">
        <v>18</v>
      </c>
      <c r="D50" s="29">
        <v>36</v>
      </c>
    </row>
    <row r="51" spans="1:4" ht="18" customHeight="1" x14ac:dyDescent="0.2">
      <c r="A51" s="31">
        <v>38</v>
      </c>
      <c r="B51" s="27">
        <v>15</v>
      </c>
      <c r="C51" s="28">
        <v>22</v>
      </c>
      <c r="D51" s="29">
        <v>37</v>
      </c>
    </row>
    <row r="52" spans="1:4" ht="18" customHeight="1" x14ac:dyDescent="0.2">
      <c r="A52" s="31">
        <v>39</v>
      </c>
      <c r="B52" s="27">
        <v>25</v>
      </c>
      <c r="C52" s="28">
        <v>27</v>
      </c>
      <c r="D52" s="29">
        <v>52</v>
      </c>
    </row>
    <row r="53" spans="1:4" ht="18" customHeight="1" x14ac:dyDescent="0.2">
      <c r="A53" s="31" t="s">
        <v>74</v>
      </c>
      <c r="B53" s="27">
        <v>119</v>
      </c>
      <c r="C53" s="28">
        <v>119</v>
      </c>
      <c r="D53" s="29">
        <v>238</v>
      </c>
    </row>
    <row r="54" spans="1:4" ht="18" customHeight="1" x14ac:dyDescent="0.2">
      <c r="A54" s="31">
        <v>40</v>
      </c>
      <c r="B54" s="27">
        <v>13</v>
      </c>
      <c r="C54" s="28">
        <v>16</v>
      </c>
      <c r="D54" s="29">
        <v>29</v>
      </c>
    </row>
    <row r="55" spans="1:4" ht="18" customHeight="1" x14ac:dyDescent="0.2">
      <c r="A55" s="31">
        <v>41</v>
      </c>
      <c r="B55" s="27">
        <v>10</v>
      </c>
      <c r="C55" s="28">
        <v>20</v>
      </c>
      <c r="D55" s="29">
        <v>30</v>
      </c>
    </row>
    <row r="56" spans="1:4" ht="18" customHeight="1" x14ac:dyDescent="0.2">
      <c r="A56" s="31">
        <v>42</v>
      </c>
      <c r="B56" s="27">
        <v>23</v>
      </c>
      <c r="C56" s="28">
        <v>10</v>
      </c>
      <c r="D56" s="29">
        <v>33</v>
      </c>
    </row>
    <row r="57" spans="1:4" ht="18" customHeight="1" x14ac:dyDescent="0.2">
      <c r="A57" s="31">
        <v>43</v>
      </c>
      <c r="B57" s="27">
        <v>18</v>
      </c>
      <c r="C57" s="28">
        <v>19</v>
      </c>
      <c r="D57" s="29">
        <v>37</v>
      </c>
    </row>
    <row r="58" spans="1:4" ht="18" customHeight="1" x14ac:dyDescent="0.2">
      <c r="A58" s="31">
        <v>44</v>
      </c>
      <c r="B58" s="27">
        <v>22</v>
      </c>
      <c r="C58" s="28">
        <v>13</v>
      </c>
      <c r="D58" s="29">
        <v>35</v>
      </c>
    </row>
    <row r="59" spans="1:4" ht="18" customHeight="1" x14ac:dyDescent="0.2">
      <c r="A59" s="31" t="s">
        <v>75</v>
      </c>
      <c r="B59" s="27">
        <v>86</v>
      </c>
      <c r="C59" s="28">
        <v>78</v>
      </c>
      <c r="D59" s="29">
        <v>164</v>
      </c>
    </row>
    <row r="60" spans="1:4" ht="18" customHeight="1" x14ac:dyDescent="0.2">
      <c r="A60" s="31">
        <v>45</v>
      </c>
      <c r="B60" s="27">
        <v>13</v>
      </c>
      <c r="C60" s="28">
        <v>17</v>
      </c>
      <c r="D60" s="29">
        <v>30</v>
      </c>
    </row>
    <row r="61" spans="1:4" ht="18" customHeight="1" x14ac:dyDescent="0.2">
      <c r="A61" s="31">
        <v>46</v>
      </c>
      <c r="B61" s="27">
        <v>20</v>
      </c>
      <c r="C61" s="28">
        <v>21</v>
      </c>
      <c r="D61" s="29">
        <v>41</v>
      </c>
    </row>
    <row r="62" spans="1:4" ht="18" customHeight="1" x14ac:dyDescent="0.2">
      <c r="A62" s="31">
        <v>47</v>
      </c>
      <c r="B62" s="27">
        <v>14</v>
      </c>
      <c r="C62" s="28">
        <v>14</v>
      </c>
      <c r="D62" s="29">
        <v>28</v>
      </c>
    </row>
    <row r="63" spans="1:4" ht="18" customHeight="1" x14ac:dyDescent="0.2">
      <c r="A63" s="31">
        <v>48</v>
      </c>
      <c r="B63" s="27">
        <v>18</v>
      </c>
      <c r="C63" s="28">
        <v>16</v>
      </c>
      <c r="D63" s="29">
        <v>34</v>
      </c>
    </row>
    <row r="64" spans="1:4" ht="18" customHeight="1" x14ac:dyDescent="0.2">
      <c r="A64" s="31">
        <v>49</v>
      </c>
      <c r="B64" s="27">
        <v>12</v>
      </c>
      <c r="C64" s="28">
        <v>17</v>
      </c>
      <c r="D64" s="29">
        <v>29</v>
      </c>
    </row>
    <row r="65" spans="1:4" ht="18" customHeight="1" x14ac:dyDescent="0.2">
      <c r="A65" s="31" t="s">
        <v>76</v>
      </c>
      <c r="B65" s="27">
        <v>77</v>
      </c>
      <c r="C65" s="28">
        <v>85</v>
      </c>
      <c r="D65" s="29">
        <v>162</v>
      </c>
    </row>
    <row r="66" spans="1:4" ht="18" customHeight="1" x14ac:dyDescent="0.2">
      <c r="A66" s="31">
        <v>50</v>
      </c>
      <c r="B66" s="27">
        <v>14</v>
      </c>
      <c r="C66" s="28">
        <v>14</v>
      </c>
      <c r="D66" s="29">
        <v>28</v>
      </c>
    </row>
    <row r="67" spans="1:4" ht="18" customHeight="1" x14ac:dyDescent="0.2">
      <c r="A67" s="31">
        <v>51</v>
      </c>
      <c r="B67" s="27">
        <v>9</v>
      </c>
      <c r="C67" s="28">
        <v>31</v>
      </c>
      <c r="D67" s="29">
        <v>40</v>
      </c>
    </row>
    <row r="68" spans="1:4" ht="18" customHeight="1" x14ac:dyDescent="0.2">
      <c r="A68" s="31">
        <v>52</v>
      </c>
      <c r="B68" s="27">
        <v>25</v>
      </c>
      <c r="C68" s="28">
        <v>19</v>
      </c>
      <c r="D68" s="29">
        <v>44</v>
      </c>
    </row>
    <row r="69" spans="1:4" ht="18" customHeight="1" x14ac:dyDescent="0.2">
      <c r="A69" s="31">
        <v>53</v>
      </c>
      <c r="B69" s="27">
        <v>16</v>
      </c>
      <c r="C69" s="28">
        <v>26</v>
      </c>
      <c r="D69" s="29">
        <v>42</v>
      </c>
    </row>
    <row r="70" spans="1:4" ht="18" customHeight="1" x14ac:dyDescent="0.2">
      <c r="A70" s="31">
        <v>54</v>
      </c>
      <c r="B70" s="27">
        <v>27</v>
      </c>
      <c r="C70" s="28">
        <v>22</v>
      </c>
      <c r="D70" s="29">
        <v>49</v>
      </c>
    </row>
    <row r="71" spans="1:4" ht="18" customHeight="1" x14ac:dyDescent="0.2">
      <c r="A71" s="31" t="s">
        <v>77</v>
      </c>
      <c r="B71" s="27">
        <v>91</v>
      </c>
      <c r="C71" s="28">
        <v>112</v>
      </c>
      <c r="D71" s="29">
        <v>203</v>
      </c>
    </row>
    <row r="72" spans="1:4" ht="18" customHeight="1" x14ac:dyDescent="0.2">
      <c r="A72" s="31">
        <v>55</v>
      </c>
      <c r="B72" s="27">
        <v>27</v>
      </c>
      <c r="C72" s="28">
        <v>23</v>
      </c>
      <c r="D72" s="29">
        <v>50</v>
      </c>
    </row>
    <row r="73" spans="1:4" ht="18" customHeight="1" x14ac:dyDescent="0.2">
      <c r="A73" s="31">
        <v>56</v>
      </c>
      <c r="B73" s="27">
        <v>33</v>
      </c>
      <c r="C73" s="28">
        <v>30</v>
      </c>
      <c r="D73" s="29">
        <v>63</v>
      </c>
    </row>
    <row r="74" spans="1:4" ht="18" customHeight="1" x14ac:dyDescent="0.2">
      <c r="A74" s="31">
        <v>57</v>
      </c>
      <c r="B74" s="27">
        <v>27</v>
      </c>
      <c r="C74" s="28">
        <v>43</v>
      </c>
      <c r="D74" s="29">
        <v>70</v>
      </c>
    </row>
    <row r="75" spans="1:4" ht="18" customHeight="1" x14ac:dyDescent="0.2">
      <c r="A75" s="31">
        <v>58</v>
      </c>
      <c r="B75" s="27">
        <v>37</v>
      </c>
      <c r="C75" s="28">
        <v>28</v>
      </c>
      <c r="D75" s="29">
        <v>65</v>
      </c>
    </row>
    <row r="76" spans="1:4" ht="18" customHeight="1" x14ac:dyDescent="0.2">
      <c r="A76" s="31">
        <v>59</v>
      </c>
      <c r="B76" s="27">
        <v>35</v>
      </c>
      <c r="C76" s="28">
        <v>32</v>
      </c>
      <c r="D76" s="29">
        <v>67</v>
      </c>
    </row>
    <row r="77" spans="1:4" ht="18" customHeight="1" x14ac:dyDescent="0.2">
      <c r="A77" s="31" t="s">
        <v>78</v>
      </c>
      <c r="B77" s="27">
        <v>159</v>
      </c>
      <c r="C77" s="28">
        <v>156</v>
      </c>
      <c r="D77" s="29">
        <v>315</v>
      </c>
    </row>
    <row r="78" spans="1:4" ht="18" customHeight="1" x14ac:dyDescent="0.2">
      <c r="A78" s="31">
        <v>60</v>
      </c>
      <c r="B78" s="27">
        <v>41</v>
      </c>
      <c r="C78" s="28">
        <v>46</v>
      </c>
      <c r="D78" s="29">
        <v>87</v>
      </c>
    </row>
    <row r="79" spans="1:4" ht="18" customHeight="1" x14ac:dyDescent="0.2">
      <c r="A79" s="31">
        <v>61</v>
      </c>
      <c r="B79" s="27">
        <v>36</v>
      </c>
      <c r="C79" s="28">
        <v>32</v>
      </c>
      <c r="D79" s="29">
        <v>68</v>
      </c>
    </row>
    <row r="80" spans="1:4" ht="18" customHeight="1" x14ac:dyDescent="0.2">
      <c r="A80" s="31">
        <v>62</v>
      </c>
      <c r="B80" s="27">
        <v>33</v>
      </c>
      <c r="C80" s="28">
        <v>34</v>
      </c>
      <c r="D80" s="29">
        <v>67</v>
      </c>
    </row>
    <row r="81" spans="1:4" ht="18" customHeight="1" x14ac:dyDescent="0.2">
      <c r="A81" s="31">
        <v>63</v>
      </c>
      <c r="B81" s="27">
        <v>14</v>
      </c>
      <c r="C81" s="28">
        <v>21</v>
      </c>
      <c r="D81" s="29">
        <v>35</v>
      </c>
    </row>
    <row r="82" spans="1:4" ht="18" customHeight="1" x14ac:dyDescent="0.2">
      <c r="A82" s="31">
        <v>64</v>
      </c>
      <c r="B82" s="27">
        <v>27</v>
      </c>
      <c r="C82" s="28">
        <v>15</v>
      </c>
      <c r="D82" s="29">
        <v>42</v>
      </c>
    </row>
    <row r="83" spans="1:4" ht="18" customHeight="1" x14ac:dyDescent="0.2">
      <c r="A83" s="31" t="s">
        <v>79</v>
      </c>
      <c r="B83" s="27">
        <v>151</v>
      </c>
      <c r="C83" s="28">
        <v>148</v>
      </c>
      <c r="D83" s="29">
        <v>299</v>
      </c>
    </row>
    <row r="84" spans="1:4" ht="18" customHeight="1" x14ac:dyDescent="0.2">
      <c r="A84" s="31" t="s">
        <v>80</v>
      </c>
      <c r="B84" s="27">
        <v>1065</v>
      </c>
      <c r="C84" s="28">
        <v>1054</v>
      </c>
      <c r="D84" s="29">
        <v>2119</v>
      </c>
    </row>
    <row r="85" spans="1:4" ht="18" customHeight="1" x14ac:dyDescent="0.2">
      <c r="A85" s="31">
        <v>65</v>
      </c>
      <c r="B85" s="27">
        <v>23</v>
      </c>
      <c r="C85" s="28">
        <v>22</v>
      </c>
      <c r="D85" s="29">
        <v>45</v>
      </c>
    </row>
    <row r="86" spans="1:4" ht="18" customHeight="1" x14ac:dyDescent="0.2">
      <c r="A86" s="31">
        <v>66</v>
      </c>
      <c r="B86" s="27">
        <v>26</v>
      </c>
      <c r="C86" s="28">
        <v>21</v>
      </c>
      <c r="D86" s="29">
        <v>47</v>
      </c>
    </row>
    <row r="87" spans="1:4" ht="18" customHeight="1" x14ac:dyDescent="0.2">
      <c r="A87" s="31">
        <v>67</v>
      </c>
      <c r="B87" s="27">
        <v>24</v>
      </c>
      <c r="C87" s="28">
        <v>18</v>
      </c>
      <c r="D87" s="29">
        <v>42</v>
      </c>
    </row>
    <row r="88" spans="1:4" ht="18" customHeight="1" x14ac:dyDescent="0.2">
      <c r="A88" s="31">
        <v>68</v>
      </c>
      <c r="B88" s="27">
        <v>22</v>
      </c>
      <c r="C88" s="28">
        <v>15</v>
      </c>
      <c r="D88" s="29">
        <v>37</v>
      </c>
    </row>
    <row r="89" spans="1:4" ht="18" customHeight="1" x14ac:dyDescent="0.2">
      <c r="A89" s="31">
        <v>69</v>
      </c>
      <c r="B89" s="27">
        <v>10</v>
      </c>
      <c r="C89" s="28">
        <v>19</v>
      </c>
      <c r="D89" s="29">
        <v>29</v>
      </c>
    </row>
    <row r="90" spans="1:4" ht="18" customHeight="1" x14ac:dyDescent="0.2">
      <c r="A90" s="31" t="s">
        <v>81</v>
      </c>
      <c r="B90" s="27">
        <v>105</v>
      </c>
      <c r="C90" s="28">
        <v>95</v>
      </c>
      <c r="D90" s="29">
        <v>200</v>
      </c>
    </row>
    <row r="91" spans="1:4" ht="18" customHeight="1" x14ac:dyDescent="0.2">
      <c r="A91" s="31">
        <v>70</v>
      </c>
      <c r="B91" s="27">
        <v>12</v>
      </c>
      <c r="C91" s="28">
        <v>17</v>
      </c>
      <c r="D91" s="29">
        <v>29</v>
      </c>
    </row>
    <row r="92" spans="1:4" ht="18" customHeight="1" x14ac:dyDescent="0.2">
      <c r="A92" s="31">
        <v>71</v>
      </c>
      <c r="B92" s="27">
        <v>13</v>
      </c>
      <c r="C92" s="28">
        <v>6</v>
      </c>
      <c r="D92" s="29">
        <v>19</v>
      </c>
    </row>
    <row r="93" spans="1:4" ht="18" customHeight="1" x14ac:dyDescent="0.2">
      <c r="A93" s="31">
        <v>72</v>
      </c>
      <c r="B93" s="27">
        <v>10</v>
      </c>
      <c r="C93" s="28">
        <v>18</v>
      </c>
      <c r="D93" s="29">
        <v>28</v>
      </c>
    </row>
    <row r="94" spans="1:4" ht="18" customHeight="1" x14ac:dyDescent="0.2">
      <c r="A94" s="31">
        <v>73</v>
      </c>
      <c r="B94" s="27">
        <v>16</v>
      </c>
      <c r="C94" s="28">
        <v>19</v>
      </c>
      <c r="D94" s="29">
        <v>35</v>
      </c>
    </row>
    <row r="95" spans="1:4" ht="18" customHeight="1" x14ac:dyDescent="0.2">
      <c r="A95" s="31">
        <v>74</v>
      </c>
      <c r="B95" s="27">
        <v>12</v>
      </c>
      <c r="C95" s="28">
        <v>11</v>
      </c>
      <c r="D95" s="29">
        <v>23</v>
      </c>
    </row>
    <row r="96" spans="1:4" ht="18" customHeight="1" x14ac:dyDescent="0.2">
      <c r="A96" s="31" t="s">
        <v>82</v>
      </c>
      <c r="B96" s="27">
        <v>63</v>
      </c>
      <c r="C96" s="28">
        <v>71</v>
      </c>
      <c r="D96" s="29">
        <v>134</v>
      </c>
    </row>
    <row r="97" spans="1:4" ht="18" customHeight="1" x14ac:dyDescent="0.2">
      <c r="A97" s="31">
        <v>75</v>
      </c>
      <c r="B97" s="27">
        <v>7</v>
      </c>
      <c r="C97" s="28">
        <v>18</v>
      </c>
      <c r="D97" s="29">
        <v>25</v>
      </c>
    </row>
    <row r="98" spans="1:4" ht="18" customHeight="1" x14ac:dyDescent="0.2">
      <c r="A98" s="31">
        <v>76</v>
      </c>
      <c r="B98" s="27">
        <v>6</v>
      </c>
      <c r="C98" s="28">
        <v>17</v>
      </c>
      <c r="D98" s="29">
        <v>23</v>
      </c>
    </row>
    <row r="99" spans="1:4" ht="18" customHeight="1" x14ac:dyDescent="0.2">
      <c r="A99" s="31">
        <v>77</v>
      </c>
      <c r="B99" s="27">
        <v>7</v>
      </c>
      <c r="C99" s="28">
        <v>15</v>
      </c>
      <c r="D99" s="29">
        <v>22</v>
      </c>
    </row>
    <row r="100" spans="1:4" ht="18" customHeight="1" x14ac:dyDescent="0.2">
      <c r="A100" s="31">
        <v>78</v>
      </c>
      <c r="B100" s="27">
        <v>14</v>
      </c>
      <c r="C100" s="28">
        <v>15</v>
      </c>
      <c r="D100" s="29">
        <v>29</v>
      </c>
    </row>
    <row r="101" spans="1:4" ht="18" customHeight="1" x14ac:dyDescent="0.2">
      <c r="A101" s="31">
        <v>79</v>
      </c>
      <c r="B101" s="27">
        <v>5</v>
      </c>
      <c r="C101" s="28">
        <v>14</v>
      </c>
      <c r="D101" s="29">
        <v>19</v>
      </c>
    </row>
    <row r="102" spans="1:4" ht="18" customHeight="1" x14ac:dyDescent="0.2">
      <c r="A102" s="31" t="s">
        <v>83</v>
      </c>
      <c r="B102" s="27">
        <v>39</v>
      </c>
      <c r="C102" s="28">
        <v>79</v>
      </c>
      <c r="D102" s="29">
        <v>118</v>
      </c>
    </row>
    <row r="103" spans="1:4" ht="18" customHeight="1" x14ac:dyDescent="0.2">
      <c r="A103" s="31">
        <v>80</v>
      </c>
      <c r="B103" s="27">
        <v>12</v>
      </c>
      <c r="C103" s="28">
        <v>19</v>
      </c>
      <c r="D103" s="29">
        <v>31</v>
      </c>
    </row>
    <row r="104" spans="1:4" ht="18" customHeight="1" x14ac:dyDescent="0.2">
      <c r="A104" s="31">
        <v>81</v>
      </c>
      <c r="B104" s="27">
        <v>8</v>
      </c>
      <c r="C104" s="28">
        <v>8</v>
      </c>
      <c r="D104" s="29">
        <v>16</v>
      </c>
    </row>
    <row r="105" spans="1:4" ht="18" customHeight="1" x14ac:dyDescent="0.2">
      <c r="A105" s="31">
        <v>82</v>
      </c>
      <c r="B105" s="27">
        <v>11</v>
      </c>
      <c r="C105" s="28">
        <v>12</v>
      </c>
      <c r="D105" s="29">
        <v>23</v>
      </c>
    </row>
    <row r="106" spans="1:4" ht="18" customHeight="1" x14ac:dyDescent="0.2">
      <c r="A106" s="31">
        <v>83</v>
      </c>
      <c r="B106" s="27">
        <v>6</v>
      </c>
      <c r="C106" s="28">
        <v>15</v>
      </c>
      <c r="D106" s="29">
        <v>21</v>
      </c>
    </row>
    <row r="107" spans="1:4" ht="18" customHeight="1" x14ac:dyDescent="0.2">
      <c r="A107" s="31">
        <v>84</v>
      </c>
      <c r="B107" s="27">
        <v>12</v>
      </c>
      <c r="C107" s="28">
        <v>4</v>
      </c>
      <c r="D107" s="29">
        <v>16</v>
      </c>
    </row>
    <row r="108" spans="1:4" ht="18" customHeight="1" x14ac:dyDescent="0.2">
      <c r="A108" s="31" t="s">
        <v>84</v>
      </c>
      <c r="B108" s="27">
        <v>49</v>
      </c>
      <c r="C108" s="28">
        <v>58</v>
      </c>
      <c r="D108" s="29">
        <v>107</v>
      </c>
    </row>
    <row r="109" spans="1:4" ht="18" customHeight="1" x14ac:dyDescent="0.2">
      <c r="A109" s="31">
        <v>85</v>
      </c>
      <c r="B109" s="27">
        <v>6</v>
      </c>
      <c r="C109" s="28">
        <v>6</v>
      </c>
      <c r="D109" s="29">
        <v>12</v>
      </c>
    </row>
    <row r="110" spans="1:4" ht="18" customHeight="1" x14ac:dyDescent="0.2">
      <c r="A110" s="31">
        <v>86</v>
      </c>
      <c r="B110" s="27">
        <v>7</v>
      </c>
      <c r="C110" s="28">
        <v>6</v>
      </c>
      <c r="D110" s="29">
        <v>13</v>
      </c>
    </row>
    <row r="111" spans="1:4" ht="18" customHeight="1" x14ac:dyDescent="0.2">
      <c r="A111" s="31">
        <v>87</v>
      </c>
      <c r="B111" s="27">
        <v>2</v>
      </c>
      <c r="C111" s="28">
        <v>8</v>
      </c>
      <c r="D111" s="29">
        <v>10</v>
      </c>
    </row>
    <row r="112" spans="1:4" ht="18" customHeight="1" x14ac:dyDescent="0.2">
      <c r="A112" s="31">
        <v>88</v>
      </c>
      <c r="B112" s="27">
        <v>2</v>
      </c>
      <c r="C112" s="28">
        <v>7</v>
      </c>
      <c r="D112" s="29">
        <v>9</v>
      </c>
    </row>
    <row r="113" spans="1:4" ht="18" customHeight="1" x14ac:dyDescent="0.2">
      <c r="A113" s="31">
        <v>89</v>
      </c>
      <c r="B113" s="27">
        <v>0</v>
      </c>
      <c r="C113" s="28">
        <v>4</v>
      </c>
      <c r="D113" s="29">
        <v>4</v>
      </c>
    </row>
    <row r="114" spans="1:4" ht="18" customHeight="1" x14ac:dyDescent="0.2">
      <c r="A114" s="31" t="s">
        <v>85</v>
      </c>
      <c r="B114" s="27">
        <v>17</v>
      </c>
      <c r="C114" s="28">
        <v>31</v>
      </c>
      <c r="D114" s="29">
        <v>48</v>
      </c>
    </row>
    <row r="115" spans="1:4" ht="18" customHeight="1" x14ac:dyDescent="0.2">
      <c r="A115" s="31">
        <v>90</v>
      </c>
      <c r="B115" s="27">
        <v>3</v>
      </c>
      <c r="C115" s="28">
        <v>2</v>
      </c>
      <c r="D115" s="29">
        <v>5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2</v>
      </c>
      <c r="C117" s="28">
        <v>4</v>
      </c>
      <c r="D117" s="29">
        <v>6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3</v>
      </c>
      <c r="C119" s="28">
        <v>1</v>
      </c>
      <c r="D119" s="29">
        <v>4</v>
      </c>
    </row>
    <row r="120" spans="1:4" ht="18" customHeight="1" x14ac:dyDescent="0.2">
      <c r="A120" s="31" t="s">
        <v>86</v>
      </c>
      <c r="B120" s="27">
        <v>8</v>
      </c>
      <c r="C120" s="28">
        <v>11</v>
      </c>
      <c r="D120" s="29">
        <v>19</v>
      </c>
    </row>
    <row r="121" spans="1:4" ht="18" customHeight="1" x14ac:dyDescent="0.2">
      <c r="A121" s="31">
        <v>95</v>
      </c>
      <c r="B121" s="27">
        <v>0</v>
      </c>
      <c r="C121" s="28">
        <v>4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8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81</v>
      </c>
      <c r="C130" s="5">
        <v>353</v>
      </c>
      <c r="D130" s="6">
        <v>634</v>
      </c>
    </row>
    <row r="131" spans="1:4" ht="18" customHeight="1" x14ac:dyDescent="0.2">
      <c r="A131" s="33" t="s">
        <v>65</v>
      </c>
      <c r="B131" s="7">
        <v>1548</v>
      </c>
      <c r="C131" s="8">
        <v>1599</v>
      </c>
      <c r="D131" s="9">
        <v>314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19</v>
      </c>
      <c r="C5" s="37">
        <v>17</v>
      </c>
      <c r="D5" s="39">
        <v>36</v>
      </c>
    </row>
    <row r="6" spans="1:4" ht="18" customHeight="1" x14ac:dyDescent="0.2">
      <c r="A6" s="31">
        <v>1</v>
      </c>
      <c r="B6" s="35">
        <v>20</v>
      </c>
      <c r="C6" s="28">
        <v>16</v>
      </c>
      <c r="D6" s="29">
        <v>36</v>
      </c>
    </row>
    <row r="7" spans="1:4" ht="18" customHeight="1" x14ac:dyDescent="0.2">
      <c r="A7" s="31">
        <v>2</v>
      </c>
      <c r="B7" s="35">
        <v>18</v>
      </c>
      <c r="C7" s="28">
        <v>12</v>
      </c>
      <c r="D7" s="29">
        <v>30</v>
      </c>
    </row>
    <row r="8" spans="1:4" ht="18" customHeight="1" x14ac:dyDescent="0.2">
      <c r="A8" s="31">
        <v>3</v>
      </c>
      <c r="B8" s="35">
        <v>19</v>
      </c>
      <c r="C8" s="28">
        <v>14</v>
      </c>
      <c r="D8" s="29">
        <v>33</v>
      </c>
    </row>
    <row r="9" spans="1:4" ht="18" customHeight="1" x14ac:dyDescent="0.2">
      <c r="A9" s="31">
        <v>4</v>
      </c>
      <c r="B9" s="36">
        <v>29</v>
      </c>
      <c r="C9" s="38">
        <v>22</v>
      </c>
      <c r="D9" s="40">
        <v>51</v>
      </c>
    </row>
    <row r="10" spans="1:4" ht="18" customHeight="1" x14ac:dyDescent="0.2">
      <c r="A10" s="31" t="s">
        <v>66</v>
      </c>
      <c r="B10" s="27">
        <v>105</v>
      </c>
      <c r="C10" s="28">
        <v>81</v>
      </c>
      <c r="D10" s="29">
        <v>186</v>
      </c>
    </row>
    <row r="11" spans="1:4" ht="18" customHeight="1" x14ac:dyDescent="0.2">
      <c r="A11" s="31">
        <v>5</v>
      </c>
      <c r="B11" s="35">
        <v>19</v>
      </c>
      <c r="C11" s="28">
        <v>13</v>
      </c>
      <c r="D11" s="29">
        <v>32</v>
      </c>
    </row>
    <row r="12" spans="1:4" ht="18" customHeight="1" x14ac:dyDescent="0.2">
      <c r="A12" s="31">
        <v>6</v>
      </c>
      <c r="B12" s="35">
        <v>15</v>
      </c>
      <c r="C12" s="28">
        <v>16</v>
      </c>
      <c r="D12" s="29">
        <v>31</v>
      </c>
    </row>
    <row r="13" spans="1:4" ht="18" customHeight="1" x14ac:dyDescent="0.2">
      <c r="A13" s="31">
        <v>7</v>
      </c>
      <c r="B13" s="35">
        <v>19</v>
      </c>
      <c r="C13" s="28">
        <v>27</v>
      </c>
      <c r="D13" s="29">
        <v>46</v>
      </c>
    </row>
    <row r="14" spans="1:4" ht="18" customHeight="1" x14ac:dyDescent="0.2">
      <c r="A14" s="31">
        <v>8</v>
      </c>
      <c r="B14" s="35">
        <v>18</v>
      </c>
      <c r="C14" s="28">
        <v>15</v>
      </c>
      <c r="D14" s="29">
        <v>33</v>
      </c>
    </row>
    <row r="15" spans="1:4" ht="18" customHeight="1" x14ac:dyDescent="0.2">
      <c r="A15" s="31">
        <v>9</v>
      </c>
      <c r="B15" s="35">
        <v>22</v>
      </c>
      <c r="C15" s="28">
        <v>23</v>
      </c>
      <c r="D15" s="29">
        <v>45</v>
      </c>
    </row>
    <row r="16" spans="1:4" ht="18" customHeight="1" x14ac:dyDescent="0.2">
      <c r="A16" s="31" t="s">
        <v>67</v>
      </c>
      <c r="B16" s="27">
        <v>93</v>
      </c>
      <c r="C16" s="28">
        <v>94</v>
      </c>
      <c r="D16" s="29">
        <v>187</v>
      </c>
    </row>
    <row r="17" spans="1:4" ht="18" customHeight="1" x14ac:dyDescent="0.2">
      <c r="A17" s="31">
        <v>10</v>
      </c>
      <c r="B17" s="27">
        <v>15</v>
      </c>
      <c r="C17" s="28">
        <v>20</v>
      </c>
      <c r="D17" s="29">
        <v>35</v>
      </c>
    </row>
    <row r="18" spans="1:4" ht="18" customHeight="1" x14ac:dyDescent="0.2">
      <c r="A18" s="31">
        <v>11</v>
      </c>
      <c r="B18" s="27">
        <v>18</v>
      </c>
      <c r="C18" s="28">
        <v>29</v>
      </c>
      <c r="D18" s="29">
        <v>47</v>
      </c>
    </row>
    <row r="19" spans="1:4" ht="18" customHeight="1" x14ac:dyDescent="0.2">
      <c r="A19" s="31">
        <v>12</v>
      </c>
      <c r="B19" s="27">
        <v>22</v>
      </c>
      <c r="C19" s="28">
        <v>16</v>
      </c>
      <c r="D19" s="29">
        <v>38</v>
      </c>
    </row>
    <row r="20" spans="1:4" ht="18" customHeight="1" x14ac:dyDescent="0.2">
      <c r="A20" s="31">
        <v>13</v>
      </c>
      <c r="B20" s="27">
        <v>21</v>
      </c>
      <c r="C20" s="28">
        <v>18</v>
      </c>
      <c r="D20" s="29">
        <v>39</v>
      </c>
    </row>
    <row r="21" spans="1:4" ht="18" customHeight="1" x14ac:dyDescent="0.2">
      <c r="A21" s="31">
        <v>14</v>
      </c>
      <c r="B21" s="27">
        <v>20</v>
      </c>
      <c r="C21" s="28">
        <v>21</v>
      </c>
      <c r="D21" s="29">
        <v>41</v>
      </c>
    </row>
    <row r="22" spans="1:4" ht="18" customHeight="1" x14ac:dyDescent="0.2">
      <c r="A22" s="31" t="s">
        <v>68</v>
      </c>
      <c r="B22" s="27">
        <v>96</v>
      </c>
      <c r="C22" s="28">
        <v>104</v>
      </c>
      <c r="D22" s="29">
        <v>200</v>
      </c>
    </row>
    <row r="23" spans="1:4" ht="18" customHeight="1" x14ac:dyDescent="0.2">
      <c r="A23" s="31" t="s">
        <v>69</v>
      </c>
      <c r="B23" s="27">
        <v>294</v>
      </c>
      <c r="C23" s="28">
        <v>279</v>
      </c>
      <c r="D23" s="29">
        <v>573</v>
      </c>
    </row>
    <row r="24" spans="1:4" ht="18" customHeight="1" x14ac:dyDescent="0.2">
      <c r="A24" s="31">
        <v>15</v>
      </c>
      <c r="B24" s="27">
        <v>28</v>
      </c>
      <c r="C24" s="28">
        <v>24</v>
      </c>
      <c r="D24" s="29">
        <v>52</v>
      </c>
    </row>
    <row r="25" spans="1:4" ht="18" customHeight="1" x14ac:dyDescent="0.2">
      <c r="A25" s="31">
        <v>16</v>
      </c>
      <c r="B25" s="27">
        <v>27</v>
      </c>
      <c r="C25" s="28">
        <v>15</v>
      </c>
      <c r="D25" s="29">
        <v>42</v>
      </c>
    </row>
    <row r="26" spans="1:4" ht="18" customHeight="1" x14ac:dyDescent="0.2">
      <c r="A26" s="31">
        <v>17</v>
      </c>
      <c r="B26" s="27">
        <v>18</v>
      </c>
      <c r="C26" s="28">
        <v>31</v>
      </c>
      <c r="D26" s="29">
        <v>49</v>
      </c>
    </row>
    <row r="27" spans="1:4" ht="18" customHeight="1" x14ac:dyDescent="0.2">
      <c r="A27" s="31">
        <v>18</v>
      </c>
      <c r="B27" s="27">
        <v>28</v>
      </c>
      <c r="C27" s="28">
        <v>36</v>
      </c>
      <c r="D27" s="29">
        <v>64</v>
      </c>
    </row>
    <row r="28" spans="1:4" ht="18" customHeight="1" x14ac:dyDescent="0.2">
      <c r="A28" s="31">
        <v>19</v>
      </c>
      <c r="B28" s="27">
        <v>23</v>
      </c>
      <c r="C28" s="28">
        <v>34</v>
      </c>
      <c r="D28" s="29">
        <v>57</v>
      </c>
    </row>
    <row r="29" spans="1:4" ht="18" customHeight="1" x14ac:dyDescent="0.2">
      <c r="A29" s="31" t="s">
        <v>70</v>
      </c>
      <c r="B29" s="27">
        <v>124</v>
      </c>
      <c r="C29" s="28">
        <v>140</v>
      </c>
      <c r="D29" s="29">
        <v>264</v>
      </c>
    </row>
    <row r="30" spans="1:4" ht="18" customHeight="1" x14ac:dyDescent="0.2">
      <c r="A30" s="31">
        <v>20</v>
      </c>
      <c r="B30" s="27">
        <v>25</v>
      </c>
      <c r="C30" s="28">
        <v>27</v>
      </c>
      <c r="D30" s="29">
        <v>52</v>
      </c>
    </row>
    <row r="31" spans="1:4" ht="18" customHeight="1" x14ac:dyDescent="0.2">
      <c r="A31" s="31">
        <v>21</v>
      </c>
      <c r="B31" s="27">
        <v>26</v>
      </c>
      <c r="C31" s="28">
        <v>25</v>
      </c>
      <c r="D31" s="29">
        <v>51</v>
      </c>
    </row>
    <row r="32" spans="1:4" ht="18" customHeight="1" x14ac:dyDescent="0.2">
      <c r="A32" s="31">
        <v>22</v>
      </c>
      <c r="B32" s="27">
        <v>27</v>
      </c>
      <c r="C32" s="28">
        <v>25</v>
      </c>
      <c r="D32" s="29">
        <v>52</v>
      </c>
    </row>
    <row r="33" spans="1:4" ht="18" customHeight="1" x14ac:dyDescent="0.2">
      <c r="A33" s="31">
        <v>23</v>
      </c>
      <c r="B33" s="27">
        <v>23</v>
      </c>
      <c r="C33" s="28">
        <v>15</v>
      </c>
      <c r="D33" s="29">
        <v>38</v>
      </c>
    </row>
    <row r="34" spans="1:4" ht="18" customHeight="1" x14ac:dyDescent="0.2">
      <c r="A34" s="31">
        <v>24</v>
      </c>
      <c r="B34" s="27">
        <v>24</v>
      </c>
      <c r="C34" s="28">
        <v>22</v>
      </c>
      <c r="D34" s="29">
        <v>46</v>
      </c>
    </row>
    <row r="35" spans="1:4" ht="18" customHeight="1" x14ac:dyDescent="0.2">
      <c r="A35" s="31" t="s">
        <v>71</v>
      </c>
      <c r="B35" s="27">
        <v>125</v>
      </c>
      <c r="C35" s="28">
        <v>114</v>
      </c>
      <c r="D35" s="29">
        <v>239</v>
      </c>
    </row>
    <row r="36" spans="1:4" ht="18" customHeight="1" x14ac:dyDescent="0.2">
      <c r="A36" s="31">
        <v>25</v>
      </c>
      <c r="B36" s="27">
        <v>21</v>
      </c>
      <c r="C36" s="28">
        <v>21</v>
      </c>
      <c r="D36" s="29">
        <v>42</v>
      </c>
    </row>
    <row r="37" spans="1:4" ht="18" customHeight="1" x14ac:dyDescent="0.2">
      <c r="A37" s="31">
        <v>26</v>
      </c>
      <c r="B37" s="27">
        <v>26</v>
      </c>
      <c r="C37" s="28">
        <v>29</v>
      </c>
      <c r="D37" s="29">
        <v>55</v>
      </c>
    </row>
    <row r="38" spans="1:4" ht="18" customHeight="1" x14ac:dyDescent="0.2">
      <c r="A38" s="31">
        <v>27</v>
      </c>
      <c r="B38" s="27">
        <v>26</v>
      </c>
      <c r="C38" s="28">
        <v>21</v>
      </c>
      <c r="D38" s="29">
        <v>47</v>
      </c>
    </row>
    <row r="39" spans="1:4" ht="18" customHeight="1" x14ac:dyDescent="0.2">
      <c r="A39" s="31">
        <v>28</v>
      </c>
      <c r="B39" s="27">
        <v>22</v>
      </c>
      <c r="C39" s="28">
        <v>17</v>
      </c>
      <c r="D39" s="29">
        <v>39</v>
      </c>
    </row>
    <row r="40" spans="1:4" ht="18" customHeight="1" x14ac:dyDescent="0.2">
      <c r="A40" s="31">
        <v>29</v>
      </c>
      <c r="B40" s="27">
        <v>25</v>
      </c>
      <c r="C40" s="28">
        <v>29</v>
      </c>
      <c r="D40" s="29">
        <v>54</v>
      </c>
    </row>
    <row r="41" spans="1:4" ht="18" customHeight="1" x14ac:dyDescent="0.2">
      <c r="A41" s="31" t="s">
        <v>72</v>
      </c>
      <c r="B41" s="27">
        <v>120</v>
      </c>
      <c r="C41" s="28">
        <v>117</v>
      </c>
      <c r="D41" s="29">
        <v>237</v>
      </c>
    </row>
    <row r="42" spans="1:4" ht="18" customHeight="1" x14ac:dyDescent="0.2">
      <c r="A42" s="31">
        <v>30</v>
      </c>
      <c r="B42" s="27">
        <v>29</v>
      </c>
      <c r="C42" s="28">
        <v>21</v>
      </c>
      <c r="D42" s="29">
        <v>50</v>
      </c>
    </row>
    <row r="43" spans="1:4" ht="18" customHeight="1" x14ac:dyDescent="0.2">
      <c r="A43" s="31">
        <v>31</v>
      </c>
      <c r="B43" s="27">
        <v>29</v>
      </c>
      <c r="C43" s="28">
        <v>21</v>
      </c>
      <c r="D43" s="29">
        <v>50</v>
      </c>
    </row>
    <row r="44" spans="1:4" ht="18" customHeight="1" x14ac:dyDescent="0.2">
      <c r="A44" s="31">
        <v>32</v>
      </c>
      <c r="B44" s="27">
        <v>21</v>
      </c>
      <c r="C44" s="28">
        <v>33</v>
      </c>
      <c r="D44" s="29">
        <v>54</v>
      </c>
    </row>
    <row r="45" spans="1:4" ht="18" customHeight="1" x14ac:dyDescent="0.2">
      <c r="A45" s="31">
        <v>33</v>
      </c>
      <c r="B45" s="27">
        <v>37</v>
      </c>
      <c r="C45" s="28">
        <v>27</v>
      </c>
      <c r="D45" s="29">
        <v>64</v>
      </c>
    </row>
    <row r="46" spans="1:4" ht="18" customHeight="1" x14ac:dyDescent="0.2">
      <c r="A46" s="31">
        <v>34</v>
      </c>
      <c r="B46" s="27">
        <v>26</v>
      </c>
      <c r="C46" s="28">
        <v>39</v>
      </c>
      <c r="D46" s="29">
        <v>65</v>
      </c>
    </row>
    <row r="47" spans="1:4" ht="18" customHeight="1" x14ac:dyDescent="0.2">
      <c r="A47" s="31" t="s">
        <v>73</v>
      </c>
      <c r="B47" s="27">
        <v>142</v>
      </c>
      <c r="C47" s="28">
        <v>141</v>
      </c>
      <c r="D47" s="29">
        <v>283</v>
      </c>
    </row>
    <row r="48" spans="1:4" ht="18" customHeight="1" x14ac:dyDescent="0.2">
      <c r="A48" s="31">
        <v>35</v>
      </c>
      <c r="B48" s="27">
        <v>31</v>
      </c>
      <c r="C48" s="28">
        <v>37</v>
      </c>
      <c r="D48" s="29">
        <v>68</v>
      </c>
    </row>
    <row r="49" spans="1:4" ht="18" customHeight="1" x14ac:dyDescent="0.2">
      <c r="A49" s="31">
        <v>36</v>
      </c>
      <c r="B49" s="27">
        <v>29</v>
      </c>
      <c r="C49" s="28">
        <v>30</v>
      </c>
      <c r="D49" s="29">
        <v>59</v>
      </c>
    </row>
    <row r="50" spans="1:4" ht="18" customHeight="1" x14ac:dyDescent="0.2">
      <c r="A50" s="31">
        <v>37</v>
      </c>
      <c r="B50" s="27">
        <v>34</v>
      </c>
      <c r="C50" s="28">
        <v>32</v>
      </c>
      <c r="D50" s="29">
        <v>66</v>
      </c>
    </row>
    <row r="51" spans="1:4" ht="18" customHeight="1" x14ac:dyDescent="0.2">
      <c r="A51" s="31">
        <v>38</v>
      </c>
      <c r="B51" s="27">
        <v>21</v>
      </c>
      <c r="C51" s="28">
        <v>15</v>
      </c>
      <c r="D51" s="29">
        <v>36</v>
      </c>
    </row>
    <row r="52" spans="1:4" ht="18" customHeight="1" x14ac:dyDescent="0.2">
      <c r="A52" s="31">
        <v>39</v>
      </c>
      <c r="B52" s="27">
        <v>34</v>
      </c>
      <c r="C52" s="28">
        <v>36</v>
      </c>
      <c r="D52" s="29">
        <v>70</v>
      </c>
    </row>
    <row r="53" spans="1:4" ht="18" customHeight="1" x14ac:dyDescent="0.2">
      <c r="A53" s="31" t="s">
        <v>74</v>
      </c>
      <c r="B53" s="27">
        <v>149</v>
      </c>
      <c r="C53" s="28">
        <v>150</v>
      </c>
      <c r="D53" s="29">
        <v>299</v>
      </c>
    </row>
    <row r="54" spans="1:4" ht="18" customHeight="1" x14ac:dyDescent="0.2">
      <c r="A54" s="31">
        <v>40</v>
      </c>
      <c r="B54" s="27">
        <v>31</v>
      </c>
      <c r="C54" s="28">
        <v>26</v>
      </c>
      <c r="D54" s="29">
        <v>57</v>
      </c>
    </row>
    <row r="55" spans="1:4" ht="18" customHeight="1" x14ac:dyDescent="0.2">
      <c r="A55" s="31">
        <v>41</v>
      </c>
      <c r="B55" s="27">
        <v>22</v>
      </c>
      <c r="C55" s="28">
        <v>30</v>
      </c>
      <c r="D55" s="29">
        <v>52</v>
      </c>
    </row>
    <row r="56" spans="1:4" ht="18" customHeight="1" x14ac:dyDescent="0.2">
      <c r="A56" s="31">
        <v>42</v>
      </c>
      <c r="B56" s="27">
        <v>25</v>
      </c>
      <c r="C56" s="28">
        <v>23</v>
      </c>
      <c r="D56" s="29">
        <v>48</v>
      </c>
    </row>
    <row r="57" spans="1:4" ht="18" customHeight="1" x14ac:dyDescent="0.2">
      <c r="A57" s="31">
        <v>43</v>
      </c>
      <c r="B57" s="27">
        <v>28</v>
      </c>
      <c r="C57" s="28">
        <v>30</v>
      </c>
      <c r="D57" s="29">
        <v>58</v>
      </c>
    </row>
    <row r="58" spans="1:4" ht="18" customHeight="1" x14ac:dyDescent="0.2">
      <c r="A58" s="31">
        <v>44</v>
      </c>
      <c r="B58" s="27">
        <v>32</v>
      </c>
      <c r="C58" s="28">
        <v>28</v>
      </c>
      <c r="D58" s="29">
        <v>60</v>
      </c>
    </row>
    <row r="59" spans="1:4" ht="18" customHeight="1" x14ac:dyDescent="0.2">
      <c r="A59" s="31" t="s">
        <v>75</v>
      </c>
      <c r="B59" s="27">
        <v>138</v>
      </c>
      <c r="C59" s="28">
        <v>137</v>
      </c>
      <c r="D59" s="29">
        <v>275</v>
      </c>
    </row>
    <row r="60" spans="1:4" ht="18" customHeight="1" x14ac:dyDescent="0.2">
      <c r="A60" s="31">
        <v>45</v>
      </c>
      <c r="B60" s="27">
        <v>34</v>
      </c>
      <c r="C60" s="28">
        <v>36</v>
      </c>
      <c r="D60" s="29">
        <v>70</v>
      </c>
    </row>
    <row r="61" spans="1:4" ht="18" customHeight="1" x14ac:dyDescent="0.2">
      <c r="A61" s="31">
        <v>46</v>
      </c>
      <c r="B61" s="27">
        <v>23</v>
      </c>
      <c r="C61" s="28">
        <v>34</v>
      </c>
      <c r="D61" s="29">
        <v>57</v>
      </c>
    </row>
    <row r="62" spans="1:4" ht="18" customHeight="1" x14ac:dyDescent="0.2">
      <c r="A62" s="31">
        <v>47</v>
      </c>
      <c r="B62" s="27">
        <v>23</v>
      </c>
      <c r="C62" s="28">
        <v>27</v>
      </c>
      <c r="D62" s="29">
        <v>50</v>
      </c>
    </row>
    <row r="63" spans="1:4" ht="18" customHeight="1" x14ac:dyDescent="0.2">
      <c r="A63" s="31">
        <v>48</v>
      </c>
      <c r="B63" s="27">
        <v>30</v>
      </c>
      <c r="C63" s="28">
        <v>26</v>
      </c>
      <c r="D63" s="29">
        <v>56</v>
      </c>
    </row>
    <row r="64" spans="1:4" ht="18" customHeight="1" x14ac:dyDescent="0.2">
      <c r="A64" s="31">
        <v>49</v>
      </c>
      <c r="B64" s="27">
        <v>30</v>
      </c>
      <c r="C64" s="28">
        <v>16</v>
      </c>
      <c r="D64" s="29">
        <v>46</v>
      </c>
    </row>
    <row r="65" spans="1:4" ht="18" customHeight="1" x14ac:dyDescent="0.2">
      <c r="A65" s="31" t="s">
        <v>76</v>
      </c>
      <c r="B65" s="27">
        <v>140</v>
      </c>
      <c r="C65" s="28">
        <v>139</v>
      </c>
      <c r="D65" s="29">
        <v>279</v>
      </c>
    </row>
    <row r="66" spans="1:4" ht="18" customHeight="1" x14ac:dyDescent="0.2">
      <c r="A66" s="31">
        <v>50</v>
      </c>
      <c r="B66" s="27">
        <v>26</v>
      </c>
      <c r="C66" s="28">
        <v>31</v>
      </c>
      <c r="D66" s="29">
        <v>57</v>
      </c>
    </row>
    <row r="67" spans="1:4" ht="18" customHeight="1" x14ac:dyDescent="0.2">
      <c r="A67" s="31">
        <v>51</v>
      </c>
      <c r="B67" s="27">
        <v>28</v>
      </c>
      <c r="C67" s="28">
        <v>26</v>
      </c>
      <c r="D67" s="29">
        <v>54</v>
      </c>
    </row>
    <row r="68" spans="1:4" ht="18" customHeight="1" x14ac:dyDescent="0.2">
      <c r="A68" s="31">
        <v>52</v>
      </c>
      <c r="B68" s="27">
        <v>24</v>
      </c>
      <c r="C68" s="28">
        <v>31</v>
      </c>
      <c r="D68" s="29">
        <v>55</v>
      </c>
    </row>
    <row r="69" spans="1:4" ht="18" customHeight="1" x14ac:dyDescent="0.2">
      <c r="A69" s="31">
        <v>53</v>
      </c>
      <c r="B69" s="27">
        <v>32</v>
      </c>
      <c r="C69" s="28">
        <v>29</v>
      </c>
      <c r="D69" s="29">
        <v>61</v>
      </c>
    </row>
    <row r="70" spans="1:4" ht="18" customHeight="1" x14ac:dyDescent="0.2">
      <c r="A70" s="31">
        <v>54</v>
      </c>
      <c r="B70" s="27">
        <v>32</v>
      </c>
      <c r="C70" s="28">
        <v>32</v>
      </c>
      <c r="D70" s="29">
        <v>64</v>
      </c>
    </row>
    <row r="71" spans="1:4" ht="18" customHeight="1" x14ac:dyDescent="0.2">
      <c r="A71" s="31" t="s">
        <v>77</v>
      </c>
      <c r="B71" s="27">
        <v>142</v>
      </c>
      <c r="C71" s="28">
        <v>149</v>
      </c>
      <c r="D71" s="29">
        <v>291</v>
      </c>
    </row>
    <row r="72" spans="1:4" ht="18" customHeight="1" x14ac:dyDescent="0.2">
      <c r="A72" s="31">
        <v>55</v>
      </c>
      <c r="B72" s="27">
        <v>22</v>
      </c>
      <c r="C72" s="28">
        <v>30</v>
      </c>
      <c r="D72" s="29">
        <v>52</v>
      </c>
    </row>
    <row r="73" spans="1:4" ht="18" customHeight="1" x14ac:dyDescent="0.2">
      <c r="A73" s="31">
        <v>56</v>
      </c>
      <c r="B73" s="27">
        <v>24</v>
      </c>
      <c r="C73" s="28">
        <v>33</v>
      </c>
      <c r="D73" s="29">
        <v>57</v>
      </c>
    </row>
    <row r="74" spans="1:4" ht="18" customHeight="1" x14ac:dyDescent="0.2">
      <c r="A74" s="31">
        <v>57</v>
      </c>
      <c r="B74" s="27">
        <v>36</v>
      </c>
      <c r="C74" s="28">
        <v>27</v>
      </c>
      <c r="D74" s="29">
        <v>63</v>
      </c>
    </row>
    <row r="75" spans="1:4" ht="18" customHeight="1" x14ac:dyDescent="0.2">
      <c r="A75" s="31">
        <v>58</v>
      </c>
      <c r="B75" s="27">
        <v>36</v>
      </c>
      <c r="C75" s="28">
        <v>25</v>
      </c>
      <c r="D75" s="29">
        <v>61</v>
      </c>
    </row>
    <row r="76" spans="1:4" ht="18" customHeight="1" x14ac:dyDescent="0.2">
      <c r="A76" s="31">
        <v>59</v>
      </c>
      <c r="B76" s="27">
        <v>28</v>
      </c>
      <c r="C76" s="28">
        <v>44</v>
      </c>
      <c r="D76" s="29">
        <v>72</v>
      </c>
    </row>
    <row r="77" spans="1:4" ht="18" customHeight="1" x14ac:dyDescent="0.2">
      <c r="A77" s="31" t="s">
        <v>78</v>
      </c>
      <c r="B77" s="27">
        <v>146</v>
      </c>
      <c r="C77" s="28">
        <v>159</v>
      </c>
      <c r="D77" s="29">
        <v>305</v>
      </c>
    </row>
    <row r="78" spans="1:4" ht="18" customHeight="1" x14ac:dyDescent="0.2">
      <c r="A78" s="31">
        <v>60</v>
      </c>
      <c r="B78" s="27">
        <v>46</v>
      </c>
      <c r="C78" s="28">
        <v>50</v>
      </c>
      <c r="D78" s="29">
        <v>96</v>
      </c>
    </row>
    <row r="79" spans="1:4" ht="18" customHeight="1" x14ac:dyDescent="0.2">
      <c r="A79" s="31">
        <v>61</v>
      </c>
      <c r="B79" s="27">
        <v>39</v>
      </c>
      <c r="C79" s="28">
        <v>31</v>
      </c>
      <c r="D79" s="29">
        <v>70</v>
      </c>
    </row>
    <row r="80" spans="1:4" ht="18" customHeight="1" x14ac:dyDescent="0.2">
      <c r="A80" s="31">
        <v>62</v>
      </c>
      <c r="B80" s="27">
        <v>42</v>
      </c>
      <c r="C80" s="28">
        <v>37</v>
      </c>
      <c r="D80" s="29">
        <v>79</v>
      </c>
    </row>
    <row r="81" spans="1:4" ht="18" customHeight="1" x14ac:dyDescent="0.2">
      <c r="A81" s="31">
        <v>63</v>
      </c>
      <c r="B81" s="27">
        <v>27</v>
      </c>
      <c r="C81" s="28">
        <v>13</v>
      </c>
      <c r="D81" s="29">
        <v>40</v>
      </c>
    </row>
    <row r="82" spans="1:4" ht="18" customHeight="1" x14ac:dyDescent="0.2">
      <c r="A82" s="31">
        <v>64</v>
      </c>
      <c r="B82" s="27">
        <v>17</v>
      </c>
      <c r="C82" s="28">
        <v>29</v>
      </c>
      <c r="D82" s="29">
        <v>46</v>
      </c>
    </row>
    <row r="83" spans="1:4" ht="18" customHeight="1" x14ac:dyDescent="0.2">
      <c r="A83" s="31" t="s">
        <v>79</v>
      </c>
      <c r="B83" s="27">
        <v>171</v>
      </c>
      <c r="C83" s="28">
        <v>160</v>
      </c>
      <c r="D83" s="29">
        <v>331</v>
      </c>
    </row>
    <row r="84" spans="1:4" ht="18" customHeight="1" x14ac:dyDescent="0.2">
      <c r="A84" s="31" t="s">
        <v>80</v>
      </c>
      <c r="B84" s="27">
        <v>1397</v>
      </c>
      <c r="C84" s="28">
        <v>1406</v>
      </c>
      <c r="D84" s="29">
        <v>2803</v>
      </c>
    </row>
    <row r="85" spans="1:4" ht="18" customHeight="1" x14ac:dyDescent="0.2">
      <c r="A85" s="31">
        <v>65</v>
      </c>
      <c r="B85" s="27">
        <v>31</v>
      </c>
      <c r="C85" s="28">
        <v>32</v>
      </c>
      <c r="D85" s="29">
        <v>63</v>
      </c>
    </row>
    <row r="86" spans="1:4" ht="18" customHeight="1" x14ac:dyDescent="0.2">
      <c r="A86" s="31">
        <v>66</v>
      </c>
      <c r="B86" s="27">
        <v>15</v>
      </c>
      <c r="C86" s="28">
        <v>31</v>
      </c>
      <c r="D86" s="29">
        <v>46</v>
      </c>
    </row>
    <row r="87" spans="1:4" ht="18" customHeight="1" x14ac:dyDescent="0.2">
      <c r="A87" s="31">
        <v>67</v>
      </c>
      <c r="B87" s="27">
        <v>28</v>
      </c>
      <c r="C87" s="28">
        <v>28</v>
      </c>
      <c r="D87" s="29">
        <v>56</v>
      </c>
    </row>
    <row r="88" spans="1:4" ht="18" customHeight="1" x14ac:dyDescent="0.2">
      <c r="A88" s="31">
        <v>68</v>
      </c>
      <c r="B88" s="27">
        <v>22</v>
      </c>
      <c r="C88" s="28">
        <v>27</v>
      </c>
      <c r="D88" s="29">
        <v>49</v>
      </c>
    </row>
    <row r="89" spans="1:4" ht="18" customHeight="1" x14ac:dyDescent="0.2">
      <c r="A89" s="31">
        <v>69</v>
      </c>
      <c r="B89" s="27">
        <v>26</v>
      </c>
      <c r="C89" s="28">
        <v>18</v>
      </c>
      <c r="D89" s="29">
        <v>44</v>
      </c>
    </row>
    <row r="90" spans="1:4" ht="18" customHeight="1" x14ac:dyDescent="0.2">
      <c r="A90" s="31" t="s">
        <v>81</v>
      </c>
      <c r="B90" s="27">
        <v>122</v>
      </c>
      <c r="C90" s="28">
        <v>136</v>
      </c>
      <c r="D90" s="29">
        <v>258</v>
      </c>
    </row>
    <row r="91" spans="1:4" ht="18" customHeight="1" x14ac:dyDescent="0.2">
      <c r="A91" s="31">
        <v>70</v>
      </c>
      <c r="B91" s="27">
        <v>12</v>
      </c>
      <c r="C91" s="28">
        <v>19</v>
      </c>
      <c r="D91" s="29">
        <v>31</v>
      </c>
    </row>
    <row r="92" spans="1:4" ht="18" customHeight="1" x14ac:dyDescent="0.2">
      <c r="A92" s="31">
        <v>71</v>
      </c>
      <c r="B92" s="27">
        <v>20</v>
      </c>
      <c r="C92" s="28">
        <v>19</v>
      </c>
      <c r="D92" s="29">
        <v>39</v>
      </c>
    </row>
    <row r="93" spans="1:4" ht="18" customHeight="1" x14ac:dyDescent="0.2">
      <c r="A93" s="31">
        <v>72</v>
      </c>
      <c r="B93" s="27">
        <v>22</v>
      </c>
      <c r="C93" s="28">
        <v>18</v>
      </c>
      <c r="D93" s="29">
        <v>40</v>
      </c>
    </row>
    <row r="94" spans="1:4" ht="18" customHeight="1" x14ac:dyDescent="0.2">
      <c r="A94" s="31">
        <v>73</v>
      </c>
      <c r="B94" s="27">
        <v>24</v>
      </c>
      <c r="C94" s="28">
        <v>24</v>
      </c>
      <c r="D94" s="29">
        <v>48</v>
      </c>
    </row>
    <row r="95" spans="1:4" ht="18" customHeight="1" x14ac:dyDescent="0.2">
      <c r="A95" s="31">
        <v>74</v>
      </c>
      <c r="B95" s="27">
        <v>12</v>
      </c>
      <c r="C95" s="28">
        <v>22</v>
      </c>
      <c r="D95" s="29">
        <v>34</v>
      </c>
    </row>
    <row r="96" spans="1:4" ht="18" customHeight="1" x14ac:dyDescent="0.2">
      <c r="A96" s="31" t="s">
        <v>82</v>
      </c>
      <c r="B96" s="27">
        <v>90</v>
      </c>
      <c r="C96" s="28">
        <v>102</v>
      </c>
      <c r="D96" s="29">
        <v>192</v>
      </c>
    </row>
    <row r="97" spans="1:4" ht="18" customHeight="1" x14ac:dyDescent="0.2">
      <c r="A97" s="31">
        <v>75</v>
      </c>
      <c r="B97" s="27">
        <v>26</v>
      </c>
      <c r="C97" s="28">
        <v>34</v>
      </c>
      <c r="D97" s="29">
        <v>60</v>
      </c>
    </row>
    <row r="98" spans="1:4" ht="18" customHeight="1" x14ac:dyDescent="0.2">
      <c r="A98" s="31">
        <v>76</v>
      </c>
      <c r="B98" s="27">
        <v>14</v>
      </c>
      <c r="C98" s="28">
        <v>29</v>
      </c>
      <c r="D98" s="29">
        <v>43</v>
      </c>
    </row>
    <row r="99" spans="1:4" ht="18" customHeight="1" x14ac:dyDescent="0.2">
      <c r="A99" s="31">
        <v>77</v>
      </c>
      <c r="B99" s="27">
        <v>10</v>
      </c>
      <c r="C99" s="28">
        <v>26</v>
      </c>
      <c r="D99" s="29">
        <v>36</v>
      </c>
    </row>
    <row r="100" spans="1:4" ht="18" customHeight="1" x14ac:dyDescent="0.2">
      <c r="A100" s="31">
        <v>78</v>
      </c>
      <c r="B100" s="27">
        <v>13</v>
      </c>
      <c r="C100" s="28">
        <v>25</v>
      </c>
      <c r="D100" s="29">
        <v>38</v>
      </c>
    </row>
    <row r="101" spans="1:4" ht="18" customHeight="1" x14ac:dyDescent="0.2">
      <c r="A101" s="31">
        <v>79</v>
      </c>
      <c r="B101" s="27">
        <v>19</v>
      </c>
      <c r="C101" s="28">
        <v>20</v>
      </c>
      <c r="D101" s="29">
        <v>39</v>
      </c>
    </row>
    <row r="102" spans="1:4" ht="18" customHeight="1" x14ac:dyDescent="0.2">
      <c r="A102" s="31" t="s">
        <v>83</v>
      </c>
      <c r="B102" s="27">
        <v>82</v>
      </c>
      <c r="C102" s="28">
        <v>134</v>
      </c>
      <c r="D102" s="29">
        <v>216</v>
      </c>
    </row>
    <row r="103" spans="1:4" ht="18" customHeight="1" x14ac:dyDescent="0.2">
      <c r="A103" s="31">
        <v>80</v>
      </c>
      <c r="B103" s="27">
        <v>21</v>
      </c>
      <c r="C103" s="28">
        <v>23</v>
      </c>
      <c r="D103" s="29">
        <v>44</v>
      </c>
    </row>
    <row r="104" spans="1:4" ht="18" customHeight="1" x14ac:dyDescent="0.2">
      <c r="A104" s="31">
        <v>81</v>
      </c>
      <c r="B104" s="27">
        <v>12</v>
      </c>
      <c r="C104" s="28">
        <v>19</v>
      </c>
      <c r="D104" s="29">
        <v>31</v>
      </c>
    </row>
    <row r="105" spans="1:4" ht="18" customHeight="1" x14ac:dyDescent="0.2">
      <c r="A105" s="31">
        <v>82</v>
      </c>
      <c r="B105" s="27">
        <v>11</v>
      </c>
      <c r="C105" s="28">
        <v>27</v>
      </c>
      <c r="D105" s="29">
        <v>38</v>
      </c>
    </row>
    <row r="106" spans="1:4" ht="18" customHeight="1" x14ac:dyDescent="0.2">
      <c r="A106" s="31">
        <v>83</v>
      </c>
      <c r="B106" s="27">
        <v>12</v>
      </c>
      <c r="C106" s="28">
        <v>14</v>
      </c>
      <c r="D106" s="29">
        <v>26</v>
      </c>
    </row>
    <row r="107" spans="1:4" ht="18" customHeight="1" x14ac:dyDescent="0.2">
      <c r="A107" s="31">
        <v>84</v>
      </c>
      <c r="B107" s="27">
        <v>14</v>
      </c>
      <c r="C107" s="28">
        <v>20</v>
      </c>
      <c r="D107" s="29">
        <v>34</v>
      </c>
    </row>
    <row r="108" spans="1:4" ht="18" customHeight="1" x14ac:dyDescent="0.2">
      <c r="A108" s="31" t="s">
        <v>84</v>
      </c>
      <c r="B108" s="27">
        <v>70</v>
      </c>
      <c r="C108" s="28">
        <v>103</v>
      </c>
      <c r="D108" s="29">
        <v>173</v>
      </c>
    </row>
    <row r="109" spans="1:4" ht="18" customHeight="1" x14ac:dyDescent="0.2">
      <c r="A109" s="31">
        <v>85</v>
      </c>
      <c r="B109" s="27">
        <v>11</v>
      </c>
      <c r="C109" s="28">
        <v>20</v>
      </c>
      <c r="D109" s="29">
        <v>31</v>
      </c>
    </row>
    <row r="110" spans="1:4" ht="18" customHeight="1" x14ac:dyDescent="0.2">
      <c r="A110" s="31">
        <v>86</v>
      </c>
      <c r="B110" s="27">
        <v>4</v>
      </c>
      <c r="C110" s="28">
        <v>18</v>
      </c>
      <c r="D110" s="29">
        <v>22</v>
      </c>
    </row>
    <row r="111" spans="1:4" ht="18" customHeight="1" x14ac:dyDescent="0.2">
      <c r="A111" s="31">
        <v>87</v>
      </c>
      <c r="B111" s="27">
        <v>5</v>
      </c>
      <c r="C111" s="28">
        <v>15</v>
      </c>
      <c r="D111" s="29">
        <v>20</v>
      </c>
    </row>
    <row r="112" spans="1:4" ht="18" customHeight="1" x14ac:dyDescent="0.2">
      <c r="A112" s="31">
        <v>88</v>
      </c>
      <c r="B112" s="27">
        <v>2</v>
      </c>
      <c r="C112" s="28">
        <v>13</v>
      </c>
      <c r="D112" s="29">
        <v>15</v>
      </c>
    </row>
    <row r="113" spans="1:4" ht="18" customHeight="1" x14ac:dyDescent="0.2">
      <c r="A113" s="31">
        <v>89</v>
      </c>
      <c r="B113" s="27">
        <v>8</v>
      </c>
      <c r="C113" s="28">
        <v>11</v>
      </c>
      <c r="D113" s="29">
        <v>19</v>
      </c>
    </row>
    <row r="114" spans="1:4" ht="18" customHeight="1" x14ac:dyDescent="0.2">
      <c r="A114" s="31" t="s">
        <v>85</v>
      </c>
      <c r="B114" s="27">
        <v>30</v>
      </c>
      <c r="C114" s="28">
        <v>77</v>
      </c>
      <c r="D114" s="29">
        <v>107</v>
      </c>
    </row>
    <row r="115" spans="1:4" ht="18" customHeight="1" x14ac:dyDescent="0.2">
      <c r="A115" s="31">
        <v>90</v>
      </c>
      <c r="B115" s="27">
        <v>1</v>
      </c>
      <c r="C115" s="28">
        <v>10</v>
      </c>
      <c r="D115" s="29">
        <v>11</v>
      </c>
    </row>
    <row r="116" spans="1:4" ht="18" customHeight="1" x14ac:dyDescent="0.2">
      <c r="A116" s="31">
        <v>91</v>
      </c>
      <c r="B116" s="27">
        <v>2</v>
      </c>
      <c r="C116" s="28">
        <v>7</v>
      </c>
      <c r="D116" s="29">
        <v>9</v>
      </c>
    </row>
    <row r="117" spans="1:4" ht="18" customHeight="1" x14ac:dyDescent="0.2">
      <c r="A117" s="31">
        <v>92</v>
      </c>
      <c r="B117" s="27">
        <v>0</v>
      </c>
      <c r="C117" s="28">
        <v>5</v>
      </c>
      <c r="D117" s="29">
        <v>5</v>
      </c>
    </row>
    <row r="118" spans="1:4" ht="18" customHeight="1" x14ac:dyDescent="0.2">
      <c r="A118" s="31">
        <v>93</v>
      </c>
      <c r="B118" s="27">
        <v>2</v>
      </c>
      <c r="C118" s="28">
        <v>14</v>
      </c>
      <c r="D118" s="29">
        <v>16</v>
      </c>
    </row>
    <row r="119" spans="1:4" ht="18" customHeight="1" x14ac:dyDescent="0.2">
      <c r="A119" s="31">
        <v>94</v>
      </c>
      <c r="B119" s="27">
        <v>1</v>
      </c>
      <c r="C119" s="28">
        <v>6</v>
      </c>
      <c r="D119" s="29">
        <v>7</v>
      </c>
    </row>
    <row r="120" spans="1:4" ht="18" customHeight="1" x14ac:dyDescent="0.2">
      <c r="A120" s="31" t="s">
        <v>86</v>
      </c>
      <c r="B120" s="27">
        <v>6</v>
      </c>
      <c r="C120" s="28">
        <v>42</v>
      </c>
      <c r="D120" s="29">
        <v>48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11</v>
      </c>
      <c r="D122" s="29">
        <v>11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1</v>
      </c>
      <c r="C126" s="28">
        <v>18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88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89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90</v>
      </c>
      <c r="B130" s="4">
        <v>401</v>
      </c>
      <c r="C130" s="5">
        <v>616</v>
      </c>
      <c r="D130" s="6">
        <v>1017</v>
      </c>
    </row>
    <row r="131" spans="1:4" ht="18" customHeight="1" x14ac:dyDescent="0.2">
      <c r="A131" s="33" t="s">
        <v>65</v>
      </c>
      <c r="B131" s="7">
        <v>2092</v>
      </c>
      <c r="C131" s="8">
        <v>2301</v>
      </c>
      <c r="D131" s="9">
        <v>439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5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5</v>
      </c>
      <c r="C5" s="37">
        <v>1</v>
      </c>
      <c r="D5" s="39">
        <v>6</v>
      </c>
    </row>
    <row r="6" spans="1:4" ht="18" customHeight="1" x14ac:dyDescent="0.2">
      <c r="A6" s="31">
        <v>1</v>
      </c>
      <c r="B6" s="35">
        <v>4</v>
      </c>
      <c r="C6" s="28">
        <v>8</v>
      </c>
      <c r="D6" s="29">
        <v>12</v>
      </c>
    </row>
    <row r="7" spans="1:4" ht="18" customHeight="1" x14ac:dyDescent="0.2">
      <c r="A7" s="31">
        <v>2</v>
      </c>
      <c r="B7" s="35">
        <v>10</v>
      </c>
      <c r="C7" s="28">
        <v>7</v>
      </c>
      <c r="D7" s="29">
        <v>17</v>
      </c>
    </row>
    <row r="8" spans="1:4" ht="18" customHeight="1" x14ac:dyDescent="0.2">
      <c r="A8" s="31">
        <v>3</v>
      </c>
      <c r="B8" s="35">
        <v>7</v>
      </c>
      <c r="C8" s="28">
        <v>2</v>
      </c>
      <c r="D8" s="29">
        <v>9</v>
      </c>
    </row>
    <row r="9" spans="1:4" ht="18" customHeight="1" x14ac:dyDescent="0.2">
      <c r="A9" s="31">
        <v>4</v>
      </c>
      <c r="B9" s="36">
        <v>7</v>
      </c>
      <c r="C9" s="38">
        <v>6</v>
      </c>
      <c r="D9" s="40">
        <v>13</v>
      </c>
    </row>
    <row r="10" spans="1:4" ht="18" customHeight="1" x14ac:dyDescent="0.2">
      <c r="A10" s="31" t="s">
        <v>66</v>
      </c>
      <c r="B10" s="27">
        <v>33</v>
      </c>
      <c r="C10" s="28">
        <v>24</v>
      </c>
      <c r="D10" s="29">
        <v>57</v>
      </c>
    </row>
    <row r="11" spans="1:4" ht="18" customHeight="1" x14ac:dyDescent="0.2">
      <c r="A11" s="31">
        <v>5</v>
      </c>
      <c r="B11" s="35">
        <v>7</v>
      </c>
      <c r="C11" s="28">
        <v>7</v>
      </c>
      <c r="D11" s="29">
        <v>14</v>
      </c>
    </row>
    <row r="12" spans="1:4" ht="18" customHeight="1" x14ac:dyDescent="0.2">
      <c r="A12" s="31">
        <v>6</v>
      </c>
      <c r="B12" s="35">
        <v>2</v>
      </c>
      <c r="C12" s="28">
        <v>3</v>
      </c>
      <c r="D12" s="29">
        <v>5</v>
      </c>
    </row>
    <row r="13" spans="1:4" ht="18" customHeight="1" x14ac:dyDescent="0.2">
      <c r="A13" s="31">
        <v>7</v>
      </c>
      <c r="B13" s="35">
        <v>4</v>
      </c>
      <c r="C13" s="28">
        <v>4</v>
      </c>
      <c r="D13" s="29">
        <v>8</v>
      </c>
    </row>
    <row r="14" spans="1:4" ht="18" customHeight="1" x14ac:dyDescent="0.2">
      <c r="A14" s="31">
        <v>8</v>
      </c>
      <c r="B14" s="35">
        <v>5</v>
      </c>
      <c r="C14" s="28">
        <v>4</v>
      </c>
      <c r="D14" s="29">
        <v>9</v>
      </c>
    </row>
    <row r="15" spans="1:4" ht="18" customHeight="1" x14ac:dyDescent="0.2">
      <c r="A15" s="31">
        <v>9</v>
      </c>
      <c r="B15" s="35">
        <v>6</v>
      </c>
      <c r="C15" s="28">
        <v>3</v>
      </c>
      <c r="D15" s="29">
        <v>9</v>
      </c>
    </row>
    <row r="16" spans="1:4" ht="18" customHeight="1" x14ac:dyDescent="0.2">
      <c r="A16" s="31" t="s">
        <v>67</v>
      </c>
      <c r="B16" s="27">
        <v>24</v>
      </c>
      <c r="C16" s="28">
        <v>21</v>
      </c>
      <c r="D16" s="29">
        <v>45</v>
      </c>
    </row>
    <row r="17" spans="1:4" ht="18" customHeight="1" x14ac:dyDescent="0.2">
      <c r="A17" s="31">
        <v>10</v>
      </c>
      <c r="B17" s="27">
        <v>5</v>
      </c>
      <c r="C17" s="28">
        <v>6</v>
      </c>
      <c r="D17" s="29">
        <v>11</v>
      </c>
    </row>
    <row r="18" spans="1:4" ht="18" customHeight="1" x14ac:dyDescent="0.2">
      <c r="A18" s="31">
        <v>11</v>
      </c>
      <c r="B18" s="27">
        <v>6</v>
      </c>
      <c r="C18" s="28">
        <v>8</v>
      </c>
      <c r="D18" s="29">
        <v>14</v>
      </c>
    </row>
    <row r="19" spans="1:4" ht="18" customHeight="1" x14ac:dyDescent="0.2">
      <c r="A19" s="31">
        <v>12</v>
      </c>
      <c r="B19" s="27">
        <v>7</v>
      </c>
      <c r="C19" s="28">
        <v>5</v>
      </c>
      <c r="D19" s="29">
        <v>12</v>
      </c>
    </row>
    <row r="20" spans="1:4" ht="18" customHeight="1" x14ac:dyDescent="0.2">
      <c r="A20" s="31">
        <v>13</v>
      </c>
      <c r="B20" s="27">
        <v>9</v>
      </c>
      <c r="C20" s="28">
        <v>6</v>
      </c>
      <c r="D20" s="29">
        <v>15</v>
      </c>
    </row>
    <row r="21" spans="1:4" ht="18" customHeight="1" x14ac:dyDescent="0.2">
      <c r="A21" s="31">
        <v>14</v>
      </c>
      <c r="B21" s="27">
        <v>11</v>
      </c>
      <c r="C21" s="28">
        <v>9</v>
      </c>
      <c r="D21" s="29">
        <v>20</v>
      </c>
    </row>
    <row r="22" spans="1:4" ht="18" customHeight="1" x14ac:dyDescent="0.2">
      <c r="A22" s="31" t="s">
        <v>68</v>
      </c>
      <c r="B22" s="27">
        <v>38</v>
      </c>
      <c r="C22" s="28">
        <v>34</v>
      </c>
      <c r="D22" s="29">
        <v>72</v>
      </c>
    </row>
    <row r="23" spans="1:4" ht="18" customHeight="1" x14ac:dyDescent="0.2">
      <c r="A23" s="31" t="s">
        <v>69</v>
      </c>
      <c r="B23" s="27">
        <v>95</v>
      </c>
      <c r="C23" s="28">
        <v>79</v>
      </c>
      <c r="D23" s="29">
        <v>174</v>
      </c>
    </row>
    <row r="24" spans="1:4" ht="18" customHeight="1" x14ac:dyDescent="0.2">
      <c r="A24" s="31">
        <v>15</v>
      </c>
      <c r="B24" s="27">
        <v>6</v>
      </c>
      <c r="C24" s="28">
        <v>2</v>
      </c>
      <c r="D24" s="29">
        <v>8</v>
      </c>
    </row>
    <row r="25" spans="1:4" ht="18" customHeight="1" x14ac:dyDescent="0.2">
      <c r="A25" s="31">
        <v>16</v>
      </c>
      <c r="B25" s="27">
        <v>16</v>
      </c>
      <c r="C25" s="28">
        <v>7</v>
      </c>
      <c r="D25" s="29">
        <v>23</v>
      </c>
    </row>
    <row r="26" spans="1:4" ht="18" customHeight="1" x14ac:dyDescent="0.2">
      <c r="A26" s="31">
        <v>17</v>
      </c>
      <c r="B26" s="27">
        <v>4</v>
      </c>
      <c r="C26" s="28">
        <v>8</v>
      </c>
      <c r="D26" s="29">
        <v>12</v>
      </c>
    </row>
    <row r="27" spans="1:4" ht="18" customHeight="1" x14ac:dyDescent="0.2">
      <c r="A27" s="31">
        <v>18</v>
      </c>
      <c r="B27" s="27">
        <v>13</v>
      </c>
      <c r="C27" s="28">
        <v>11</v>
      </c>
      <c r="D27" s="29">
        <v>24</v>
      </c>
    </row>
    <row r="28" spans="1:4" ht="18" customHeight="1" x14ac:dyDescent="0.2">
      <c r="A28" s="31">
        <v>19</v>
      </c>
      <c r="B28" s="27">
        <v>11</v>
      </c>
      <c r="C28" s="28">
        <v>4</v>
      </c>
      <c r="D28" s="29">
        <v>15</v>
      </c>
    </row>
    <row r="29" spans="1:4" ht="18" customHeight="1" x14ac:dyDescent="0.2">
      <c r="A29" s="31" t="s">
        <v>70</v>
      </c>
      <c r="B29" s="27">
        <v>50</v>
      </c>
      <c r="C29" s="28">
        <v>32</v>
      </c>
      <c r="D29" s="29">
        <v>82</v>
      </c>
    </row>
    <row r="30" spans="1:4" ht="18" customHeight="1" x14ac:dyDescent="0.2">
      <c r="A30" s="31">
        <v>20</v>
      </c>
      <c r="B30" s="27">
        <v>7</v>
      </c>
      <c r="C30" s="28">
        <v>9</v>
      </c>
      <c r="D30" s="29">
        <v>16</v>
      </c>
    </row>
    <row r="31" spans="1:4" ht="18" customHeight="1" x14ac:dyDescent="0.2">
      <c r="A31" s="31">
        <v>21</v>
      </c>
      <c r="B31" s="27">
        <v>10</v>
      </c>
      <c r="C31" s="28">
        <v>2</v>
      </c>
      <c r="D31" s="29">
        <v>12</v>
      </c>
    </row>
    <row r="32" spans="1:4" ht="18" customHeight="1" x14ac:dyDescent="0.2">
      <c r="A32" s="31">
        <v>22</v>
      </c>
      <c r="B32" s="27">
        <v>5</v>
      </c>
      <c r="C32" s="28">
        <v>6</v>
      </c>
      <c r="D32" s="29">
        <v>11</v>
      </c>
    </row>
    <row r="33" spans="1:4" ht="18" customHeight="1" x14ac:dyDescent="0.2">
      <c r="A33" s="31">
        <v>23</v>
      </c>
      <c r="B33" s="27">
        <v>3</v>
      </c>
      <c r="C33" s="28">
        <v>13</v>
      </c>
      <c r="D33" s="29">
        <v>16</v>
      </c>
    </row>
    <row r="34" spans="1:4" ht="18" customHeight="1" x14ac:dyDescent="0.2">
      <c r="A34" s="31">
        <v>24</v>
      </c>
      <c r="B34" s="27">
        <v>7</v>
      </c>
      <c r="C34" s="28">
        <v>8</v>
      </c>
      <c r="D34" s="29">
        <v>15</v>
      </c>
    </row>
    <row r="35" spans="1:4" ht="18" customHeight="1" x14ac:dyDescent="0.2">
      <c r="A35" s="31" t="s">
        <v>71</v>
      </c>
      <c r="B35" s="27">
        <v>32</v>
      </c>
      <c r="C35" s="28">
        <v>38</v>
      </c>
      <c r="D35" s="29">
        <v>70</v>
      </c>
    </row>
    <row r="36" spans="1:4" ht="18" customHeight="1" x14ac:dyDescent="0.2">
      <c r="A36" s="31">
        <v>25</v>
      </c>
      <c r="B36" s="27">
        <v>10</v>
      </c>
      <c r="C36" s="28">
        <v>9</v>
      </c>
      <c r="D36" s="29">
        <v>19</v>
      </c>
    </row>
    <row r="37" spans="1:4" ht="18" customHeight="1" x14ac:dyDescent="0.2">
      <c r="A37" s="31">
        <v>26</v>
      </c>
      <c r="B37" s="27">
        <v>8</v>
      </c>
      <c r="C37" s="28">
        <v>6</v>
      </c>
      <c r="D37" s="29">
        <v>14</v>
      </c>
    </row>
    <row r="38" spans="1:4" ht="18" customHeight="1" x14ac:dyDescent="0.2">
      <c r="A38" s="31">
        <v>27</v>
      </c>
      <c r="B38" s="27">
        <v>9</v>
      </c>
      <c r="C38" s="28">
        <v>9</v>
      </c>
      <c r="D38" s="29">
        <v>18</v>
      </c>
    </row>
    <row r="39" spans="1:4" ht="18" customHeight="1" x14ac:dyDescent="0.2">
      <c r="A39" s="31">
        <v>28</v>
      </c>
      <c r="B39" s="27">
        <v>8</v>
      </c>
      <c r="C39" s="28">
        <v>8</v>
      </c>
      <c r="D39" s="29">
        <v>16</v>
      </c>
    </row>
    <row r="40" spans="1:4" ht="18" customHeight="1" x14ac:dyDescent="0.2">
      <c r="A40" s="31">
        <v>29</v>
      </c>
      <c r="B40" s="27">
        <v>7</v>
      </c>
      <c r="C40" s="28">
        <v>6</v>
      </c>
      <c r="D40" s="29">
        <v>13</v>
      </c>
    </row>
    <row r="41" spans="1:4" ht="18" customHeight="1" x14ac:dyDescent="0.2">
      <c r="A41" s="31" t="s">
        <v>72</v>
      </c>
      <c r="B41" s="27">
        <v>42</v>
      </c>
      <c r="C41" s="28">
        <v>38</v>
      </c>
      <c r="D41" s="29">
        <v>80</v>
      </c>
    </row>
    <row r="42" spans="1:4" ht="18" customHeight="1" x14ac:dyDescent="0.2">
      <c r="A42" s="31">
        <v>30</v>
      </c>
      <c r="B42" s="27">
        <v>12</v>
      </c>
      <c r="C42" s="28">
        <v>9</v>
      </c>
      <c r="D42" s="29">
        <v>21</v>
      </c>
    </row>
    <row r="43" spans="1:4" ht="18" customHeight="1" x14ac:dyDescent="0.2">
      <c r="A43" s="31">
        <v>31</v>
      </c>
      <c r="B43" s="27">
        <v>18</v>
      </c>
      <c r="C43" s="28">
        <v>7</v>
      </c>
      <c r="D43" s="29">
        <v>25</v>
      </c>
    </row>
    <row r="44" spans="1:4" ht="18" customHeight="1" x14ac:dyDescent="0.2">
      <c r="A44" s="31">
        <v>32</v>
      </c>
      <c r="B44" s="27">
        <v>9</v>
      </c>
      <c r="C44" s="28">
        <v>8</v>
      </c>
      <c r="D44" s="29">
        <v>17</v>
      </c>
    </row>
    <row r="45" spans="1:4" ht="18" customHeight="1" x14ac:dyDescent="0.2">
      <c r="A45" s="31">
        <v>33</v>
      </c>
      <c r="B45" s="27">
        <v>10</v>
      </c>
      <c r="C45" s="28">
        <v>3</v>
      </c>
      <c r="D45" s="29">
        <v>13</v>
      </c>
    </row>
    <row r="46" spans="1:4" ht="18" customHeight="1" x14ac:dyDescent="0.2">
      <c r="A46" s="31">
        <v>34</v>
      </c>
      <c r="B46" s="27">
        <v>13</v>
      </c>
      <c r="C46" s="28">
        <v>8</v>
      </c>
      <c r="D46" s="29">
        <v>21</v>
      </c>
    </row>
    <row r="47" spans="1:4" ht="18" customHeight="1" x14ac:dyDescent="0.2">
      <c r="A47" s="31" t="s">
        <v>73</v>
      </c>
      <c r="B47" s="27">
        <v>62</v>
      </c>
      <c r="C47" s="28">
        <v>35</v>
      </c>
      <c r="D47" s="29">
        <v>97</v>
      </c>
    </row>
    <row r="48" spans="1:4" ht="18" customHeight="1" x14ac:dyDescent="0.2">
      <c r="A48" s="31">
        <v>35</v>
      </c>
      <c r="B48" s="27">
        <v>14</v>
      </c>
      <c r="C48" s="28">
        <v>7</v>
      </c>
      <c r="D48" s="29">
        <v>21</v>
      </c>
    </row>
    <row r="49" spans="1:4" ht="18" customHeight="1" x14ac:dyDescent="0.2">
      <c r="A49" s="31">
        <v>36</v>
      </c>
      <c r="B49" s="27">
        <v>7</v>
      </c>
      <c r="C49" s="28">
        <v>8</v>
      </c>
      <c r="D49" s="29">
        <v>15</v>
      </c>
    </row>
    <row r="50" spans="1:4" ht="18" customHeight="1" x14ac:dyDescent="0.2">
      <c r="A50" s="31">
        <v>37</v>
      </c>
      <c r="B50" s="27">
        <v>8</v>
      </c>
      <c r="C50" s="28">
        <v>5</v>
      </c>
      <c r="D50" s="29">
        <v>13</v>
      </c>
    </row>
    <row r="51" spans="1:4" ht="18" customHeight="1" x14ac:dyDescent="0.2">
      <c r="A51" s="31">
        <v>38</v>
      </c>
      <c r="B51" s="27">
        <v>4</v>
      </c>
      <c r="C51" s="28">
        <v>6</v>
      </c>
      <c r="D51" s="29">
        <v>10</v>
      </c>
    </row>
    <row r="52" spans="1:4" ht="18" customHeight="1" x14ac:dyDescent="0.2">
      <c r="A52" s="31">
        <v>39</v>
      </c>
      <c r="B52" s="27">
        <v>8</v>
      </c>
      <c r="C52" s="28">
        <v>8</v>
      </c>
      <c r="D52" s="29">
        <v>16</v>
      </c>
    </row>
    <row r="53" spans="1:4" ht="18" customHeight="1" x14ac:dyDescent="0.2">
      <c r="A53" s="31" t="s">
        <v>74</v>
      </c>
      <c r="B53" s="27">
        <v>41</v>
      </c>
      <c r="C53" s="28">
        <v>34</v>
      </c>
      <c r="D53" s="29">
        <v>75</v>
      </c>
    </row>
    <row r="54" spans="1:4" ht="18" customHeight="1" x14ac:dyDescent="0.2">
      <c r="A54" s="31">
        <v>40</v>
      </c>
      <c r="B54" s="27">
        <v>5</v>
      </c>
      <c r="C54" s="28">
        <v>4</v>
      </c>
      <c r="D54" s="29">
        <v>9</v>
      </c>
    </row>
    <row r="55" spans="1:4" ht="18" customHeight="1" x14ac:dyDescent="0.2">
      <c r="A55" s="31">
        <v>41</v>
      </c>
      <c r="B55" s="27">
        <v>6</v>
      </c>
      <c r="C55" s="28">
        <v>12</v>
      </c>
      <c r="D55" s="29">
        <v>18</v>
      </c>
    </row>
    <row r="56" spans="1:4" ht="18" customHeight="1" x14ac:dyDescent="0.2">
      <c r="A56" s="31">
        <v>42</v>
      </c>
      <c r="B56" s="27">
        <v>11</v>
      </c>
      <c r="C56" s="28">
        <v>12</v>
      </c>
      <c r="D56" s="29">
        <v>23</v>
      </c>
    </row>
    <row r="57" spans="1:4" ht="18" customHeight="1" x14ac:dyDescent="0.2">
      <c r="A57" s="31">
        <v>43</v>
      </c>
      <c r="B57" s="27">
        <v>11</v>
      </c>
      <c r="C57" s="28">
        <v>10</v>
      </c>
      <c r="D57" s="29">
        <v>21</v>
      </c>
    </row>
    <row r="58" spans="1:4" ht="18" customHeight="1" x14ac:dyDescent="0.2">
      <c r="A58" s="31">
        <v>44</v>
      </c>
      <c r="B58" s="27">
        <v>10</v>
      </c>
      <c r="C58" s="28">
        <v>11</v>
      </c>
      <c r="D58" s="29">
        <v>21</v>
      </c>
    </row>
    <row r="59" spans="1:4" ht="18" customHeight="1" x14ac:dyDescent="0.2">
      <c r="A59" s="31" t="s">
        <v>75</v>
      </c>
      <c r="B59" s="27">
        <v>43</v>
      </c>
      <c r="C59" s="28">
        <v>49</v>
      </c>
      <c r="D59" s="29">
        <v>92</v>
      </c>
    </row>
    <row r="60" spans="1:4" ht="18" customHeight="1" x14ac:dyDescent="0.2">
      <c r="A60" s="31">
        <v>45</v>
      </c>
      <c r="B60" s="27">
        <v>7</v>
      </c>
      <c r="C60" s="28">
        <v>9</v>
      </c>
      <c r="D60" s="29">
        <v>16</v>
      </c>
    </row>
    <row r="61" spans="1:4" ht="18" customHeight="1" x14ac:dyDescent="0.2">
      <c r="A61" s="31">
        <v>46</v>
      </c>
      <c r="B61" s="27">
        <v>7</v>
      </c>
      <c r="C61" s="28">
        <v>11</v>
      </c>
      <c r="D61" s="29">
        <v>18</v>
      </c>
    </row>
    <row r="62" spans="1:4" ht="18" customHeight="1" x14ac:dyDescent="0.2">
      <c r="A62" s="31">
        <v>47</v>
      </c>
      <c r="B62" s="27">
        <v>10</v>
      </c>
      <c r="C62" s="28">
        <v>8</v>
      </c>
      <c r="D62" s="29">
        <v>18</v>
      </c>
    </row>
    <row r="63" spans="1:4" ht="18" customHeight="1" x14ac:dyDescent="0.2">
      <c r="A63" s="31">
        <v>48</v>
      </c>
      <c r="B63" s="27">
        <v>5</v>
      </c>
      <c r="C63" s="28">
        <v>5</v>
      </c>
      <c r="D63" s="29">
        <v>10</v>
      </c>
    </row>
    <row r="64" spans="1:4" ht="18" customHeight="1" x14ac:dyDescent="0.2">
      <c r="A64" s="31">
        <v>49</v>
      </c>
      <c r="B64" s="27">
        <v>14</v>
      </c>
      <c r="C64" s="28">
        <v>8</v>
      </c>
      <c r="D64" s="29">
        <v>22</v>
      </c>
    </row>
    <row r="65" spans="1:4" ht="18" customHeight="1" x14ac:dyDescent="0.2">
      <c r="A65" s="31" t="s">
        <v>76</v>
      </c>
      <c r="B65" s="27">
        <v>43</v>
      </c>
      <c r="C65" s="28">
        <v>41</v>
      </c>
      <c r="D65" s="29">
        <v>84</v>
      </c>
    </row>
    <row r="66" spans="1:4" ht="18" customHeight="1" x14ac:dyDescent="0.2">
      <c r="A66" s="31">
        <v>50</v>
      </c>
      <c r="B66" s="27">
        <v>8</v>
      </c>
      <c r="C66" s="28">
        <v>10</v>
      </c>
      <c r="D66" s="29">
        <v>18</v>
      </c>
    </row>
    <row r="67" spans="1:4" ht="18" customHeight="1" x14ac:dyDescent="0.2">
      <c r="A67" s="31">
        <v>51</v>
      </c>
      <c r="B67" s="27">
        <v>9</v>
      </c>
      <c r="C67" s="28">
        <v>7</v>
      </c>
      <c r="D67" s="29">
        <v>16</v>
      </c>
    </row>
    <row r="68" spans="1:4" ht="18" customHeight="1" x14ac:dyDescent="0.2">
      <c r="A68" s="31">
        <v>52</v>
      </c>
      <c r="B68" s="27">
        <v>8</v>
      </c>
      <c r="C68" s="28">
        <v>8</v>
      </c>
      <c r="D68" s="29">
        <v>16</v>
      </c>
    </row>
    <row r="69" spans="1:4" ht="18" customHeight="1" x14ac:dyDescent="0.2">
      <c r="A69" s="31">
        <v>53</v>
      </c>
      <c r="B69" s="27">
        <v>9</v>
      </c>
      <c r="C69" s="28">
        <v>9</v>
      </c>
      <c r="D69" s="29">
        <v>18</v>
      </c>
    </row>
    <row r="70" spans="1:4" ht="18" customHeight="1" x14ac:dyDescent="0.2">
      <c r="A70" s="31">
        <v>54</v>
      </c>
      <c r="B70" s="27">
        <v>10</v>
      </c>
      <c r="C70" s="28">
        <v>12</v>
      </c>
      <c r="D70" s="29">
        <v>22</v>
      </c>
    </row>
    <row r="71" spans="1:4" ht="18" customHeight="1" x14ac:dyDescent="0.2">
      <c r="A71" s="31" t="s">
        <v>77</v>
      </c>
      <c r="B71" s="27">
        <v>44</v>
      </c>
      <c r="C71" s="28">
        <v>46</v>
      </c>
      <c r="D71" s="29">
        <v>90</v>
      </c>
    </row>
    <row r="72" spans="1:4" ht="18" customHeight="1" x14ac:dyDescent="0.2">
      <c r="A72" s="31">
        <v>55</v>
      </c>
      <c r="B72" s="27">
        <v>20</v>
      </c>
      <c r="C72" s="28">
        <v>12</v>
      </c>
      <c r="D72" s="29">
        <v>32</v>
      </c>
    </row>
    <row r="73" spans="1:4" ht="18" customHeight="1" x14ac:dyDescent="0.2">
      <c r="A73" s="31">
        <v>56</v>
      </c>
      <c r="B73" s="27">
        <v>9</v>
      </c>
      <c r="C73" s="28">
        <v>19</v>
      </c>
      <c r="D73" s="29">
        <v>28</v>
      </c>
    </row>
    <row r="74" spans="1:4" ht="18" customHeight="1" x14ac:dyDescent="0.2">
      <c r="A74" s="31">
        <v>57</v>
      </c>
      <c r="B74" s="27">
        <v>10</v>
      </c>
      <c r="C74" s="28">
        <v>16</v>
      </c>
      <c r="D74" s="29">
        <v>26</v>
      </c>
    </row>
    <row r="75" spans="1:4" ht="18" customHeight="1" x14ac:dyDescent="0.2">
      <c r="A75" s="31">
        <v>58</v>
      </c>
      <c r="B75" s="27">
        <v>16</v>
      </c>
      <c r="C75" s="28">
        <v>12</v>
      </c>
      <c r="D75" s="29">
        <v>28</v>
      </c>
    </row>
    <row r="76" spans="1:4" ht="18" customHeight="1" x14ac:dyDescent="0.2">
      <c r="A76" s="31">
        <v>59</v>
      </c>
      <c r="B76" s="27">
        <v>14</v>
      </c>
      <c r="C76" s="28">
        <v>19</v>
      </c>
      <c r="D76" s="29">
        <v>33</v>
      </c>
    </row>
    <row r="77" spans="1:4" ht="18" customHeight="1" x14ac:dyDescent="0.2">
      <c r="A77" s="31" t="s">
        <v>78</v>
      </c>
      <c r="B77" s="27">
        <v>69</v>
      </c>
      <c r="C77" s="28">
        <v>78</v>
      </c>
      <c r="D77" s="29">
        <v>147</v>
      </c>
    </row>
    <row r="78" spans="1:4" ht="18" customHeight="1" x14ac:dyDescent="0.2">
      <c r="A78" s="31">
        <v>60</v>
      </c>
      <c r="B78" s="27">
        <v>24</v>
      </c>
      <c r="C78" s="28">
        <v>12</v>
      </c>
      <c r="D78" s="29">
        <v>36</v>
      </c>
    </row>
    <row r="79" spans="1:4" ht="18" customHeight="1" x14ac:dyDescent="0.2">
      <c r="A79" s="31">
        <v>61</v>
      </c>
      <c r="B79" s="27">
        <v>28</v>
      </c>
      <c r="C79" s="28">
        <v>15</v>
      </c>
      <c r="D79" s="29">
        <v>43</v>
      </c>
    </row>
    <row r="80" spans="1:4" ht="18" customHeight="1" x14ac:dyDescent="0.2">
      <c r="A80" s="31">
        <v>62</v>
      </c>
      <c r="B80" s="27">
        <v>16</v>
      </c>
      <c r="C80" s="28">
        <v>10</v>
      </c>
      <c r="D80" s="29">
        <v>26</v>
      </c>
    </row>
    <row r="81" spans="1:4" ht="18" customHeight="1" x14ac:dyDescent="0.2">
      <c r="A81" s="31">
        <v>63</v>
      </c>
      <c r="B81" s="27">
        <v>5</v>
      </c>
      <c r="C81" s="28">
        <v>5</v>
      </c>
      <c r="D81" s="29">
        <v>10</v>
      </c>
    </row>
    <row r="82" spans="1:4" ht="18" customHeight="1" x14ac:dyDescent="0.2">
      <c r="A82" s="31">
        <v>64</v>
      </c>
      <c r="B82" s="27">
        <v>11</v>
      </c>
      <c r="C82" s="28">
        <v>7</v>
      </c>
      <c r="D82" s="29">
        <v>18</v>
      </c>
    </row>
    <row r="83" spans="1:4" ht="18" customHeight="1" x14ac:dyDescent="0.2">
      <c r="A83" s="31" t="s">
        <v>79</v>
      </c>
      <c r="B83" s="27">
        <v>84</v>
      </c>
      <c r="C83" s="28">
        <v>49</v>
      </c>
      <c r="D83" s="29">
        <v>133</v>
      </c>
    </row>
    <row r="84" spans="1:4" ht="18" customHeight="1" x14ac:dyDescent="0.2">
      <c r="A84" s="31" t="s">
        <v>80</v>
      </c>
      <c r="B84" s="27">
        <v>510</v>
      </c>
      <c r="C84" s="28">
        <v>440</v>
      </c>
      <c r="D84" s="29">
        <v>950</v>
      </c>
    </row>
    <row r="85" spans="1:4" ht="18" customHeight="1" x14ac:dyDescent="0.2">
      <c r="A85" s="31">
        <v>65</v>
      </c>
      <c r="B85" s="27">
        <v>8</v>
      </c>
      <c r="C85" s="28">
        <v>12</v>
      </c>
      <c r="D85" s="29">
        <v>20</v>
      </c>
    </row>
    <row r="86" spans="1:4" ht="18" customHeight="1" x14ac:dyDescent="0.2">
      <c r="A86" s="31">
        <v>66</v>
      </c>
      <c r="B86" s="27">
        <v>7</v>
      </c>
      <c r="C86" s="28">
        <v>13</v>
      </c>
      <c r="D86" s="29">
        <v>20</v>
      </c>
    </row>
    <row r="87" spans="1:4" ht="18" customHeight="1" x14ac:dyDescent="0.2">
      <c r="A87" s="31">
        <v>67</v>
      </c>
      <c r="B87" s="27">
        <v>12</v>
      </c>
      <c r="C87" s="28">
        <v>6</v>
      </c>
      <c r="D87" s="29">
        <v>18</v>
      </c>
    </row>
    <row r="88" spans="1:4" ht="18" customHeight="1" x14ac:dyDescent="0.2">
      <c r="A88" s="31">
        <v>68</v>
      </c>
      <c r="B88" s="27">
        <v>5</v>
      </c>
      <c r="C88" s="28">
        <v>13</v>
      </c>
      <c r="D88" s="29">
        <v>18</v>
      </c>
    </row>
    <row r="89" spans="1:4" ht="18" customHeight="1" x14ac:dyDescent="0.2">
      <c r="A89" s="31">
        <v>69</v>
      </c>
      <c r="B89" s="27">
        <v>10</v>
      </c>
      <c r="C89" s="28">
        <v>7</v>
      </c>
      <c r="D89" s="29">
        <v>17</v>
      </c>
    </row>
    <row r="90" spans="1:4" ht="18" customHeight="1" x14ac:dyDescent="0.2">
      <c r="A90" s="31" t="s">
        <v>81</v>
      </c>
      <c r="B90" s="27">
        <v>42</v>
      </c>
      <c r="C90" s="28">
        <v>51</v>
      </c>
      <c r="D90" s="29">
        <v>93</v>
      </c>
    </row>
    <row r="91" spans="1:4" ht="18" customHeight="1" x14ac:dyDescent="0.2">
      <c r="A91" s="31">
        <v>70</v>
      </c>
      <c r="B91" s="27">
        <v>10</v>
      </c>
      <c r="C91" s="28">
        <v>11</v>
      </c>
      <c r="D91" s="29">
        <v>21</v>
      </c>
    </row>
    <row r="92" spans="1:4" ht="18" customHeight="1" x14ac:dyDescent="0.2">
      <c r="A92" s="31">
        <v>71</v>
      </c>
      <c r="B92" s="27">
        <v>9</v>
      </c>
      <c r="C92" s="28">
        <v>14</v>
      </c>
      <c r="D92" s="29">
        <v>23</v>
      </c>
    </row>
    <row r="93" spans="1:4" ht="18" customHeight="1" x14ac:dyDescent="0.2">
      <c r="A93" s="31">
        <v>72</v>
      </c>
      <c r="B93" s="27">
        <v>15</v>
      </c>
      <c r="C93" s="28">
        <v>11</v>
      </c>
      <c r="D93" s="29">
        <v>26</v>
      </c>
    </row>
    <row r="94" spans="1:4" ht="18" customHeight="1" x14ac:dyDescent="0.2">
      <c r="A94" s="31">
        <v>73</v>
      </c>
      <c r="B94" s="27">
        <v>12</v>
      </c>
      <c r="C94" s="28">
        <v>18</v>
      </c>
      <c r="D94" s="29">
        <v>30</v>
      </c>
    </row>
    <row r="95" spans="1:4" ht="18" customHeight="1" x14ac:dyDescent="0.2">
      <c r="A95" s="31">
        <v>74</v>
      </c>
      <c r="B95" s="27">
        <v>8</v>
      </c>
      <c r="C95" s="28">
        <v>12</v>
      </c>
      <c r="D95" s="29">
        <v>20</v>
      </c>
    </row>
    <row r="96" spans="1:4" ht="18" customHeight="1" x14ac:dyDescent="0.2">
      <c r="A96" s="31" t="s">
        <v>82</v>
      </c>
      <c r="B96" s="27">
        <v>54</v>
      </c>
      <c r="C96" s="28">
        <v>66</v>
      </c>
      <c r="D96" s="29">
        <v>120</v>
      </c>
    </row>
    <row r="97" spans="1:4" ht="18" customHeight="1" x14ac:dyDescent="0.2">
      <c r="A97" s="31">
        <v>75</v>
      </c>
      <c r="B97" s="27">
        <v>13</v>
      </c>
      <c r="C97" s="28">
        <v>11</v>
      </c>
      <c r="D97" s="29">
        <v>24</v>
      </c>
    </row>
    <row r="98" spans="1:4" ht="18" customHeight="1" x14ac:dyDescent="0.2">
      <c r="A98" s="31">
        <v>76</v>
      </c>
      <c r="B98" s="27">
        <v>9</v>
      </c>
      <c r="C98" s="28">
        <v>11</v>
      </c>
      <c r="D98" s="29">
        <v>20</v>
      </c>
    </row>
    <row r="99" spans="1:4" ht="18" customHeight="1" x14ac:dyDescent="0.2">
      <c r="A99" s="31">
        <v>77</v>
      </c>
      <c r="B99" s="27">
        <v>8</v>
      </c>
      <c r="C99" s="28">
        <v>6</v>
      </c>
      <c r="D99" s="29">
        <v>14</v>
      </c>
    </row>
    <row r="100" spans="1:4" ht="18" customHeight="1" x14ac:dyDescent="0.2">
      <c r="A100" s="31">
        <v>78</v>
      </c>
      <c r="B100" s="27">
        <v>9</v>
      </c>
      <c r="C100" s="28">
        <v>11</v>
      </c>
      <c r="D100" s="29">
        <v>20</v>
      </c>
    </row>
    <row r="101" spans="1:4" ht="18" customHeight="1" x14ac:dyDescent="0.2">
      <c r="A101" s="31">
        <v>79</v>
      </c>
      <c r="B101" s="27">
        <v>7</v>
      </c>
      <c r="C101" s="28">
        <v>13</v>
      </c>
      <c r="D101" s="29">
        <v>20</v>
      </c>
    </row>
    <row r="102" spans="1:4" ht="18" customHeight="1" x14ac:dyDescent="0.2">
      <c r="A102" s="31" t="s">
        <v>83</v>
      </c>
      <c r="B102" s="27">
        <v>46</v>
      </c>
      <c r="C102" s="28">
        <v>52</v>
      </c>
      <c r="D102" s="29">
        <v>98</v>
      </c>
    </row>
    <row r="103" spans="1:4" ht="18" customHeight="1" x14ac:dyDescent="0.2">
      <c r="A103" s="31">
        <v>80</v>
      </c>
      <c r="B103" s="27">
        <v>12</v>
      </c>
      <c r="C103" s="28">
        <v>11</v>
      </c>
      <c r="D103" s="29">
        <v>23</v>
      </c>
    </row>
    <row r="104" spans="1:4" ht="18" customHeight="1" x14ac:dyDescent="0.2">
      <c r="A104" s="31">
        <v>81</v>
      </c>
      <c r="B104" s="27">
        <v>10</v>
      </c>
      <c r="C104" s="28">
        <v>15</v>
      </c>
      <c r="D104" s="29">
        <v>25</v>
      </c>
    </row>
    <row r="105" spans="1:4" ht="18" customHeight="1" x14ac:dyDescent="0.2">
      <c r="A105" s="31">
        <v>82</v>
      </c>
      <c r="B105" s="27">
        <v>6</v>
      </c>
      <c r="C105" s="28">
        <v>13</v>
      </c>
      <c r="D105" s="29">
        <v>19</v>
      </c>
    </row>
    <row r="106" spans="1:4" ht="18" customHeight="1" x14ac:dyDescent="0.2">
      <c r="A106" s="31">
        <v>83</v>
      </c>
      <c r="B106" s="27">
        <v>9</v>
      </c>
      <c r="C106" s="28">
        <v>14</v>
      </c>
      <c r="D106" s="29">
        <v>23</v>
      </c>
    </row>
    <row r="107" spans="1:4" ht="18" customHeight="1" x14ac:dyDescent="0.2">
      <c r="A107" s="31">
        <v>84</v>
      </c>
      <c r="B107" s="27">
        <v>6</v>
      </c>
      <c r="C107" s="28">
        <v>9</v>
      </c>
      <c r="D107" s="29">
        <v>15</v>
      </c>
    </row>
    <row r="108" spans="1:4" ht="18" customHeight="1" x14ac:dyDescent="0.2">
      <c r="A108" s="31" t="s">
        <v>84</v>
      </c>
      <c r="B108" s="27">
        <v>43</v>
      </c>
      <c r="C108" s="28">
        <v>62</v>
      </c>
      <c r="D108" s="29">
        <v>105</v>
      </c>
    </row>
    <row r="109" spans="1:4" ht="18" customHeight="1" x14ac:dyDescent="0.2">
      <c r="A109" s="31">
        <v>85</v>
      </c>
      <c r="B109" s="27">
        <v>4</v>
      </c>
      <c r="C109" s="28">
        <v>6</v>
      </c>
      <c r="D109" s="29">
        <v>10</v>
      </c>
    </row>
    <row r="110" spans="1:4" ht="18" customHeight="1" x14ac:dyDescent="0.2">
      <c r="A110" s="31">
        <v>86</v>
      </c>
      <c r="B110" s="27">
        <v>8</v>
      </c>
      <c r="C110" s="28">
        <v>12</v>
      </c>
      <c r="D110" s="29">
        <v>20</v>
      </c>
    </row>
    <row r="111" spans="1:4" ht="18" customHeight="1" x14ac:dyDescent="0.2">
      <c r="A111" s="31">
        <v>87</v>
      </c>
      <c r="B111" s="27">
        <v>2</v>
      </c>
      <c r="C111" s="28">
        <v>7</v>
      </c>
      <c r="D111" s="29">
        <v>9</v>
      </c>
    </row>
    <row r="112" spans="1:4" ht="18" customHeight="1" x14ac:dyDescent="0.2">
      <c r="A112" s="31">
        <v>88</v>
      </c>
      <c r="B112" s="27">
        <v>3</v>
      </c>
      <c r="C112" s="28">
        <v>8</v>
      </c>
      <c r="D112" s="29">
        <v>11</v>
      </c>
    </row>
    <row r="113" spans="1:4" ht="18" customHeight="1" x14ac:dyDescent="0.2">
      <c r="A113" s="31">
        <v>89</v>
      </c>
      <c r="B113" s="27">
        <v>2</v>
      </c>
      <c r="C113" s="28">
        <v>3</v>
      </c>
      <c r="D113" s="29">
        <v>5</v>
      </c>
    </row>
    <row r="114" spans="1:4" ht="18" customHeight="1" x14ac:dyDescent="0.2">
      <c r="A114" s="31" t="s">
        <v>85</v>
      </c>
      <c r="B114" s="27">
        <v>19</v>
      </c>
      <c r="C114" s="28">
        <v>36</v>
      </c>
      <c r="D114" s="29">
        <v>55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5</v>
      </c>
      <c r="D116" s="29">
        <v>5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86</v>
      </c>
      <c r="B120" s="27">
        <v>5</v>
      </c>
      <c r="C120" s="28">
        <v>13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09</v>
      </c>
      <c r="C130" s="5">
        <v>283</v>
      </c>
      <c r="D130" s="6">
        <v>492</v>
      </c>
    </row>
    <row r="131" spans="1:4" ht="18" customHeight="1" x14ac:dyDescent="0.2">
      <c r="A131" s="33" t="s">
        <v>65</v>
      </c>
      <c r="B131" s="7">
        <v>814</v>
      </c>
      <c r="C131" s="8">
        <v>802</v>
      </c>
      <c r="D131" s="9">
        <v>161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19</v>
      </c>
      <c r="C5" s="12">
        <v>15</v>
      </c>
      <c r="D5" s="13">
        <v>34</v>
      </c>
    </row>
    <row r="6" spans="1:4" ht="18" customHeight="1" x14ac:dyDescent="0.2">
      <c r="A6" s="14">
        <v>1</v>
      </c>
      <c r="B6" s="15">
        <v>14</v>
      </c>
      <c r="C6" s="16">
        <v>4</v>
      </c>
      <c r="D6" s="17">
        <v>18</v>
      </c>
    </row>
    <row r="7" spans="1:4" ht="18" customHeight="1" x14ac:dyDescent="0.2">
      <c r="A7" s="14">
        <v>2</v>
      </c>
      <c r="B7" s="15">
        <v>16</v>
      </c>
      <c r="C7" s="16">
        <v>15</v>
      </c>
      <c r="D7" s="17">
        <v>31</v>
      </c>
    </row>
    <row r="8" spans="1:4" ht="18" customHeight="1" x14ac:dyDescent="0.2">
      <c r="A8" s="14">
        <v>3</v>
      </c>
      <c r="B8" s="15">
        <v>11</v>
      </c>
      <c r="C8" s="16">
        <v>11</v>
      </c>
      <c r="D8" s="17">
        <v>22</v>
      </c>
    </row>
    <row r="9" spans="1:4" ht="18" customHeight="1" x14ac:dyDescent="0.2">
      <c r="A9" s="14">
        <v>4</v>
      </c>
      <c r="B9" s="15">
        <v>13</v>
      </c>
      <c r="C9" s="16">
        <v>10</v>
      </c>
      <c r="D9" s="17">
        <v>23</v>
      </c>
    </row>
    <row r="10" spans="1:4" ht="18" customHeight="1" x14ac:dyDescent="0.2">
      <c r="A10" s="18" t="s">
        <v>66</v>
      </c>
      <c r="B10" s="15">
        <v>73</v>
      </c>
      <c r="C10" s="16">
        <v>55</v>
      </c>
      <c r="D10" s="17">
        <v>128</v>
      </c>
    </row>
    <row r="11" spans="1:4" ht="18" customHeight="1" x14ac:dyDescent="0.2">
      <c r="A11" s="14">
        <v>5</v>
      </c>
      <c r="B11" s="15">
        <v>16</v>
      </c>
      <c r="C11" s="16">
        <v>9</v>
      </c>
      <c r="D11" s="17">
        <v>25</v>
      </c>
    </row>
    <row r="12" spans="1:4" ht="18" customHeight="1" x14ac:dyDescent="0.2">
      <c r="A12" s="14">
        <v>6</v>
      </c>
      <c r="B12" s="15">
        <v>16</v>
      </c>
      <c r="C12" s="16">
        <v>12</v>
      </c>
      <c r="D12" s="17">
        <v>28</v>
      </c>
    </row>
    <row r="13" spans="1:4" ht="18" customHeight="1" x14ac:dyDescent="0.2">
      <c r="A13" s="14">
        <v>7</v>
      </c>
      <c r="B13" s="15">
        <v>11</v>
      </c>
      <c r="C13" s="16">
        <v>12</v>
      </c>
      <c r="D13" s="17">
        <v>23</v>
      </c>
    </row>
    <row r="14" spans="1:4" ht="18" customHeight="1" x14ac:dyDescent="0.2">
      <c r="A14" s="14">
        <v>8</v>
      </c>
      <c r="B14" s="15">
        <v>19</v>
      </c>
      <c r="C14" s="16">
        <v>14</v>
      </c>
      <c r="D14" s="17">
        <v>33</v>
      </c>
    </row>
    <row r="15" spans="1:4" ht="18" customHeight="1" x14ac:dyDescent="0.2">
      <c r="A15" s="14">
        <v>9</v>
      </c>
      <c r="B15" s="15">
        <v>17</v>
      </c>
      <c r="C15" s="16">
        <v>8</v>
      </c>
      <c r="D15" s="17">
        <v>25</v>
      </c>
    </row>
    <row r="16" spans="1:4" ht="18" customHeight="1" x14ac:dyDescent="0.2">
      <c r="A16" s="18" t="s">
        <v>67</v>
      </c>
      <c r="B16" s="15">
        <v>79</v>
      </c>
      <c r="C16" s="16">
        <v>55</v>
      </c>
      <c r="D16" s="17">
        <v>134</v>
      </c>
    </row>
    <row r="17" spans="1:4" ht="18" customHeight="1" x14ac:dyDescent="0.2">
      <c r="A17" s="14">
        <v>10</v>
      </c>
      <c r="B17" s="15">
        <v>18</v>
      </c>
      <c r="C17" s="16">
        <v>19</v>
      </c>
      <c r="D17" s="17">
        <v>37</v>
      </c>
    </row>
    <row r="18" spans="1:4" ht="18" customHeight="1" x14ac:dyDescent="0.2">
      <c r="A18" s="14">
        <v>11</v>
      </c>
      <c r="B18" s="15">
        <v>15</v>
      </c>
      <c r="C18" s="16">
        <v>14</v>
      </c>
      <c r="D18" s="17">
        <v>29</v>
      </c>
    </row>
    <row r="19" spans="1:4" ht="18" customHeight="1" x14ac:dyDescent="0.2">
      <c r="A19" s="14">
        <v>12</v>
      </c>
      <c r="B19" s="15">
        <v>11</v>
      </c>
      <c r="C19" s="16">
        <v>17</v>
      </c>
      <c r="D19" s="17">
        <v>28</v>
      </c>
    </row>
    <row r="20" spans="1:4" ht="18" customHeight="1" x14ac:dyDescent="0.2">
      <c r="A20" s="14">
        <v>13</v>
      </c>
      <c r="B20" s="15">
        <v>18</v>
      </c>
      <c r="C20" s="16">
        <v>17</v>
      </c>
      <c r="D20" s="17">
        <v>35</v>
      </c>
    </row>
    <row r="21" spans="1:4" ht="18" customHeight="1" x14ac:dyDescent="0.2">
      <c r="A21" s="14">
        <v>14</v>
      </c>
      <c r="B21" s="15">
        <v>23</v>
      </c>
      <c r="C21" s="16">
        <v>18</v>
      </c>
      <c r="D21" s="17">
        <v>41</v>
      </c>
    </row>
    <row r="22" spans="1:4" ht="18" customHeight="1" x14ac:dyDescent="0.2">
      <c r="A22" s="18" t="s">
        <v>68</v>
      </c>
      <c r="B22" s="15">
        <v>85</v>
      </c>
      <c r="C22" s="16">
        <v>85</v>
      </c>
      <c r="D22" s="17">
        <v>170</v>
      </c>
    </row>
    <row r="23" spans="1:4" ht="18" customHeight="1" x14ac:dyDescent="0.2">
      <c r="A23" s="18" t="s">
        <v>69</v>
      </c>
      <c r="B23" s="15">
        <v>237</v>
      </c>
      <c r="C23" s="16">
        <v>195</v>
      </c>
      <c r="D23" s="17">
        <v>432</v>
      </c>
    </row>
    <row r="24" spans="1:4" ht="18" customHeight="1" x14ac:dyDescent="0.2">
      <c r="A24" s="14">
        <v>15</v>
      </c>
      <c r="B24" s="15">
        <v>19</v>
      </c>
      <c r="C24" s="16">
        <v>10</v>
      </c>
      <c r="D24" s="17">
        <v>29</v>
      </c>
    </row>
    <row r="25" spans="1:4" ht="18" customHeight="1" x14ac:dyDescent="0.2">
      <c r="A25" s="14">
        <v>16</v>
      </c>
      <c r="B25" s="15">
        <v>24</v>
      </c>
      <c r="C25" s="16">
        <v>19</v>
      </c>
      <c r="D25" s="17">
        <v>43</v>
      </c>
    </row>
    <row r="26" spans="1:4" ht="18" customHeight="1" x14ac:dyDescent="0.2">
      <c r="A26" s="14">
        <v>17</v>
      </c>
      <c r="B26" s="15">
        <v>12</v>
      </c>
      <c r="C26" s="16">
        <v>20</v>
      </c>
      <c r="D26" s="17">
        <v>32</v>
      </c>
    </row>
    <row r="27" spans="1:4" ht="18" customHeight="1" x14ac:dyDescent="0.2">
      <c r="A27" s="14">
        <v>18</v>
      </c>
      <c r="B27" s="15">
        <v>21</v>
      </c>
      <c r="C27" s="16">
        <v>17</v>
      </c>
      <c r="D27" s="17">
        <v>38</v>
      </c>
    </row>
    <row r="28" spans="1:4" ht="18" customHeight="1" x14ac:dyDescent="0.2">
      <c r="A28" s="14">
        <v>19</v>
      </c>
      <c r="B28" s="15">
        <v>18</v>
      </c>
      <c r="C28" s="16">
        <v>14</v>
      </c>
      <c r="D28" s="17">
        <v>32</v>
      </c>
    </row>
    <row r="29" spans="1:4" ht="18" customHeight="1" x14ac:dyDescent="0.2">
      <c r="A29" s="18" t="s">
        <v>70</v>
      </c>
      <c r="B29" s="15">
        <v>94</v>
      </c>
      <c r="C29" s="16">
        <v>80</v>
      </c>
      <c r="D29" s="17">
        <v>174</v>
      </c>
    </row>
    <row r="30" spans="1:4" ht="18" customHeight="1" x14ac:dyDescent="0.2">
      <c r="A30" s="14">
        <v>20</v>
      </c>
      <c r="B30" s="15">
        <v>16</v>
      </c>
      <c r="C30" s="16">
        <v>19</v>
      </c>
      <c r="D30" s="17">
        <v>35</v>
      </c>
    </row>
    <row r="31" spans="1:4" ht="18" customHeight="1" x14ac:dyDescent="0.2">
      <c r="A31" s="14">
        <v>21</v>
      </c>
      <c r="B31" s="15">
        <v>18</v>
      </c>
      <c r="C31" s="16">
        <v>22</v>
      </c>
      <c r="D31" s="17">
        <v>40</v>
      </c>
    </row>
    <row r="32" spans="1:4" ht="18" customHeight="1" x14ac:dyDescent="0.2">
      <c r="A32" s="14">
        <v>22</v>
      </c>
      <c r="B32" s="15">
        <v>24</v>
      </c>
      <c r="C32" s="16">
        <v>12</v>
      </c>
      <c r="D32" s="17">
        <v>36</v>
      </c>
    </row>
    <row r="33" spans="1:4" ht="18" customHeight="1" x14ac:dyDescent="0.2">
      <c r="A33" s="14">
        <v>23</v>
      </c>
      <c r="B33" s="15">
        <v>20</v>
      </c>
      <c r="C33" s="16">
        <v>16</v>
      </c>
      <c r="D33" s="17">
        <v>36</v>
      </c>
    </row>
    <row r="34" spans="1:4" ht="18" customHeight="1" x14ac:dyDescent="0.2">
      <c r="A34" s="14">
        <v>24</v>
      </c>
      <c r="B34" s="15">
        <v>23</v>
      </c>
      <c r="C34" s="16">
        <v>15</v>
      </c>
      <c r="D34" s="17">
        <v>38</v>
      </c>
    </row>
    <row r="35" spans="1:4" ht="18" customHeight="1" x14ac:dyDescent="0.2">
      <c r="A35" s="18" t="s">
        <v>71</v>
      </c>
      <c r="B35" s="15">
        <v>101</v>
      </c>
      <c r="C35" s="16">
        <v>84</v>
      </c>
      <c r="D35" s="17">
        <v>185</v>
      </c>
    </row>
    <row r="36" spans="1:4" ht="18" customHeight="1" x14ac:dyDescent="0.2">
      <c r="A36" s="14">
        <v>25</v>
      </c>
      <c r="B36" s="15">
        <v>18</v>
      </c>
      <c r="C36" s="16">
        <v>30</v>
      </c>
      <c r="D36" s="17">
        <v>48</v>
      </c>
    </row>
    <row r="37" spans="1:4" ht="18" customHeight="1" x14ac:dyDescent="0.2">
      <c r="A37" s="14">
        <v>26</v>
      </c>
      <c r="B37" s="15">
        <v>22</v>
      </c>
      <c r="C37" s="16">
        <v>14</v>
      </c>
      <c r="D37" s="17">
        <v>36</v>
      </c>
    </row>
    <row r="38" spans="1:4" ht="18" customHeight="1" x14ac:dyDescent="0.2">
      <c r="A38" s="14">
        <v>27</v>
      </c>
      <c r="B38" s="15">
        <v>20</v>
      </c>
      <c r="C38" s="16">
        <v>19</v>
      </c>
      <c r="D38" s="17">
        <v>39</v>
      </c>
    </row>
    <row r="39" spans="1:4" ht="18" customHeight="1" x14ac:dyDescent="0.2">
      <c r="A39" s="14">
        <v>28</v>
      </c>
      <c r="B39" s="15">
        <v>22</v>
      </c>
      <c r="C39" s="16">
        <v>20</v>
      </c>
      <c r="D39" s="17">
        <v>42</v>
      </c>
    </row>
    <row r="40" spans="1:4" ht="18" customHeight="1" x14ac:dyDescent="0.2">
      <c r="A40" s="14">
        <v>29</v>
      </c>
      <c r="B40" s="15">
        <v>26</v>
      </c>
      <c r="C40" s="16">
        <v>19</v>
      </c>
      <c r="D40" s="17">
        <v>45</v>
      </c>
    </row>
    <row r="41" spans="1:4" ht="18" customHeight="1" x14ac:dyDescent="0.2">
      <c r="A41" s="18" t="s">
        <v>72</v>
      </c>
      <c r="B41" s="15">
        <v>108</v>
      </c>
      <c r="C41" s="16">
        <v>102</v>
      </c>
      <c r="D41" s="17">
        <v>210</v>
      </c>
    </row>
    <row r="42" spans="1:4" ht="18" customHeight="1" x14ac:dyDescent="0.2">
      <c r="A42" s="14">
        <v>30</v>
      </c>
      <c r="B42" s="15">
        <v>23</v>
      </c>
      <c r="C42" s="16">
        <v>26</v>
      </c>
      <c r="D42" s="17">
        <v>49</v>
      </c>
    </row>
    <row r="43" spans="1:4" ht="18" customHeight="1" x14ac:dyDescent="0.2">
      <c r="A43" s="14">
        <v>31</v>
      </c>
      <c r="B43" s="15">
        <v>30</v>
      </c>
      <c r="C43" s="16">
        <v>24</v>
      </c>
      <c r="D43" s="17">
        <v>54</v>
      </c>
    </row>
    <row r="44" spans="1:4" ht="18" customHeight="1" x14ac:dyDescent="0.2">
      <c r="A44" s="14">
        <v>32</v>
      </c>
      <c r="B44" s="15">
        <v>26</v>
      </c>
      <c r="C44" s="16">
        <v>17</v>
      </c>
      <c r="D44" s="17">
        <v>43</v>
      </c>
    </row>
    <row r="45" spans="1:4" ht="18" customHeight="1" x14ac:dyDescent="0.2">
      <c r="A45" s="14">
        <v>33</v>
      </c>
      <c r="B45" s="15">
        <v>21</v>
      </c>
      <c r="C45" s="16">
        <v>30</v>
      </c>
      <c r="D45" s="17">
        <v>51</v>
      </c>
    </row>
    <row r="46" spans="1:4" ht="18" customHeight="1" x14ac:dyDescent="0.2">
      <c r="A46" s="14">
        <v>34</v>
      </c>
      <c r="B46" s="15">
        <v>33</v>
      </c>
      <c r="C46" s="16">
        <v>23</v>
      </c>
      <c r="D46" s="17">
        <v>56</v>
      </c>
    </row>
    <row r="47" spans="1:4" ht="18" customHeight="1" x14ac:dyDescent="0.2">
      <c r="A47" s="18" t="s">
        <v>73</v>
      </c>
      <c r="B47" s="15">
        <v>133</v>
      </c>
      <c r="C47" s="16">
        <v>120</v>
      </c>
      <c r="D47" s="17">
        <v>253</v>
      </c>
    </row>
    <row r="48" spans="1:4" ht="18" customHeight="1" x14ac:dyDescent="0.2">
      <c r="A48" s="14">
        <v>35</v>
      </c>
      <c r="B48" s="15">
        <v>32</v>
      </c>
      <c r="C48" s="16">
        <v>36</v>
      </c>
      <c r="D48" s="17">
        <v>68</v>
      </c>
    </row>
    <row r="49" spans="1:4" ht="18" customHeight="1" x14ac:dyDescent="0.2">
      <c r="A49" s="14">
        <v>36</v>
      </c>
      <c r="B49" s="15">
        <v>24</v>
      </c>
      <c r="C49" s="16">
        <v>26</v>
      </c>
      <c r="D49" s="17">
        <v>50</v>
      </c>
    </row>
    <row r="50" spans="1:4" ht="18" customHeight="1" x14ac:dyDescent="0.2">
      <c r="A50" s="14">
        <v>37</v>
      </c>
      <c r="B50" s="15">
        <v>27</v>
      </c>
      <c r="C50" s="16">
        <v>22</v>
      </c>
      <c r="D50" s="17">
        <v>49</v>
      </c>
    </row>
    <row r="51" spans="1:4" ht="18" customHeight="1" x14ac:dyDescent="0.2">
      <c r="A51" s="14">
        <v>38</v>
      </c>
      <c r="B51" s="15">
        <v>19</v>
      </c>
      <c r="C51" s="16">
        <v>33</v>
      </c>
      <c r="D51" s="17">
        <v>52</v>
      </c>
    </row>
    <row r="52" spans="1:4" ht="18" customHeight="1" x14ac:dyDescent="0.2">
      <c r="A52" s="14">
        <v>39</v>
      </c>
      <c r="B52" s="15">
        <v>21</v>
      </c>
      <c r="C52" s="16">
        <v>26</v>
      </c>
      <c r="D52" s="17">
        <v>47</v>
      </c>
    </row>
    <row r="53" spans="1:4" ht="18" customHeight="1" x14ac:dyDescent="0.2">
      <c r="A53" s="18" t="s">
        <v>74</v>
      </c>
      <c r="B53" s="15">
        <v>123</v>
      </c>
      <c r="C53" s="16">
        <v>143</v>
      </c>
      <c r="D53" s="17">
        <v>266</v>
      </c>
    </row>
    <row r="54" spans="1:4" ht="18" customHeight="1" x14ac:dyDescent="0.2">
      <c r="A54" s="14">
        <v>40</v>
      </c>
      <c r="B54" s="15">
        <v>28</v>
      </c>
      <c r="C54" s="16">
        <v>19</v>
      </c>
      <c r="D54" s="17">
        <v>47</v>
      </c>
    </row>
    <row r="55" spans="1:4" ht="18" customHeight="1" x14ac:dyDescent="0.2">
      <c r="A55" s="14">
        <v>41</v>
      </c>
      <c r="B55" s="15">
        <v>34</v>
      </c>
      <c r="C55" s="16">
        <v>27</v>
      </c>
      <c r="D55" s="17">
        <v>61</v>
      </c>
    </row>
    <row r="56" spans="1:4" ht="18" customHeight="1" x14ac:dyDescent="0.2">
      <c r="A56" s="14">
        <v>42</v>
      </c>
      <c r="B56" s="15">
        <v>30</v>
      </c>
      <c r="C56" s="16">
        <v>21</v>
      </c>
      <c r="D56" s="17">
        <v>51</v>
      </c>
    </row>
    <row r="57" spans="1:4" ht="18" customHeight="1" x14ac:dyDescent="0.2">
      <c r="A57" s="14">
        <v>43</v>
      </c>
      <c r="B57" s="15">
        <v>25</v>
      </c>
      <c r="C57" s="16">
        <v>24</v>
      </c>
      <c r="D57" s="17">
        <v>49</v>
      </c>
    </row>
    <row r="58" spans="1:4" ht="18" customHeight="1" x14ac:dyDescent="0.2">
      <c r="A58" s="14">
        <v>44</v>
      </c>
      <c r="B58" s="15">
        <v>23</v>
      </c>
      <c r="C58" s="16">
        <v>30</v>
      </c>
      <c r="D58" s="17">
        <v>53</v>
      </c>
    </row>
    <row r="59" spans="1:4" ht="18" customHeight="1" x14ac:dyDescent="0.2">
      <c r="A59" s="18" t="s">
        <v>75</v>
      </c>
      <c r="B59" s="15">
        <v>140</v>
      </c>
      <c r="C59" s="16">
        <v>121</v>
      </c>
      <c r="D59" s="17">
        <v>261</v>
      </c>
    </row>
    <row r="60" spans="1:4" ht="18" customHeight="1" x14ac:dyDescent="0.2">
      <c r="A60" s="14">
        <v>45</v>
      </c>
      <c r="B60" s="15">
        <v>33</v>
      </c>
      <c r="C60" s="16">
        <v>23</v>
      </c>
      <c r="D60" s="17">
        <v>56</v>
      </c>
    </row>
    <row r="61" spans="1:4" ht="18" customHeight="1" x14ac:dyDescent="0.2">
      <c r="A61" s="14">
        <v>46</v>
      </c>
      <c r="B61" s="15">
        <v>30</v>
      </c>
      <c r="C61" s="16">
        <v>17</v>
      </c>
      <c r="D61" s="17">
        <v>47</v>
      </c>
    </row>
    <row r="62" spans="1:4" ht="18" customHeight="1" x14ac:dyDescent="0.2">
      <c r="A62" s="14">
        <v>47</v>
      </c>
      <c r="B62" s="15">
        <v>23</v>
      </c>
      <c r="C62" s="16">
        <v>17</v>
      </c>
      <c r="D62" s="17">
        <v>40</v>
      </c>
    </row>
    <row r="63" spans="1:4" ht="18" customHeight="1" x14ac:dyDescent="0.2">
      <c r="A63" s="14">
        <v>48</v>
      </c>
      <c r="B63" s="15">
        <v>21</v>
      </c>
      <c r="C63" s="16">
        <v>31</v>
      </c>
      <c r="D63" s="17">
        <v>52</v>
      </c>
    </row>
    <row r="64" spans="1:4" ht="18" customHeight="1" x14ac:dyDescent="0.2">
      <c r="A64" s="14">
        <v>49</v>
      </c>
      <c r="B64" s="15">
        <v>36</v>
      </c>
      <c r="C64" s="16">
        <v>33</v>
      </c>
      <c r="D64" s="17">
        <v>69</v>
      </c>
    </row>
    <row r="65" spans="1:4" ht="18" customHeight="1" x14ac:dyDescent="0.2">
      <c r="A65" s="18" t="s">
        <v>76</v>
      </c>
      <c r="B65" s="15">
        <v>143</v>
      </c>
      <c r="C65" s="16">
        <v>121</v>
      </c>
      <c r="D65" s="17">
        <v>264</v>
      </c>
    </row>
    <row r="66" spans="1:4" ht="18" customHeight="1" x14ac:dyDescent="0.2">
      <c r="A66" s="14">
        <v>50</v>
      </c>
      <c r="B66" s="15">
        <v>25</v>
      </c>
      <c r="C66" s="16">
        <v>23</v>
      </c>
      <c r="D66" s="17">
        <v>48</v>
      </c>
    </row>
    <row r="67" spans="1:4" ht="18" customHeight="1" x14ac:dyDescent="0.2">
      <c r="A67" s="14">
        <v>51</v>
      </c>
      <c r="B67" s="15">
        <v>24</v>
      </c>
      <c r="C67" s="16">
        <v>21</v>
      </c>
      <c r="D67" s="17">
        <v>45</v>
      </c>
    </row>
    <row r="68" spans="1:4" ht="18" customHeight="1" x14ac:dyDescent="0.2">
      <c r="A68" s="14">
        <v>52</v>
      </c>
      <c r="B68" s="15">
        <v>32</v>
      </c>
      <c r="C68" s="16">
        <v>31</v>
      </c>
      <c r="D68" s="17">
        <v>63</v>
      </c>
    </row>
    <row r="69" spans="1:4" ht="18" customHeight="1" x14ac:dyDescent="0.2">
      <c r="A69" s="14">
        <v>53</v>
      </c>
      <c r="B69" s="15">
        <v>27</v>
      </c>
      <c r="C69" s="16">
        <v>38</v>
      </c>
      <c r="D69" s="17">
        <v>65</v>
      </c>
    </row>
    <row r="70" spans="1:4" ht="18" customHeight="1" x14ac:dyDescent="0.2">
      <c r="A70" s="14">
        <v>54</v>
      </c>
      <c r="B70" s="15">
        <v>31</v>
      </c>
      <c r="C70" s="16">
        <v>29</v>
      </c>
      <c r="D70" s="17">
        <v>60</v>
      </c>
    </row>
    <row r="71" spans="1:4" ht="18" customHeight="1" x14ac:dyDescent="0.2">
      <c r="A71" s="18" t="s">
        <v>77</v>
      </c>
      <c r="B71" s="15">
        <v>139</v>
      </c>
      <c r="C71" s="16">
        <v>142</v>
      </c>
      <c r="D71" s="17">
        <v>281</v>
      </c>
    </row>
    <row r="72" spans="1:4" ht="18" customHeight="1" x14ac:dyDescent="0.2">
      <c r="A72" s="14">
        <v>55</v>
      </c>
      <c r="B72" s="15">
        <v>25</v>
      </c>
      <c r="C72" s="16">
        <v>30</v>
      </c>
      <c r="D72" s="17">
        <v>55</v>
      </c>
    </row>
    <row r="73" spans="1:4" ht="18" customHeight="1" x14ac:dyDescent="0.2">
      <c r="A73" s="14">
        <v>56</v>
      </c>
      <c r="B73" s="15">
        <v>36</v>
      </c>
      <c r="C73" s="16">
        <v>31</v>
      </c>
      <c r="D73" s="17">
        <v>67</v>
      </c>
    </row>
    <row r="74" spans="1:4" ht="18" customHeight="1" x14ac:dyDescent="0.2">
      <c r="A74" s="14">
        <v>57</v>
      </c>
      <c r="B74" s="15">
        <v>33</v>
      </c>
      <c r="C74" s="16">
        <v>32</v>
      </c>
      <c r="D74" s="17">
        <v>65</v>
      </c>
    </row>
    <row r="75" spans="1:4" ht="18" customHeight="1" x14ac:dyDescent="0.2">
      <c r="A75" s="14">
        <v>58</v>
      </c>
      <c r="B75" s="15">
        <v>40</v>
      </c>
      <c r="C75" s="16">
        <v>25</v>
      </c>
      <c r="D75" s="17">
        <v>65</v>
      </c>
    </row>
    <row r="76" spans="1:4" ht="18" customHeight="1" x14ac:dyDescent="0.2">
      <c r="A76" s="14">
        <v>59</v>
      </c>
      <c r="B76" s="15">
        <v>40</v>
      </c>
      <c r="C76" s="16">
        <v>47</v>
      </c>
      <c r="D76" s="17">
        <v>87</v>
      </c>
    </row>
    <row r="77" spans="1:4" ht="18" customHeight="1" x14ac:dyDescent="0.2">
      <c r="A77" s="18" t="s">
        <v>78</v>
      </c>
      <c r="B77" s="15">
        <v>174</v>
      </c>
      <c r="C77" s="16">
        <v>165</v>
      </c>
      <c r="D77" s="17">
        <v>339</v>
      </c>
    </row>
    <row r="78" spans="1:4" ht="18" customHeight="1" x14ac:dyDescent="0.2">
      <c r="A78" s="14">
        <v>60</v>
      </c>
      <c r="B78" s="15">
        <v>48</v>
      </c>
      <c r="C78" s="16">
        <v>40</v>
      </c>
      <c r="D78" s="17">
        <v>88</v>
      </c>
    </row>
    <row r="79" spans="1:4" ht="18" customHeight="1" x14ac:dyDescent="0.2">
      <c r="A79" s="14">
        <v>61</v>
      </c>
      <c r="B79" s="15">
        <v>41</v>
      </c>
      <c r="C79" s="16">
        <v>45</v>
      </c>
      <c r="D79" s="17">
        <v>86</v>
      </c>
    </row>
    <row r="80" spans="1:4" ht="18" customHeight="1" x14ac:dyDescent="0.2">
      <c r="A80" s="14">
        <v>62</v>
      </c>
      <c r="B80" s="15">
        <v>34</v>
      </c>
      <c r="C80" s="16">
        <v>40</v>
      </c>
      <c r="D80" s="17">
        <v>74</v>
      </c>
    </row>
    <row r="81" spans="1:4" ht="18" customHeight="1" x14ac:dyDescent="0.2">
      <c r="A81" s="14">
        <v>63</v>
      </c>
      <c r="B81" s="15">
        <v>21</v>
      </c>
      <c r="C81" s="16">
        <v>24</v>
      </c>
      <c r="D81" s="17">
        <v>45</v>
      </c>
    </row>
    <row r="82" spans="1:4" ht="18" customHeight="1" x14ac:dyDescent="0.2">
      <c r="A82" s="14">
        <v>64</v>
      </c>
      <c r="B82" s="15">
        <v>26</v>
      </c>
      <c r="C82" s="16">
        <v>27</v>
      </c>
      <c r="D82" s="17">
        <v>53</v>
      </c>
    </row>
    <row r="83" spans="1:4" ht="18" customHeight="1" x14ac:dyDescent="0.2">
      <c r="A83" s="18" t="s">
        <v>79</v>
      </c>
      <c r="B83" s="15">
        <v>170</v>
      </c>
      <c r="C83" s="16">
        <v>176</v>
      </c>
      <c r="D83" s="17">
        <v>346</v>
      </c>
    </row>
    <row r="84" spans="1:4" ht="18" customHeight="1" x14ac:dyDescent="0.2">
      <c r="A84" s="18" t="s">
        <v>80</v>
      </c>
      <c r="B84" s="15">
        <v>1325</v>
      </c>
      <c r="C84" s="16">
        <v>1254</v>
      </c>
      <c r="D84" s="17">
        <v>2579</v>
      </c>
    </row>
    <row r="85" spans="1:4" ht="18" customHeight="1" x14ac:dyDescent="0.2">
      <c r="A85" s="14">
        <v>65</v>
      </c>
      <c r="B85" s="15">
        <v>29</v>
      </c>
      <c r="C85" s="16">
        <v>36</v>
      </c>
      <c r="D85" s="17">
        <v>65</v>
      </c>
    </row>
    <row r="86" spans="1:4" ht="18" customHeight="1" x14ac:dyDescent="0.2">
      <c r="A86" s="14">
        <v>66</v>
      </c>
      <c r="B86" s="15">
        <v>26</v>
      </c>
      <c r="C86" s="16">
        <v>44</v>
      </c>
      <c r="D86" s="17">
        <v>70</v>
      </c>
    </row>
    <row r="87" spans="1:4" ht="18" customHeight="1" x14ac:dyDescent="0.2">
      <c r="A87" s="14">
        <v>67</v>
      </c>
      <c r="B87" s="15">
        <v>25</v>
      </c>
      <c r="C87" s="16">
        <v>49</v>
      </c>
      <c r="D87" s="17">
        <v>74</v>
      </c>
    </row>
    <row r="88" spans="1:4" ht="18" customHeight="1" x14ac:dyDescent="0.2">
      <c r="A88" s="14">
        <v>68</v>
      </c>
      <c r="B88" s="15">
        <v>24</v>
      </c>
      <c r="C88" s="16">
        <v>35</v>
      </c>
      <c r="D88" s="17">
        <v>59</v>
      </c>
    </row>
    <row r="89" spans="1:4" ht="18" customHeight="1" x14ac:dyDescent="0.2">
      <c r="A89" s="14">
        <v>69</v>
      </c>
      <c r="B89" s="15">
        <v>14</v>
      </c>
      <c r="C89" s="16">
        <v>23</v>
      </c>
      <c r="D89" s="17">
        <v>37</v>
      </c>
    </row>
    <row r="90" spans="1:4" ht="18" customHeight="1" x14ac:dyDescent="0.2">
      <c r="A90" s="18" t="s">
        <v>81</v>
      </c>
      <c r="B90" s="15">
        <v>118</v>
      </c>
      <c r="C90" s="16">
        <v>187</v>
      </c>
      <c r="D90" s="17">
        <v>305</v>
      </c>
    </row>
    <row r="91" spans="1:4" ht="18" customHeight="1" x14ac:dyDescent="0.2">
      <c r="A91" s="14">
        <v>70</v>
      </c>
      <c r="B91" s="15">
        <v>25</v>
      </c>
      <c r="C91" s="16">
        <v>40</v>
      </c>
      <c r="D91" s="17">
        <v>65</v>
      </c>
    </row>
    <row r="92" spans="1:4" ht="18" customHeight="1" x14ac:dyDescent="0.2">
      <c r="A92" s="14">
        <v>71</v>
      </c>
      <c r="B92" s="15">
        <v>29</v>
      </c>
      <c r="C92" s="16">
        <v>37</v>
      </c>
      <c r="D92" s="17">
        <v>66</v>
      </c>
    </row>
    <row r="93" spans="1:4" ht="18" customHeight="1" x14ac:dyDescent="0.2">
      <c r="A93" s="14">
        <v>72</v>
      </c>
      <c r="B93" s="15">
        <v>24</v>
      </c>
      <c r="C93" s="16">
        <v>36</v>
      </c>
      <c r="D93" s="17">
        <v>60</v>
      </c>
    </row>
    <row r="94" spans="1:4" ht="18" customHeight="1" x14ac:dyDescent="0.2">
      <c r="A94" s="14">
        <v>73</v>
      </c>
      <c r="B94" s="15">
        <v>32</v>
      </c>
      <c r="C94" s="16">
        <v>49</v>
      </c>
      <c r="D94" s="17">
        <v>81</v>
      </c>
    </row>
    <row r="95" spans="1:4" ht="18" customHeight="1" x14ac:dyDescent="0.2">
      <c r="A95" s="14">
        <v>74</v>
      </c>
      <c r="B95" s="15">
        <v>25</v>
      </c>
      <c r="C95" s="16">
        <v>36</v>
      </c>
      <c r="D95" s="17">
        <v>61</v>
      </c>
    </row>
    <row r="96" spans="1:4" ht="18" customHeight="1" x14ac:dyDescent="0.2">
      <c r="A96" s="18" t="s">
        <v>82</v>
      </c>
      <c r="B96" s="15">
        <v>135</v>
      </c>
      <c r="C96" s="16">
        <v>198</v>
      </c>
      <c r="D96" s="17">
        <v>333</v>
      </c>
    </row>
    <row r="97" spans="1:4" ht="18" customHeight="1" x14ac:dyDescent="0.2">
      <c r="A97" s="14">
        <v>75</v>
      </c>
      <c r="B97" s="15">
        <v>39</v>
      </c>
      <c r="C97" s="16">
        <v>30</v>
      </c>
      <c r="D97" s="17">
        <v>69</v>
      </c>
    </row>
    <row r="98" spans="1:4" ht="18" customHeight="1" x14ac:dyDescent="0.2">
      <c r="A98" s="14">
        <v>76</v>
      </c>
      <c r="B98" s="15">
        <v>29</v>
      </c>
      <c r="C98" s="16">
        <v>38</v>
      </c>
      <c r="D98" s="17">
        <v>67</v>
      </c>
    </row>
    <row r="99" spans="1:4" ht="18" customHeight="1" x14ac:dyDescent="0.2">
      <c r="A99" s="14">
        <v>77</v>
      </c>
      <c r="B99" s="15">
        <v>32</v>
      </c>
      <c r="C99" s="16">
        <v>38</v>
      </c>
      <c r="D99" s="17">
        <v>70</v>
      </c>
    </row>
    <row r="100" spans="1:4" ht="18" customHeight="1" x14ac:dyDescent="0.2">
      <c r="A100" s="14">
        <v>78</v>
      </c>
      <c r="B100" s="15">
        <v>23</v>
      </c>
      <c r="C100" s="16">
        <v>41</v>
      </c>
      <c r="D100" s="17">
        <v>64</v>
      </c>
    </row>
    <row r="101" spans="1:4" ht="18" customHeight="1" x14ac:dyDescent="0.2">
      <c r="A101" s="14">
        <v>79</v>
      </c>
      <c r="B101" s="15">
        <v>13</v>
      </c>
      <c r="C101" s="16">
        <v>32</v>
      </c>
      <c r="D101" s="17">
        <v>45</v>
      </c>
    </row>
    <row r="102" spans="1:4" ht="18" customHeight="1" x14ac:dyDescent="0.2">
      <c r="A102" s="18" t="s">
        <v>83</v>
      </c>
      <c r="B102" s="15">
        <v>136</v>
      </c>
      <c r="C102" s="16">
        <v>179</v>
      </c>
      <c r="D102" s="17">
        <v>315</v>
      </c>
    </row>
    <row r="103" spans="1:4" ht="18" customHeight="1" x14ac:dyDescent="0.2">
      <c r="A103" s="14">
        <v>80</v>
      </c>
      <c r="B103" s="15">
        <v>21</v>
      </c>
      <c r="C103" s="16">
        <v>43</v>
      </c>
      <c r="D103" s="17">
        <v>64</v>
      </c>
    </row>
    <row r="104" spans="1:4" ht="18" customHeight="1" x14ac:dyDescent="0.2">
      <c r="A104" s="14">
        <v>81</v>
      </c>
      <c r="B104" s="15">
        <v>21</v>
      </c>
      <c r="C104" s="16">
        <v>34</v>
      </c>
      <c r="D104" s="17">
        <v>55</v>
      </c>
    </row>
    <row r="105" spans="1:4" ht="18" customHeight="1" x14ac:dyDescent="0.2">
      <c r="A105" s="14">
        <v>82</v>
      </c>
      <c r="B105" s="15">
        <v>19</v>
      </c>
      <c r="C105" s="16">
        <v>26</v>
      </c>
      <c r="D105" s="17">
        <v>45</v>
      </c>
    </row>
    <row r="106" spans="1:4" ht="18" customHeight="1" x14ac:dyDescent="0.2">
      <c r="A106" s="14">
        <v>83</v>
      </c>
      <c r="B106" s="15">
        <v>19</v>
      </c>
      <c r="C106" s="16">
        <v>24</v>
      </c>
      <c r="D106" s="17">
        <v>43</v>
      </c>
    </row>
    <row r="107" spans="1:4" ht="18" customHeight="1" x14ac:dyDescent="0.2">
      <c r="A107" s="14">
        <v>84</v>
      </c>
      <c r="B107" s="15">
        <v>18</v>
      </c>
      <c r="C107" s="16">
        <v>27</v>
      </c>
      <c r="D107" s="17">
        <v>45</v>
      </c>
    </row>
    <row r="108" spans="1:4" ht="18" customHeight="1" x14ac:dyDescent="0.2">
      <c r="A108" s="18" t="s">
        <v>84</v>
      </c>
      <c r="B108" s="15">
        <v>98</v>
      </c>
      <c r="C108" s="16">
        <v>154</v>
      </c>
      <c r="D108" s="17">
        <v>252</v>
      </c>
    </row>
    <row r="109" spans="1:4" ht="18" customHeight="1" x14ac:dyDescent="0.2">
      <c r="A109" s="14">
        <v>85</v>
      </c>
      <c r="B109" s="15">
        <v>18</v>
      </c>
      <c r="C109" s="16">
        <v>23</v>
      </c>
      <c r="D109" s="17">
        <v>41</v>
      </c>
    </row>
    <row r="110" spans="1:4" ht="18" customHeight="1" x14ac:dyDescent="0.2">
      <c r="A110" s="14">
        <v>86</v>
      </c>
      <c r="B110" s="15">
        <v>10</v>
      </c>
      <c r="C110" s="16">
        <v>22</v>
      </c>
      <c r="D110" s="17">
        <v>32</v>
      </c>
    </row>
    <row r="111" spans="1:4" ht="18" customHeight="1" x14ac:dyDescent="0.2">
      <c r="A111" s="14">
        <v>87</v>
      </c>
      <c r="B111" s="15">
        <v>7</v>
      </c>
      <c r="C111" s="16">
        <v>19</v>
      </c>
      <c r="D111" s="17">
        <v>26</v>
      </c>
    </row>
    <row r="112" spans="1:4" ht="18" customHeight="1" x14ac:dyDescent="0.2">
      <c r="A112" s="14">
        <v>88</v>
      </c>
      <c r="B112" s="15">
        <v>7</v>
      </c>
      <c r="C112" s="16">
        <v>27</v>
      </c>
      <c r="D112" s="17">
        <v>34</v>
      </c>
    </row>
    <row r="113" spans="1:4" ht="18" customHeight="1" x14ac:dyDescent="0.2">
      <c r="A113" s="14">
        <v>89</v>
      </c>
      <c r="B113" s="15">
        <v>7</v>
      </c>
      <c r="C113" s="16">
        <v>18</v>
      </c>
      <c r="D113" s="17">
        <v>25</v>
      </c>
    </row>
    <row r="114" spans="1:4" ht="18" customHeight="1" x14ac:dyDescent="0.2">
      <c r="A114" s="18" t="s">
        <v>85</v>
      </c>
      <c r="B114" s="15">
        <v>49</v>
      </c>
      <c r="C114" s="16">
        <v>109</v>
      </c>
      <c r="D114" s="17">
        <v>158</v>
      </c>
    </row>
    <row r="115" spans="1:4" ht="18" customHeight="1" x14ac:dyDescent="0.2">
      <c r="A115" s="14">
        <v>90</v>
      </c>
      <c r="B115" s="15">
        <v>6</v>
      </c>
      <c r="C115" s="16">
        <v>9</v>
      </c>
      <c r="D115" s="17">
        <v>15</v>
      </c>
    </row>
    <row r="116" spans="1:4" ht="18" customHeight="1" x14ac:dyDescent="0.2">
      <c r="A116" s="14">
        <v>91</v>
      </c>
      <c r="B116" s="15">
        <v>3</v>
      </c>
      <c r="C116" s="16">
        <v>13</v>
      </c>
      <c r="D116" s="17">
        <v>16</v>
      </c>
    </row>
    <row r="117" spans="1:4" ht="18" customHeight="1" x14ac:dyDescent="0.2">
      <c r="A117" s="14">
        <v>92</v>
      </c>
      <c r="B117" s="15">
        <v>7</v>
      </c>
      <c r="C117" s="16">
        <v>12</v>
      </c>
      <c r="D117" s="17">
        <v>19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7</v>
      </c>
      <c r="D119" s="17">
        <v>7</v>
      </c>
    </row>
    <row r="120" spans="1:4" ht="18" customHeight="1" x14ac:dyDescent="0.2">
      <c r="A120" s="18" t="s">
        <v>86</v>
      </c>
      <c r="B120" s="15">
        <v>17</v>
      </c>
      <c r="C120" s="16">
        <v>47</v>
      </c>
      <c r="D120" s="17">
        <v>64</v>
      </c>
    </row>
    <row r="121" spans="1:4" ht="18" customHeight="1" x14ac:dyDescent="0.2">
      <c r="A121" s="14">
        <v>95</v>
      </c>
      <c r="B121" s="15">
        <v>3</v>
      </c>
      <c r="C121" s="16">
        <v>11</v>
      </c>
      <c r="D121" s="17">
        <v>14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87</v>
      </c>
      <c r="B126" s="15">
        <v>4</v>
      </c>
      <c r="C126" s="16">
        <v>19</v>
      </c>
      <c r="D126" s="17">
        <v>23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88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89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90</v>
      </c>
      <c r="B130" s="4">
        <v>557</v>
      </c>
      <c r="C130" s="5">
        <v>896</v>
      </c>
      <c r="D130" s="6">
        <v>1453</v>
      </c>
    </row>
    <row r="131" spans="1:4" ht="18" customHeight="1" x14ac:dyDescent="0.2">
      <c r="A131" s="20" t="s">
        <v>65</v>
      </c>
      <c r="B131" s="7">
        <v>2119</v>
      </c>
      <c r="C131" s="8">
        <v>2345</v>
      </c>
      <c r="D131" s="9">
        <v>446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0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3</v>
      </c>
      <c r="C5" s="37">
        <v>13</v>
      </c>
      <c r="D5" s="39">
        <v>36</v>
      </c>
    </row>
    <row r="6" spans="1:4" ht="18" customHeight="1" x14ac:dyDescent="0.2">
      <c r="A6" s="31">
        <v>1</v>
      </c>
      <c r="B6" s="35">
        <v>14</v>
      </c>
      <c r="C6" s="28">
        <v>15</v>
      </c>
      <c r="D6" s="29">
        <v>29</v>
      </c>
    </row>
    <row r="7" spans="1:4" ht="18" customHeight="1" x14ac:dyDescent="0.2">
      <c r="A7" s="31">
        <v>2</v>
      </c>
      <c r="B7" s="35">
        <v>19</v>
      </c>
      <c r="C7" s="28">
        <v>18</v>
      </c>
      <c r="D7" s="29">
        <v>37</v>
      </c>
    </row>
    <row r="8" spans="1:4" ht="18" customHeight="1" x14ac:dyDescent="0.2">
      <c r="A8" s="31">
        <v>3</v>
      </c>
      <c r="B8" s="35">
        <v>17</v>
      </c>
      <c r="C8" s="28">
        <v>23</v>
      </c>
      <c r="D8" s="29">
        <v>40</v>
      </c>
    </row>
    <row r="9" spans="1:4" ht="18" customHeight="1" x14ac:dyDescent="0.2">
      <c r="A9" s="31">
        <v>4</v>
      </c>
      <c r="B9" s="36">
        <v>20</v>
      </c>
      <c r="C9" s="38">
        <v>20</v>
      </c>
      <c r="D9" s="40">
        <v>40</v>
      </c>
    </row>
    <row r="10" spans="1:4" ht="18" customHeight="1" x14ac:dyDescent="0.2">
      <c r="A10" s="31" t="s">
        <v>66</v>
      </c>
      <c r="B10" s="27">
        <v>93</v>
      </c>
      <c r="C10" s="28">
        <v>89</v>
      </c>
      <c r="D10" s="29">
        <v>182</v>
      </c>
    </row>
    <row r="11" spans="1:4" ht="18" customHeight="1" x14ac:dyDescent="0.2">
      <c r="A11" s="31">
        <v>5</v>
      </c>
      <c r="B11" s="35">
        <v>22</v>
      </c>
      <c r="C11" s="28">
        <v>25</v>
      </c>
      <c r="D11" s="29">
        <v>47</v>
      </c>
    </row>
    <row r="12" spans="1:4" ht="18" customHeight="1" x14ac:dyDescent="0.2">
      <c r="A12" s="31">
        <v>6</v>
      </c>
      <c r="B12" s="35">
        <v>24</v>
      </c>
      <c r="C12" s="28">
        <v>20</v>
      </c>
      <c r="D12" s="29">
        <v>44</v>
      </c>
    </row>
    <row r="13" spans="1:4" ht="18" customHeight="1" x14ac:dyDescent="0.2">
      <c r="A13" s="31">
        <v>7</v>
      </c>
      <c r="B13" s="35">
        <v>30</v>
      </c>
      <c r="C13" s="28">
        <v>28</v>
      </c>
      <c r="D13" s="29">
        <v>58</v>
      </c>
    </row>
    <row r="14" spans="1:4" ht="18" customHeight="1" x14ac:dyDescent="0.2">
      <c r="A14" s="31">
        <v>8</v>
      </c>
      <c r="B14" s="35">
        <v>32</v>
      </c>
      <c r="C14" s="28">
        <v>19</v>
      </c>
      <c r="D14" s="29">
        <v>51</v>
      </c>
    </row>
    <row r="15" spans="1:4" ht="18" customHeight="1" x14ac:dyDescent="0.2">
      <c r="A15" s="31">
        <v>9</v>
      </c>
      <c r="B15" s="35">
        <v>33</v>
      </c>
      <c r="C15" s="28">
        <v>22</v>
      </c>
      <c r="D15" s="29">
        <v>55</v>
      </c>
    </row>
    <row r="16" spans="1:4" ht="18" customHeight="1" x14ac:dyDescent="0.2">
      <c r="A16" s="31" t="s">
        <v>67</v>
      </c>
      <c r="B16" s="27">
        <v>141</v>
      </c>
      <c r="C16" s="28">
        <v>114</v>
      </c>
      <c r="D16" s="29">
        <v>255</v>
      </c>
    </row>
    <row r="17" spans="1:4" ht="18" customHeight="1" x14ac:dyDescent="0.2">
      <c r="A17" s="31">
        <v>10</v>
      </c>
      <c r="B17" s="27">
        <v>25</v>
      </c>
      <c r="C17" s="28">
        <v>35</v>
      </c>
      <c r="D17" s="29">
        <v>60</v>
      </c>
    </row>
    <row r="18" spans="1:4" ht="18" customHeight="1" x14ac:dyDescent="0.2">
      <c r="A18" s="31">
        <v>11</v>
      </c>
      <c r="B18" s="27">
        <v>34</v>
      </c>
      <c r="C18" s="28">
        <v>30</v>
      </c>
      <c r="D18" s="29">
        <v>64</v>
      </c>
    </row>
    <row r="19" spans="1:4" ht="18" customHeight="1" x14ac:dyDescent="0.2">
      <c r="A19" s="31">
        <v>12</v>
      </c>
      <c r="B19" s="27">
        <v>38</v>
      </c>
      <c r="C19" s="28">
        <v>34</v>
      </c>
      <c r="D19" s="29">
        <v>72</v>
      </c>
    </row>
    <row r="20" spans="1:4" ht="18" customHeight="1" x14ac:dyDescent="0.2">
      <c r="A20" s="31">
        <v>13</v>
      </c>
      <c r="B20" s="27">
        <v>30</v>
      </c>
      <c r="C20" s="28">
        <v>29</v>
      </c>
      <c r="D20" s="29">
        <v>59</v>
      </c>
    </row>
    <row r="21" spans="1:4" ht="18" customHeight="1" x14ac:dyDescent="0.2">
      <c r="A21" s="31">
        <v>14</v>
      </c>
      <c r="B21" s="27">
        <v>32</v>
      </c>
      <c r="C21" s="28">
        <v>32</v>
      </c>
      <c r="D21" s="29">
        <v>64</v>
      </c>
    </row>
    <row r="22" spans="1:4" ht="18" customHeight="1" x14ac:dyDescent="0.2">
      <c r="A22" s="31" t="s">
        <v>68</v>
      </c>
      <c r="B22" s="27">
        <v>159</v>
      </c>
      <c r="C22" s="28">
        <v>160</v>
      </c>
      <c r="D22" s="29">
        <v>319</v>
      </c>
    </row>
    <row r="23" spans="1:4" ht="18" customHeight="1" x14ac:dyDescent="0.2">
      <c r="A23" s="31" t="s">
        <v>69</v>
      </c>
      <c r="B23" s="27">
        <v>393</v>
      </c>
      <c r="C23" s="28">
        <v>363</v>
      </c>
      <c r="D23" s="29">
        <v>756</v>
      </c>
    </row>
    <row r="24" spans="1:4" ht="18" customHeight="1" x14ac:dyDescent="0.2">
      <c r="A24" s="31">
        <v>15</v>
      </c>
      <c r="B24" s="27">
        <v>29</v>
      </c>
      <c r="C24" s="28">
        <v>34</v>
      </c>
      <c r="D24" s="29">
        <v>63</v>
      </c>
    </row>
    <row r="25" spans="1:4" ht="18" customHeight="1" x14ac:dyDescent="0.2">
      <c r="A25" s="31">
        <v>16</v>
      </c>
      <c r="B25" s="27">
        <v>31</v>
      </c>
      <c r="C25" s="28">
        <v>27</v>
      </c>
      <c r="D25" s="29">
        <v>58</v>
      </c>
    </row>
    <row r="26" spans="1:4" ht="18" customHeight="1" x14ac:dyDescent="0.2">
      <c r="A26" s="31">
        <v>17</v>
      </c>
      <c r="B26" s="27">
        <v>32</v>
      </c>
      <c r="C26" s="28">
        <v>35</v>
      </c>
      <c r="D26" s="29">
        <v>67</v>
      </c>
    </row>
    <row r="27" spans="1:4" ht="18" customHeight="1" x14ac:dyDescent="0.2">
      <c r="A27" s="31">
        <v>18</v>
      </c>
      <c r="B27" s="27">
        <v>25</v>
      </c>
      <c r="C27" s="28">
        <v>23</v>
      </c>
      <c r="D27" s="29">
        <v>48</v>
      </c>
    </row>
    <row r="28" spans="1:4" ht="18" customHeight="1" x14ac:dyDescent="0.2">
      <c r="A28" s="31">
        <v>19</v>
      </c>
      <c r="B28" s="27">
        <v>23</v>
      </c>
      <c r="C28" s="28">
        <v>28</v>
      </c>
      <c r="D28" s="29">
        <v>51</v>
      </c>
    </row>
    <row r="29" spans="1:4" ht="18" customHeight="1" x14ac:dyDescent="0.2">
      <c r="A29" s="31" t="s">
        <v>70</v>
      </c>
      <c r="B29" s="27">
        <v>140</v>
      </c>
      <c r="C29" s="28">
        <v>147</v>
      </c>
      <c r="D29" s="29">
        <v>287</v>
      </c>
    </row>
    <row r="30" spans="1:4" ht="18" customHeight="1" x14ac:dyDescent="0.2">
      <c r="A30" s="31">
        <v>20</v>
      </c>
      <c r="B30" s="27">
        <v>25</v>
      </c>
      <c r="C30" s="28">
        <v>23</v>
      </c>
      <c r="D30" s="29">
        <v>48</v>
      </c>
    </row>
    <row r="31" spans="1:4" ht="18" customHeight="1" x14ac:dyDescent="0.2">
      <c r="A31" s="31">
        <v>21</v>
      </c>
      <c r="B31" s="27">
        <v>35</v>
      </c>
      <c r="C31" s="28">
        <v>22</v>
      </c>
      <c r="D31" s="29">
        <v>57</v>
      </c>
    </row>
    <row r="32" spans="1:4" ht="18" customHeight="1" x14ac:dyDescent="0.2">
      <c r="A32" s="31">
        <v>22</v>
      </c>
      <c r="B32" s="27">
        <v>23</v>
      </c>
      <c r="C32" s="28">
        <v>19</v>
      </c>
      <c r="D32" s="29">
        <v>42</v>
      </c>
    </row>
    <row r="33" spans="1:4" ht="18" customHeight="1" x14ac:dyDescent="0.2">
      <c r="A33" s="31">
        <v>23</v>
      </c>
      <c r="B33" s="27">
        <v>18</v>
      </c>
      <c r="C33" s="28">
        <v>24</v>
      </c>
      <c r="D33" s="29">
        <v>42</v>
      </c>
    </row>
    <row r="34" spans="1:4" ht="18" customHeight="1" x14ac:dyDescent="0.2">
      <c r="A34" s="31">
        <v>24</v>
      </c>
      <c r="B34" s="27">
        <v>30</v>
      </c>
      <c r="C34" s="28">
        <v>20</v>
      </c>
      <c r="D34" s="29">
        <v>50</v>
      </c>
    </row>
    <row r="35" spans="1:4" ht="18" customHeight="1" x14ac:dyDescent="0.2">
      <c r="A35" s="31" t="s">
        <v>71</v>
      </c>
      <c r="B35" s="27">
        <v>131</v>
      </c>
      <c r="C35" s="28">
        <v>108</v>
      </c>
      <c r="D35" s="29">
        <v>239</v>
      </c>
    </row>
    <row r="36" spans="1:4" ht="18" customHeight="1" x14ac:dyDescent="0.2">
      <c r="A36" s="31">
        <v>25</v>
      </c>
      <c r="B36" s="27">
        <v>20</v>
      </c>
      <c r="C36" s="28">
        <v>19</v>
      </c>
      <c r="D36" s="29">
        <v>39</v>
      </c>
    </row>
    <row r="37" spans="1:4" ht="18" customHeight="1" x14ac:dyDescent="0.2">
      <c r="A37" s="31">
        <v>26</v>
      </c>
      <c r="B37" s="27">
        <v>29</v>
      </c>
      <c r="C37" s="28">
        <v>16</v>
      </c>
      <c r="D37" s="29">
        <v>45</v>
      </c>
    </row>
    <row r="38" spans="1:4" ht="18" customHeight="1" x14ac:dyDescent="0.2">
      <c r="A38" s="31">
        <v>27</v>
      </c>
      <c r="B38" s="27">
        <v>22</v>
      </c>
      <c r="C38" s="28">
        <v>16</v>
      </c>
      <c r="D38" s="29">
        <v>38</v>
      </c>
    </row>
    <row r="39" spans="1:4" ht="18" customHeight="1" x14ac:dyDescent="0.2">
      <c r="A39" s="31">
        <v>28</v>
      </c>
      <c r="B39" s="27">
        <v>23</v>
      </c>
      <c r="C39" s="28">
        <v>22</v>
      </c>
      <c r="D39" s="29">
        <v>45</v>
      </c>
    </row>
    <row r="40" spans="1:4" ht="18" customHeight="1" x14ac:dyDescent="0.2">
      <c r="A40" s="31">
        <v>29</v>
      </c>
      <c r="B40" s="27">
        <v>25</v>
      </c>
      <c r="C40" s="28">
        <v>14</v>
      </c>
      <c r="D40" s="29">
        <v>39</v>
      </c>
    </row>
    <row r="41" spans="1:4" ht="18" customHeight="1" x14ac:dyDescent="0.2">
      <c r="A41" s="31" t="s">
        <v>72</v>
      </c>
      <c r="B41" s="27">
        <v>119</v>
      </c>
      <c r="C41" s="28">
        <v>87</v>
      </c>
      <c r="D41" s="29">
        <v>206</v>
      </c>
    </row>
    <row r="42" spans="1:4" ht="18" customHeight="1" x14ac:dyDescent="0.2">
      <c r="A42" s="31">
        <v>30</v>
      </c>
      <c r="B42" s="27">
        <v>30</v>
      </c>
      <c r="C42" s="28">
        <v>27</v>
      </c>
      <c r="D42" s="29">
        <v>57</v>
      </c>
    </row>
    <row r="43" spans="1:4" ht="18" customHeight="1" x14ac:dyDescent="0.2">
      <c r="A43" s="31">
        <v>31</v>
      </c>
      <c r="B43" s="27">
        <v>22</v>
      </c>
      <c r="C43" s="28">
        <v>31</v>
      </c>
      <c r="D43" s="29">
        <v>53</v>
      </c>
    </row>
    <row r="44" spans="1:4" ht="18" customHeight="1" x14ac:dyDescent="0.2">
      <c r="A44" s="31">
        <v>32</v>
      </c>
      <c r="B44" s="27">
        <v>28</v>
      </c>
      <c r="C44" s="28">
        <v>24</v>
      </c>
      <c r="D44" s="29">
        <v>52</v>
      </c>
    </row>
    <row r="45" spans="1:4" ht="18" customHeight="1" x14ac:dyDescent="0.2">
      <c r="A45" s="31">
        <v>33</v>
      </c>
      <c r="B45" s="27">
        <v>34</v>
      </c>
      <c r="C45" s="28">
        <v>30</v>
      </c>
      <c r="D45" s="29">
        <v>64</v>
      </c>
    </row>
    <row r="46" spans="1:4" ht="18" customHeight="1" x14ac:dyDescent="0.2">
      <c r="A46" s="31">
        <v>34</v>
      </c>
      <c r="B46" s="27">
        <v>38</v>
      </c>
      <c r="C46" s="28">
        <v>32</v>
      </c>
      <c r="D46" s="29">
        <v>70</v>
      </c>
    </row>
    <row r="47" spans="1:4" ht="18" customHeight="1" x14ac:dyDescent="0.2">
      <c r="A47" s="31" t="s">
        <v>73</v>
      </c>
      <c r="B47" s="27">
        <v>152</v>
      </c>
      <c r="C47" s="28">
        <v>144</v>
      </c>
      <c r="D47" s="29">
        <v>296</v>
      </c>
    </row>
    <row r="48" spans="1:4" ht="18" customHeight="1" x14ac:dyDescent="0.2">
      <c r="A48" s="31">
        <v>35</v>
      </c>
      <c r="B48" s="27">
        <v>29</v>
      </c>
      <c r="C48" s="28">
        <v>40</v>
      </c>
      <c r="D48" s="29">
        <v>69</v>
      </c>
    </row>
    <row r="49" spans="1:4" ht="18" customHeight="1" x14ac:dyDescent="0.2">
      <c r="A49" s="31">
        <v>36</v>
      </c>
      <c r="B49" s="27">
        <v>43</v>
      </c>
      <c r="C49" s="28">
        <v>41</v>
      </c>
      <c r="D49" s="29">
        <v>84</v>
      </c>
    </row>
    <row r="50" spans="1:4" ht="18" customHeight="1" x14ac:dyDescent="0.2">
      <c r="A50" s="31">
        <v>37</v>
      </c>
      <c r="B50" s="27">
        <v>36</v>
      </c>
      <c r="C50" s="28">
        <v>32</v>
      </c>
      <c r="D50" s="29">
        <v>68</v>
      </c>
    </row>
    <row r="51" spans="1:4" ht="18" customHeight="1" x14ac:dyDescent="0.2">
      <c r="A51" s="31">
        <v>38</v>
      </c>
      <c r="B51" s="27">
        <v>35</v>
      </c>
      <c r="C51" s="28">
        <v>31</v>
      </c>
      <c r="D51" s="29">
        <v>66</v>
      </c>
    </row>
    <row r="52" spans="1:4" ht="18" customHeight="1" x14ac:dyDescent="0.2">
      <c r="A52" s="31">
        <v>39</v>
      </c>
      <c r="B52" s="27">
        <v>34</v>
      </c>
      <c r="C52" s="28">
        <v>30</v>
      </c>
      <c r="D52" s="29">
        <v>64</v>
      </c>
    </row>
    <row r="53" spans="1:4" ht="18" customHeight="1" x14ac:dyDescent="0.2">
      <c r="A53" s="31" t="s">
        <v>74</v>
      </c>
      <c r="B53" s="27">
        <v>177</v>
      </c>
      <c r="C53" s="28">
        <v>174</v>
      </c>
      <c r="D53" s="29">
        <v>351</v>
      </c>
    </row>
    <row r="54" spans="1:4" ht="18" customHeight="1" x14ac:dyDescent="0.2">
      <c r="A54" s="31">
        <v>40</v>
      </c>
      <c r="B54" s="27">
        <v>45</v>
      </c>
      <c r="C54" s="28">
        <v>52</v>
      </c>
      <c r="D54" s="29">
        <v>97</v>
      </c>
    </row>
    <row r="55" spans="1:4" ht="18" customHeight="1" x14ac:dyDescent="0.2">
      <c r="A55" s="31">
        <v>41</v>
      </c>
      <c r="B55" s="27">
        <v>37</v>
      </c>
      <c r="C55" s="28">
        <v>32</v>
      </c>
      <c r="D55" s="29">
        <v>69</v>
      </c>
    </row>
    <row r="56" spans="1:4" ht="18" customHeight="1" x14ac:dyDescent="0.2">
      <c r="A56" s="31">
        <v>42</v>
      </c>
      <c r="B56" s="27">
        <v>37</v>
      </c>
      <c r="C56" s="28">
        <v>46</v>
      </c>
      <c r="D56" s="29">
        <v>83</v>
      </c>
    </row>
    <row r="57" spans="1:4" ht="18" customHeight="1" x14ac:dyDescent="0.2">
      <c r="A57" s="31">
        <v>43</v>
      </c>
      <c r="B57" s="27">
        <v>30</v>
      </c>
      <c r="C57" s="28">
        <v>30</v>
      </c>
      <c r="D57" s="29">
        <v>60</v>
      </c>
    </row>
    <row r="58" spans="1:4" ht="18" customHeight="1" x14ac:dyDescent="0.2">
      <c r="A58" s="31">
        <v>44</v>
      </c>
      <c r="B58" s="27">
        <v>43</v>
      </c>
      <c r="C58" s="28">
        <v>45</v>
      </c>
      <c r="D58" s="29">
        <v>88</v>
      </c>
    </row>
    <row r="59" spans="1:4" ht="18" customHeight="1" x14ac:dyDescent="0.2">
      <c r="A59" s="31" t="s">
        <v>75</v>
      </c>
      <c r="B59" s="27">
        <v>192</v>
      </c>
      <c r="C59" s="28">
        <v>205</v>
      </c>
      <c r="D59" s="29">
        <v>397</v>
      </c>
    </row>
    <row r="60" spans="1:4" ht="18" customHeight="1" x14ac:dyDescent="0.2">
      <c r="A60" s="31">
        <v>45</v>
      </c>
      <c r="B60" s="27">
        <v>34</v>
      </c>
      <c r="C60" s="28">
        <v>24</v>
      </c>
      <c r="D60" s="29">
        <v>58</v>
      </c>
    </row>
    <row r="61" spans="1:4" ht="18" customHeight="1" x14ac:dyDescent="0.2">
      <c r="A61" s="31">
        <v>46</v>
      </c>
      <c r="B61" s="27">
        <v>31</v>
      </c>
      <c r="C61" s="28">
        <v>35</v>
      </c>
      <c r="D61" s="29">
        <v>66</v>
      </c>
    </row>
    <row r="62" spans="1:4" ht="18" customHeight="1" x14ac:dyDescent="0.2">
      <c r="A62" s="31">
        <v>47</v>
      </c>
      <c r="B62" s="27">
        <v>32</v>
      </c>
      <c r="C62" s="28">
        <v>20</v>
      </c>
      <c r="D62" s="29">
        <v>52</v>
      </c>
    </row>
    <row r="63" spans="1:4" ht="18" customHeight="1" x14ac:dyDescent="0.2">
      <c r="A63" s="31">
        <v>48</v>
      </c>
      <c r="B63" s="27">
        <v>34</v>
      </c>
      <c r="C63" s="28">
        <v>27</v>
      </c>
      <c r="D63" s="29">
        <v>61</v>
      </c>
    </row>
    <row r="64" spans="1:4" ht="18" customHeight="1" x14ac:dyDescent="0.2">
      <c r="A64" s="31">
        <v>49</v>
      </c>
      <c r="B64" s="27">
        <v>33</v>
      </c>
      <c r="C64" s="28">
        <v>37</v>
      </c>
      <c r="D64" s="29">
        <v>70</v>
      </c>
    </row>
    <row r="65" spans="1:4" ht="18" customHeight="1" x14ac:dyDescent="0.2">
      <c r="A65" s="31" t="s">
        <v>76</v>
      </c>
      <c r="B65" s="27">
        <v>164</v>
      </c>
      <c r="C65" s="28">
        <v>143</v>
      </c>
      <c r="D65" s="29">
        <v>307</v>
      </c>
    </row>
    <row r="66" spans="1:4" ht="18" customHeight="1" x14ac:dyDescent="0.2">
      <c r="A66" s="31">
        <v>50</v>
      </c>
      <c r="B66" s="27">
        <v>39</v>
      </c>
      <c r="C66" s="28">
        <v>26</v>
      </c>
      <c r="D66" s="29">
        <v>65</v>
      </c>
    </row>
    <row r="67" spans="1:4" ht="18" customHeight="1" x14ac:dyDescent="0.2">
      <c r="A67" s="31">
        <v>51</v>
      </c>
      <c r="B67" s="27">
        <v>29</v>
      </c>
      <c r="C67" s="28">
        <v>36</v>
      </c>
      <c r="D67" s="29">
        <v>65</v>
      </c>
    </row>
    <row r="68" spans="1:4" ht="18" customHeight="1" x14ac:dyDescent="0.2">
      <c r="A68" s="31">
        <v>52</v>
      </c>
      <c r="B68" s="27">
        <v>23</v>
      </c>
      <c r="C68" s="28">
        <v>37</v>
      </c>
      <c r="D68" s="29">
        <v>60</v>
      </c>
    </row>
    <row r="69" spans="1:4" ht="18" customHeight="1" x14ac:dyDescent="0.2">
      <c r="A69" s="31">
        <v>53</v>
      </c>
      <c r="B69" s="27">
        <v>35</v>
      </c>
      <c r="C69" s="28">
        <v>28</v>
      </c>
      <c r="D69" s="29">
        <v>63</v>
      </c>
    </row>
    <row r="70" spans="1:4" ht="18" customHeight="1" x14ac:dyDescent="0.2">
      <c r="A70" s="31">
        <v>54</v>
      </c>
      <c r="B70" s="27">
        <v>40</v>
      </c>
      <c r="C70" s="28">
        <v>42</v>
      </c>
      <c r="D70" s="29">
        <v>82</v>
      </c>
    </row>
    <row r="71" spans="1:4" ht="18" customHeight="1" x14ac:dyDescent="0.2">
      <c r="A71" s="31" t="s">
        <v>77</v>
      </c>
      <c r="B71" s="27">
        <v>166</v>
      </c>
      <c r="C71" s="28">
        <v>169</v>
      </c>
      <c r="D71" s="29">
        <v>335</v>
      </c>
    </row>
    <row r="72" spans="1:4" ht="18" customHeight="1" x14ac:dyDescent="0.2">
      <c r="A72" s="31">
        <v>55</v>
      </c>
      <c r="B72" s="27">
        <v>36</v>
      </c>
      <c r="C72" s="28">
        <v>34</v>
      </c>
      <c r="D72" s="29">
        <v>70</v>
      </c>
    </row>
    <row r="73" spans="1:4" ht="18" customHeight="1" x14ac:dyDescent="0.2">
      <c r="A73" s="31">
        <v>56</v>
      </c>
      <c r="B73" s="27">
        <v>35</v>
      </c>
      <c r="C73" s="28">
        <v>35</v>
      </c>
      <c r="D73" s="29">
        <v>70</v>
      </c>
    </row>
    <row r="74" spans="1:4" ht="18" customHeight="1" x14ac:dyDescent="0.2">
      <c r="A74" s="31">
        <v>57</v>
      </c>
      <c r="B74" s="27">
        <v>38</v>
      </c>
      <c r="C74" s="28">
        <v>45</v>
      </c>
      <c r="D74" s="29">
        <v>83</v>
      </c>
    </row>
    <row r="75" spans="1:4" ht="18" customHeight="1" x14ac:dyDescent="0.2">
      <c r="A75" s="31">
        <v>58</v>
      </c>
      <c r="B75" s="27">
        <v>36</v>
      </c>
      <c r="C75" s="28">
        <v>33</v>
      </c>
      <c r="D75" s="29">
        <v>69</v>
      </c>
    </row>
    <row r="76" spans="1:4" ht="18" customHeight="1" x14ac:dyDescent="0.2">
      <c r="A76" s="31">
        <v>59</v>
      </c>
      <c r="B76" s="27">
        <v>39</v>
      </c>
      <c r="C76" s="28">
        <v>43</v>
      </c>
      <c r="D76" s="29">
        <v>82</v>
      </c>
    </row>
    <row r="77" spans="1:4" ht="18" customHeight="1" x14ac:dyDescent="0.2">
      <c r="A77" s="31" t="s">
        <v>78</v>
      </c>
      <c r="B77" s="27">
        <v>184</v>
      </c>
      <c r="C77" s="28">
        <v>190</v>
      </c>
      <c r="D77" s="29">
        <v>374</v>
      </c>
    </row>
    <row r="78" spans="1:4" ht="18" customHeight="1" x14ac:dyDescent="0.2">
      <c r="A78" s="31">
        <v>60</v>
      </c>
      <c r="B78" s="27">
        <v>48</v>
      </c>
      <c r="C78" s="28">
        <v>40</v>
      </c>
      <c r="D78" s="29">
        <v>88</v>
      </c>
    </row>
    <row r="79" spans="1:4" ht="18" customHeight="1" x14ac:dyDescent="0.2">
      <c r="A79" s="31">
        <v>61</v>
      </c>
      <c r="B79" s="27">
        <v>52</v>
      </c>
      <c r="C79" s="28">
        <v>40</v>
      </c>
      <c r="D79" s="29">
        <v>92</v>
      </c>
    </row>
    <row r="80" spans="1:4" ht="18" customHeight="1" x14ac:dyDescent="0.2">
      <c r="A80" s="31">
        <v>62</v>
      </c>
      <c r="B80" s="27">
        <v>43</v>
      </c>
      <c r="C80" s="28">
        <v>34</v>
      </c>
      <c r="D80" s="29">
        <v>77</v>
      </c>
    </row>
    <row r="81" spans="1:4" ht="18" customHeight="1" x14ac:dyDescent="0.2">
      <c r="A81" s="31">
        <v>63</v>
      </c>
      <c r="B81" s="27">
        <v>23</v>
      </c>
      <c r="C81" s="28">
        <v>21</v>
      </c>
      <c r="D81" s="29">
        <v>44</v>
      </c>
    </row>
    <row r="82" spans="1:4" ht="18" customHeight="1" x14ac:dyDescent="0.2">
      <c r="A82" s="31">
        <v>64</v>
      </c>
      <c r="B82" s="27">
        <v>20</v>
      </c>
      <c r="C82" s="28">
        <v>25</v>
      </c>
      <c r="D82" s="29">
        <v>45</v>
      </c>
    </row>
    <row r="83" spans="1:4" ht="18" customHeight="1" x14ac:dyDescent="0.2">
      <c r="A83" s="31" t="s">
        <v>79</v>
      </c>
      <c r="B83" s="27">
        <v>186</v>
      </c>
      <c r="C83" s="28">
        <v>160</v>
      </c>
      <c r="D83" s="29">
        <v>346</v>
      </c>
    </row>
    <row r="84" spans="1:4" ht="18" customHeight="1" x14ac:dyDescent="0.2">
      <c r="A84" s="31" t="s">
        <v>80</v>
      </c>
      <c r="B84" s="27">
        <v>1611</v>
      </c>
      <c r="C84" s="28">
        <v>1527</v>
      </c>
      <c r="D84" s="29">
        <v>3138</v>
      </c>
    </row>
    <row r="85" spans="1:4" ht="18" customHeight="1" x14ac:dyDescent="0.2">
      <c r="A85" s="31">
        <v>65</v>
      </c>
      <c r="B85" s="27">
        <v>26</v>
      </c>
      <c r="C85" s="28">
        <v>33</v>
      </c>
      <c r="D85" s="29">
        <v>59</v>
      </c>
    </row>
    <row r="86" spans="1:4" ht="18" customHeight="1" x14ac:dyDescent="0.2">
      <c r="A86" s="31">
        <v>66</v>
      </c>
      <c r="B86" s="27">
        <v>18</v>
      </c>
      <c r="C86" s="28">
        <v>27</v>
      </c>
      <c r="D86" s="29">
        <v>45</v>
      </c>
    </row>
    <row r="87" spans="1:4" ht="18" customHeight="1" x14ac:dyDescent="0.2">
      <c r="A87" s="31">
        <v>67</v>
      </c>
      <c r="B87" s="27">
        <v>29</v>
      </c>
      <c r="C87" s="28">
        <v>35</v>
      </c>
      <c r="D87" s="29">
        <v>64</v>
      </c>
    </row>
    <row r="88" spans="1:4" ht="18" customHeight="1" x14ac:dyDescent="0.2">
      <c r="A88" s="31">
        <v>68</v>
      </c>
      <c r="B88" s="27">
        <v>30</v>
      </c>
      <c r="C88" s="28">
        <v>33</v>
      </c>
      <c r="D88" s="29">
        <v>63</v>
      </c>
    </row>
    <row r="89" spans="1:4" ht="18" customHeight="1" x14ac:dyDescent="0.2">
      <c r="A89" s="31">
        <v>69</v>
      </c>
      <c r="B89" s="27">
        <v>19</v>
      </c>
      <c r="C89" s="28">
        <v>32</v>
      </c>
      <c r="D89" s="29">
        <v>51</v>
      </c>
    </row>
    <row r="90" spans="1:4" ht="18" customHeight="1" x14ac:dyDescent="0.2">
      <c r="A90" s="31" t="s">
        <v>81</v>
      </c>
      <c r="B90" s="27">
        <v>122</v>
      </c>
      <c r="C90" s="28">
        <v>160</v>
      </c>
      <c r="D90" s="29">
        <v>282</v>
      </c>
    </row>
    <row r="91" spans="1:4" ht="18" customHeight="1" x14ac:dyDescent="0.2">
      <c r="A91" s="31">
        <v>70</v>
      </c>
      <c r="B91" s="27">
        <v>24</v>
      </c>
      <c r="C91" s="28">
        <v>24</v>
      </c>
      <c r="D91" s="29">
        <v>48</v>
      </c>
    </row>
    <row r="92" spans="1:4" ht="18" customHeight="1" x14ac:dyDescent="0.2">
      <c r="A92" s="31">
        <v>71</v>
      </c>
      <c r="B92" s="27">
        <v>34</v>
      </c>
      <c r="C92" s="28">
        <v>34</v>
      </c>
      <c r="D92" s="29">
        <v>68</v>
      </c>
    </row>
    <row r="93" spans="1:4" ht="18" customHeight="1" x14ac:dyDescent="0.2">
      <c r="A93" s="31">
        <v>72</v>
      </c>
      <c r="B93" s="27">
        <v>32</v>
      </c>
      <c r="C93" s="28">
        <v>30</v>
      </c>
      <c r="D93" s="29">
        <v>62</v>
      </c>
    </row>
    <row r="94" spans="1:4" ht="18" customHeight="1" x14ac:dyDescent="0.2">
      <c r="A94" s="31">
        <v>73</v>
      </c>
      <c r="B94" s="27">
        <v>27</v>
      </c>
      <c r="C94" s="28">
        <v>34</v>
      </c>
      <c r="D94" s="29">
        <v>61</v>
      </c>
    </row>
    <row r="95" spans="1:4" ht="18" customHeight="1" x14ac:dyDescent="0.2">
      <c r="A95" s="31">
        <v>74</v>
      </c>
      <c r="B95" s="27">
        <v>13</v>
      </c>
      <c r="C95" s="28">
        <v>31</v>
      </c>
      <c r="D95" s="29">
        <v>44</v>
      </c>
    </row>
    <row r="96" spans="1:4" ht="18" customHeight="1" x14ac:dyDescent="0.2">
      <c r="A96" s="31" t="s">
        <v>82</v>
      </c>
      <c r="B96" s="27">
        <v>130</v>
      </c>
      <c r="C96" s="28">
        <v>153</v>
      </c>
      <c r="D96" s="29">
        <v>283</v>
      </c>
    </row>
    <row r="97" spans="1:4" ht="18" customHeight="1" x14ac:dyDescent="0.2">
      <c r="A97" s="31">
        <v>75</v>
      </c>
      <c r="B97" s="27">
        <v>26</v>
      </c>
      <c r="C97" s="28">
        <v>25</v>
      </c>
      <c r="D97" s="29">
        <v>51</v>
      </c>
    </row>
    <row r="98" spans="1:4" ht="18" customHeight="1" x14ac:dyDescent="0.2">
      <c r="A98" s="31">
        <v>76</v>
      </c>
      <c r="B98" s="27">
        <v>19</v>
      </c>
      <c r="C98" s="28">
        <v>25</v>
      </c>
      <c r="D98" s="29">
        <v>44</v>
      </c>
    </row>
    <row r="99" spans="1:4" ht="18" customHeight="1" x14ac:dyDescent="0.2">
      <c r="A99" s="31">
        <v>77</v>
      </c>
      <c r="B99" s="27">
        <v>25</v>
      </c>
      <c r="C99" s="28">
        <v>40</v>
      </c>
      <c r="D99" s="29">
        <v>65</v>
      </c>
    </row>
    <row r="100" spans="1:4" ht="18" customHeight="1" x14ac:dyDescent="0.2">
      <c r="A100" s="31">
        <v>78</v>
      </c>
      <c r="B100" s="27">
        <v>22</v>
      </c>
      <c r="C100" s="28">
        <v>30</v>
      </c>
      <c r="D100" s="29">
        <v>52</v>
      </c>
    </row>
    <row r="101" spans="1:4" ht="18" customHeight="1" x14ac:dyDescent="0.2">
      <c r="A101" s="31">
        <v>79</v>
      </c>
      <c r="B101" s="27">
        <v>19</v>
      </c>
      <c r="C101" s="28">
        <v>23</v>
      </c>
      <c r="D101" s="29">
        <v>42</v>
      </c>
    </row>
    <row r="102" spans="1:4" ht="18" customHeight="1" x14ac:dyDescent="0.2">
      <c r="A102" s="31" t="s">
        <v>83</v>
      </c>
      <c r="B102" s="27">
        <v>111</v>
      </c>
      <c r="C102" s="28">
        <v>143</v>
      </c>
      <c r="D102" s="29">
        <v>254</v>
      </c>
    </row>
    <row r="103" spans="1:4" ht="18" customHeight="1" x14ac:dyDescent="0.2">
      <c r="A103" s="31">
        <v>80</v>
      </c>
      <c r="B103" s="27">
        <v>11</v>
      </c>
      <c r="C103" s="28">
        <v>20</v>
      </c>
      <c r="D103" s="29">
        <v>31</v>
      </c>
    </row>
    <row r="104" spans="1:4" ht="18" customHeight="1" x14ac:dyDescent="0.2">
      <c r="A104" s="31">
        <v>81</v>
      </c>
      <c r="B104" s="27">
        <v>16</v>
      </c>
      <c r="C104" s="28">
        <v>28</v>
      </c>
      <c r="D104" s="29">
        <v>44</v>
      </c>
    </row>
    <row r="105" spans="1:4" ht="18" customHeight="1" x14ac:dyDescent="0.2">
      <c r="A105" s="31">
        <v>82</v>
      </c>
      <c r="B105" s="27">
        <v>8</v>
      </c>
      <c r="C105" s="28">
        <v>19</v>
      </c>
      <c r="D105" s="29">
        <v>27</v>
      </c>
    </row>
    <row r="106" spans="1:4" ht="18" customHeight="1" x14ac:dyDescent="0.2">
      <c r="A106" s="31">
        <v>83</v>
      </c>
      <c r="B106" s="27">
        <v>23</v>
      </c>
      <c r="C106" s="28">
        <v>14</v>
      </c>
      <c r="D106" s="29">
        <v>37</v>
      </c>
    </row>
    <row r="107" spans="1:4" ht="18" customHeight="1" x14ac:dyDescent="0.2">
      <c r="A107" s="31">
        <v>84</v>
      </c>
      <c r="B107" s="27">
        <v>5</v>
      </c>
      <c r="C107" s="28">
        <v>14</v>
      </c>
      <c r="D107" s="29">
        <v>19</v>
      </c>
    </row>
    <row r="108" spans="1:4" ht="18" customHeight="1" x14ac:dyDescent="0.2">
      <c r="A108" s="31" t="s">
        <v>84</v>
      </c>
      <c r="B108" s="27">
        <v>63</v>
      </c>
      <c r="C108" s="28">
        <v>95</v>
      </c>
      <c r="D108" s="29">
        <v>158</v>
      </c>
    </row>
    <row r="109" spans="1:4" ht="18" customHeight="1" x14ac:dyDescent="0.2">
      <c r="A109" s="31">
        <v>85</v>
      </c>
      <c r="B109" s="27">
        <v>5</v>
      </c>
      <c r="C109" s="28">
        <v>14</v>
      </c>
      <c r="D109" s="29">
        <v>19</v>
      </c>
    </row>
    <row r="110" spans="1:4" ht="18" customHeight="1" x14ac:dyDescent="0.2">
      <c r="A110" s="31">
        <v>86</v>
      </c>
      <c r="B110" s="27">
        <v>7</v>
      </c>
      <c r="C110" s="28">
        <v>13</v>
      </c>
      <c r="D110" s="29">
        <v>20</v>
      </c>
    </row>
    <row r="111" spans="1:4" ht="18" customHeight="1" x14ac:dyDescent="0.2">
      <c r="A111" s="31">
        <v>87</v>
      </c>
      <c r="B111" s="27">
        <v>4</v>
      </c>
      <c r="C111" s="28">
        <v>11</v>
      </c>
      <c r="D111" s="29">
        <v>15</v>
      </c>
    </row>
    <row r="112" spans="1:4" ht="18" customHeight="1" x14ac:dyDescent="0.2">
      <c r="A112" s="31">
        <v>88</v>
      </c>
      <c r="B112" s="27">
        <v>5</v>
      </c>
      <c r="C112" s="28">
        <v>15</v>
      </c>
      <c r="D112" s="29">
        <v>20</v>
      </c>
    </row>
    <row r="113" spans="1:4" ht="18" customHeight="1" x14ac:dyDescent="0.2">
      <c r="A113" s="31">
        <v>89</v>
      </c>
      <c r="B113" s="27">
        <v>4</v>
      </c>
      <c r="C113" s="28">
        <v>10</v>
      </c>
      <c r="D113" s="29">
        <v>14</v>
      </c>
    </row>
    <row r="114" spans="1:4" ht="18" customHeight="1" x14ac:dyDescent="0.2">
      <c r="A114" s="31" t="s">
        <v>85</v>
      </c>
      <c r="B114" s="27">
        <v>25</v>
      </c>
      <c r="C114" s="28">
        <v>63</v>
      </c>
      <c r="D114" s="29">
        <v>88</v>
      </c>
    </row>
    <row r="115" spans="1:4" ht="18" customHeight="1" x14ac:dyDescent="0.2">
      <c r="A115" s="31">
        <v>90</v>
      </c>
      <c r="B115" s="27">
        <v>4</v>
      </c>
      <c r="C115" s="28">
        <v>7</v>
      </c>
      <c r="D115" s="29">
        <v>11</v>
      </c>
    </row>
    <row r="116" spans="1:4" ht="18" customHeight="1" x14ac:dyDescent="0.2">
      <c r="A116" s="31">
        <v>91</v>
      </c>
      <c r="B116" s="27">
        <v>3</v>
      </c>
      <c r="C116" s="28">
        <v>9</v>
      </c>
      <c r="D116" s="29">
        <v>12</v>
      </c>
    </row>
    <row r="117" spans="1:4" ht="18" customHeight="1" x14ac:dyDescent="0.2">
      <c r="A117" s="31">
        <v>92</v>
      </c>
      <c r="B117" s="27">
        <v>2</v>
      </c>
      <c r="C117" s="28">
        <v>4</v>
      </c>
      <c r="D117" s="29">
        <v>6</v>
      </c>
    </row>
    <row r="118" spans="1:4" ht="18" customHeight="1" x14ac:dyDescent="0.2">
      <c r="A118" s="31">
        <v>93</v>
      </c>
      <c r="B118" s="27">
        <v>2</v>
      </c>
      <c r="C118" s="28">
        <v>4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11</v>
      </c>
      <c r="C120" s="28">
        <v>25</v>
      </c>
      <c r="D120" s="29">
        <v>36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3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87</v>
      </c>
      <c r="B126" s="27">
        <v>2</v>
      </c>
      <c r="C126" s="28">
        <v>10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88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89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90</v>
      </c>
      <c r="B130" s="4">
        <v>464</v>
      </c>
      <c r="C130" s="5">
        <v>652</v>
      </c>
      <c r="D130" s="6">
        <v>1116</v>
      </c>
    </row>
    <row r="131" spans="1:4" ht="18" customHeight="1" x14ac:dyDescent="0.2">
      <c r="A131" s="33" t="s">
        <v>65</v>
      </c>
      <c r="B131" s="7">
        <v>2468</v>
      </c>
      <c r="C131" s="8">
        <v>2542</v>
      </c>
      <c r="D131" s="9">
        <v>501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22</v>
      </c>
      <c r="C5" s="37">
        <v>203</v>
      </c>
      <c r="D5" s="39">
        <v>425</v>
      </c>
    </row>
    <row r="6" spans="1:4" ht="18" customHeight="1" x14ac:dyDescent="0.2">
      <c r="A6" s="31">
        <v>1</v>
      </c>
      <c r="B6" s="35">
        <v>240</v>
      </c>
      <c r="C6" s="28">
        <v>207</v>
      </c>
      <c r="D6" s="29">
        <v>447</v>
      </c>
    </row>
    <row r="7" spans="1:4" ht="18" customHeight="1" x14ac:dyDescent="0.2">
      <c r="A7" s="31">
        <v>2</v>
      </c>
      <c r="B7" s="35">
        <v>227</v>
      </c>
      <c r="C7" s="28">
        <v>218</v>
      </c>
      <c r="D7" s="29">
        <v>445</v>
      </c>
    </row>
    <row r="8" spans="1:4" ht="18" customHeight="1" x14ac:dyDescent="0.2">
      <c r="A8" s="31">
        <v>3</v>
      </c>
      <c r="B8" s="35">
        <v>206</v>
      </c>
      <c r="C8" s="28">
        <v>206</v>
      </c>
      <c r="D8" s="29">
        <v>412</v>
      </c>
    </row>
    <row r="9" spans="1:4" ht="18" customHeight="1" x14ac:dyDescent="0.2">
      <c r="A9" s="31">
        <v>4</v>
      </c>
      <c r="B9" s="36">
        <v>246</v>
      </c>
      <c r="C9" s="38">
        <v>224</v>
      </c>
      <c r="D9" s="40">
        <v>470</v>
      </c>
    </row>
    <row r="10" spans="1:4" ht="18" customHeight="1" x14ac:dyDescent="0.2">
      <c r="A10" s="31" t="s">
        <v>66</v>
      </c>
      <c r="B10" s="27">
        <v>1141</v>
      </c>
      <c r="C10" s="28">
        <v>1058</v>
      </c>
      <c r="D10" s="29">
        <v>2199</v>
      </c>
    </row>
    <row r="11" spans="1:4" ht="18" customHeight="1" x14ac:dyDescent="0.2">
      <c r="A11" s="31">
        <v>5</v>
      </c>
      <c r="B11" s="35">
        <v>224</v>
      </c>
      <c r="C11" s="28">
        <v>218</v>
      </c>
      <c r="D11" s="29">
        <v>442</v>
      </c>
    </row>
    <row r="12" spans="1:4" ht="18" customHeight="1" x14ac:dyDescent="0.2">
      <c r="A12" s="31">
        <v>6</v>
      </c>
      <c r="B12" s="35">
        <v>235</v>
      </c>
      <c r="C12" s="28">
        <v>198</v>
      </c>
      <c r="D12" s="29">
        <v>433</v>
      </c>
    </row>
    <row r="13" spans="1:4" ht="18" customHeight="1" x14ac:dyDescent="0.2">
      <c r="A13" s="31">
        <v>7</v>
      </c>
      <c r="B13" s="35">
        <v>225</v>
      </c>
      <c r="C13" s="28">
        <v>229</v>
      </c>
      <c r="D13" s="29">
        <v>454</v>
      </c>
    </row>
    <row r="14" spans="1:4" ht="18" customHeight="1" x14ac:dyDescent="0.2">
      <c r="A14" s="31">
        <v>8</v>
      </c>
      <c r="B14" s="35">
        <v>228</v>
      </c>
      <c r="C14" s="28">
        <v>172</v>
      </c>
      <c r="D14" s="29">
        <v>400</v>
      </c>
    </row>
    <row r="15" spans="1:4" ht="18" customHeight="1" x14ac:dyDescent="0.2">
      <c r="A15" s="31">
        <v>9</v>
      </c>
      <c r="B15" s="35">
        <v>211</v>
      </c>
      <c r="C15" s="28">
        <v>206</v>
      </c>
      <c r="D15" s="29">
        <v>417</v>
      </c>
    </row>
    <row r="16" spans="1:4" ht="18" customHeight="1" x14ac:dyDescent="0.2">
      <c r="A16" s="31" t="s">
        <v>67</v>
      </c>
      <c r="B16" s="27">
        <v>1123</v>
      </c>
      <c r="C16" s="28">
        <v>1023</v>
      </c>
      <c r="D16" s="29">
        <v>2146</v>
      </c>
    </row>
    <row r="17" spans="1:4" ht="18" customHeight="1" x14ac:dyDescent="0.2">
      <c r="A17" s="31">
        <v>10</v>
      </c>
      <c r="B17" s="27">
        <v>205</v>
      </c>
      <c r="C17" s="28">
        <v>198</v>
      </c>
      <c r="D17" s="29">
        <v>403</v>
      </c>
    </row>
    <row r="18" spans="1:4" ht="18" customHeight="1" x14ac:dyDescent="0.2">
      <c r="A18" s="31">
        <v>11</v>
      </c>
      <c r="B18" s="27">
        <v>190</v>
      </c>
      <c r="C18" s="28">
        <v>204</v>
      </c>
      <c r="D18" s="29">
        <v>394</v>
      </c>
    </row>
    <row r="19" spans="1:4" ht="18" customHeight="1" x14ac:dyDescent="0.2">
      <c r="A19" s="31">
        <v>12</v>
      </c>
      <c r="B19" s="27">
        <v>206</v>
      </c>
      <c r="C19" s="28">
        <v>216</v>
      </c>
      <c r="D19" s="29">
        <v>422</v>
      </c>
    </row>
    <row r="20" spans="1:4" ht="18" customHeight="1" x14ac:dyDescent="0.2">
      <c r="A20" s="31">
        <v>13</v>
      </c>
      <c r="B20" s="27">
        <v>201</v>
      </c>
      <c r="C20" s="28">
        <v>188</v>
      </c>
      <c r="D20" s="29">
        <v>389</v>
      </c>
    </row>
    <row r="21" spans="1:4" ht="18" customHeight="1" x14ac:dyDescent="0.2">
      <c r="A21" s="31">
        <v>14</v>
      </c>
      <c r="B21" s="27">
        <v>197</v>
      </c>
      <c r="C21" s="28">
        <v>230</v>
      </c>
      <c r="D21" s="29">
        <v>427</v>
      </c>
    </row>
    <row r="22" spans="1:4" ht="18" customHeight="1" x14ac:dyDescent="0.2">
      <c r="A22" s="31" t="s">
        <v>68</v>
      </c>
      <c r="B22" s="27">
        <v>999</v>
      </c>
      <c r="C22" s="28">
        <v>1036</v>
      </c>
      <c r="D22" s="29">
        <v>2035</v>
      </c>
    </row>
    <row r="23" spans="1:4" ht="18" customHeight="1" x14ac:dyDescent="0.2">
      <c r="A23" s="31" t="s">
        <v>69</v>
      </c>
      <c r="B23" s="27">
        <v>3263</v>
      </c>
      <c r="C23" s="28">
        <v>3117</v>
      </c>
      <c r="D23" s="29">
        <v>6380</v>
      </c>
    </row>
    <row r="24" spans="1:4" ht="18" customHeight="1" x14ac:dyDescent="0.2">
      <c r="A24" s="31">
        <v>15</v>
      </c>
      <c r="B24" s="27">
        <v>205</v>
      </c>
      <c r="C24" s="28">
        <v>190</v>
      </c>
      <c r="D24" s="29">
        <v>395</v>
      </c>
    </row>
    <row r="25" spans="1:4" ht="18" customHeight="1" x14ac:dyDescent="0.2">
      <c r="A25" s="31">
        <v>16</v>
      </c>
      <c r="B25" s="27">
        <v>222</v>
      </c>
      <c r="C25" s="28">
        <v>175</v>
      </c>
      <c r="D25" s="29">
        <v>397</v>
      </c>
    </row>
    <row r="26" spans="1:4" ht="18" customHeight="1" x14ac:dyDescent="0.2">
      <c r="A26" s="31">
        <v>17</v>
      </c>
      <c r="B26" s="27">
        <v>212</v>
      </c>
      <c r="C26" s="28">
        <v>227</v>
      </c>
      <c r="D26" s="29">
        <v>439</v>
      </c>
    </row>
    <row r="27" spans="1:4" ht="18" customHeight="1" x14ac:dyDescent="0.2">
      <c r="A27" s="31">
        <v>18</v>
      </c>
      <c r="B27" s="27">
        <v>215</v>
      </c>
      <c r="C27" s="28">
        <v>200</v>
      </c>
      <c r="D27" s="29">
        <v>415</v>
      </c>
    </row>
    <row r="28" spans="1:4" ht="18" customHeight="1" x14ac:dyDescent="0.2">
      <c r="A28" s="31">
        <v>19</v>
      </c>
      <c r="B28" s="27">
        <v>216</v>
      </c>
      <c r="C28" s="28">
        <v>188</v>
      </c>
      <c r="D28" s="29">
        <v>404</v>
      </c>
    </row>
    <row r="29" spans="1:4" ht="18" customHeight="1" x14ac:dyDescent="0.2">
      <c r="A29" s="31" t="s">
        <v>70</v>
      </c>
      <c r="B29" s="27">
        <v>1070</v>
      </c>
      <c r="C29" s="28">
        <v>980</v>
      </c>
      <c r="D29" s="29">
        <v>2050</v>
      </c>
    </row>
    <row r="30" spans="1:4" ht="18" customHeight="1" x14ac:dyDescent="0.2">
      <c r="A30" s="31">
        <v>20</v>
      </c>
      <c r="B30" s="27">
        <v>212</v>
      </c>
      <c r="C30" s="28">
        <v>199</v>
      </c>
      <c r="D30" s="29">
        <v>411</v>
      </c>
    </row>
    <row r="31" spans="1:4" ht="18" customHeight="1" x14ac:dyDescent="0.2">
      <c r="A31" s="31">
        <v>21</v>
      </c>
      <c r="B31" s="27">
        <v>199</v>
      </c>
      <c r="C31" s="28">
        <v>186</v>
      </c>
      <c r="D31" s="29">
        <v>385</v>
      </c>
    </row>
    <row r="32" spans="1:4" ht="18" customHeight="1" x14ac:dyDescent="0.2">
      <c r="A32" s="31">
        <v>22</v>
      </c>
      <c r="B32" s="27">
        <v>225</v>
      </c>
      <c r="C32" s="28">
        <v>186</v>
      </c>
      <c r="D32" s="29">
        <v>411</v>
      </c>
    </row>
    <row r="33" spans="1:4" ht="18" customHeight="1" x14ac:dyDescent="0.2">
      <c r="A33" s="31">
        <v>23</v>
      </c>
      <c r="B33" s="27">
        <v>176</v>
      </c>
      <c r="C33" s="28">
        <v>176</v>
      </c>
      <c r="D33" s="29">
        <v>352</v>
      </c>
    </row>
    <row r="34" spans="1:4" ht="18" customHeight="1" x14ac:dyDescent="0.2">
      <c r="A34" s="31">
        <v>24</v>
      </c>
      <c r="B34" s="27">
        <v>226</v>
      </c>
      <c r="C34" s="28">
        <v>218</v>
      </c>
      <c r="D34" s="29">
        <v>444</v>
      </c>
    </row>
    <row r="35" spans="1:4" ht="18" customHeight="1" x14ac:dyDescent="0.2">
      <c r="A35" s="31" t="s">
        <v>71</v>
      </c>
      <c r="B35" s="27">
        <v>1038</v>
      </c>
      <c r="C35" s="28">
        <v>965</v>
      </c>
      <c r="D35" s="29">
        <v>2003</v>
      </c>
    </row>
    <row r="36" spans="1:4" ht="18" customHeight="1" x14ac:dyDescent="0.2">
      <c r="A36" s="31">
        <v>25</v>
      </c>
      <c r="B36" s="27">
        <v>225</v>
      </c>
      <c r="C36" s="28">
        <v>226</v>
      </c>
      <c r="D36" s="29">
        <v>451</v>
      </c>
    </row>
    <row r="37" spans="1:4" ht="18" customHeight="1" x14ac:dyDescent="0.2">
      <c r="A37" s="31">
        <v>26</v>
      </c>
      <c r="B37" s="27">
        <v>229</v>
      </c>
      <c r="C37" s="28">
        <v>218</v>
      </c>
      <c r="D37" s="29">
        <v>447</v>
      </c>
    </row>
    <row r="38" spans="1:4" ht="18" customHeight="1" x14ac:dyDescent="0.2">
      <c r="A38" s="31">
        <v>27</v>
      </c>
      <c r="B38" s="27">
        <v>205</v>
      </c>
      <c r="C38" s="28">
        <v>228</v>
      </c>
      <c r="D38" s="29">
        <v>433</v>
      </c>
    </row>
    <row r="39" spans="1:4" ht="18" customHeight="1" x14ac:dyDescent="0.2">
      <c r="A39" s="31">
        <v>28</v>
      </c>
      <c r="B39" s="27">
        <v>238</v>
      </c>
      <c r="C39" s="28">
        <v>223</v>
      </c>
      <c r="D39" s="29">
        <v>461</v>
      </c>
    </row>
    <row r="40" spans="1:4" ht="18" customHeight="1" x14ac:dyDescent="0.2">
      <c r="A40" s="31">
        <v>29</v>
      </c>
      <c r="B40" s="27">
        <v>282</v>
      </c>
      <c r="C40" s="28">
        <v>237</v>
      </c>
      <c r="D40" s="29">
        <v>519</v>
      </c>
    </row>
    <row r="41" spans="1:4" ht="18" customHeight="1" x14ac:dyDescent="0.2">
      <c r="A41" s="31" t="s">
        <v>72</v>
      </c>
      <c r="B41" s="27">
        <v>1179</v>
      </c>
      <c r="C41" s="28">
        <v>1132</v>
      </c>
      <c r="D41" s="29">
        <v>2311</v>
      </c>
    </row>
    <row r="42" spans="1:4" ht="18" customHeight="1" x14ac:dyDescent="0.2">
      <c r="A42" s="31">
        <v>30</v>
      </c>
      <c r="B42" s="27">
        <v>279</v>
      </c>
      <c r="C42" s="28">
        <v>284</v>
      </c>
      <c r="D42" s="29">
        <v>563</v>
      </c>
    </row>
    <row r="43" spans="1:4" ht="18" customHeight="1" x14ac:dyDescent="0.2">
      <c r="A43" s="31">
        <v>31</v>
      </c>
      <c r="B43" s="27">
        <v>356</v>
      </c>
      <c r="C43" s="28">
        <v>263</v>
      </c>
      <c r="D43" s="29">
        <v>619</v>
      </c>
    </row>
    <row r="44" spans="1:4" ht="18" customHeight="1" x14ac:dyDescent="0.2">
      <c r="A44" s="31">
        <v>32</v>
      </c>
      <c r="B44" s="27">
        <v>301</v>
      </c>
      <c r="C44" s="28">
        <v>359</v>
      </c>
      <c r="D44" s="29">
        <v>660</v>
      </c>
    </row>
    <row r="45" spans="1:4" ht="18" customHeight="1" x14ac:dyDescent="0.2">
      <c r="A45" s="31">
        <v>33</v>
      </c>
      <c r="B45" s="27">
        <v>354</v>
      </c>
      <c r="C45" s="28">
        <v>314</v>
      </c>
      <c r="D45" s="29">
        <v>668</v>
      </c>
    </row>
    <row r="46" spans="1:4" ht="18" customHeight="1" x14ac:dyDescent="0.2">
      <c r="A46" s="31">
        <v>34</v>
      </c>
      <c r="B46" s="27">
        <v>350</v>
      </c>
      <c r="C46" s="28">
        <v>347</v>
      </c>
      <c r="D46" s="29">
        <v>697</v>
      </c>
    </row>
    <row r="47" spans="1:4" ht="18" customHeight="1" x14ac:dyDescent="0.2">
      <c r="A47" s="31" t="s">
        <v>73</v>
      </c>
      <c r="B47" s="27">
        <v>1640</v>
      </c>
      <c r="C47" s="28">
        <v>1567</v>
      </c>
      <c r="D47" s="29">
        <v>3207</v>
      </c>
    </row>
    <row r="48" spans="1:4" ht="18" customHeight="1" x14ac:dyDescent="0.2">
      <c r="A48" s="31">
        <v>35</v>
      </c>
      <c r="B48" s="27">
        <v>368</v>
      </c>
      <c r="C48" s="28">
        <v>366</v>
      </c>
      <c r="D48" s="29">
        <v>734</v>
      </c>
    </row>
    <row r="49" spans="1:4" ht="18" customHeight="1" x14ac:dyDescent="0.2">
      <c r="A49" s="31">
        <v>36</v>
      </c>
      <c r="B49" s="27">
        <v>373</v>
      </c>
      <c r="C49" s="28">
        <v>333</v>
      </c>
      <c r="D49" s="29">
        <v>706</v>
      </c>
    </row>
    <row r="50" spans="1:4" ht="18" customHeight="1" x14ac:dyDescent="0.2">
      <c r="A50" s="31">
        <v>37</v>
      </c>
      <c r="B50" s="27">
        <v>338</v>
      </c>
      <c r="C50" s="28">
        <v>335</v>
      </c>
      <c r="D50" s="29">
        <v>673</v>
      </c>
    </row>
    <row r="51" spans="1:4" ht="18" customHeight="1" x14ac:dyDescent="0.2">
      <c r="A51" s="31">
        <v>38</v>
      </c>
      <c r="B51" s="27">
        <v>284</v>
      </c>
      <c r="C51" s="28">
        <v>279</v>
      </c>
      <c r="D51" s="29">
        <v>563</v>
      </c>
    </row>
    <row r="52" spans="1:4" ht="18" customHeight="1" x14ac:dyDescent="0.2">
      <c r="A52" s="31">
        <v>39</v>
      </c>
      <c r="B52" s="27">
        <v>327</v>
      </c>
      <c r="C52" s="28">
        <v>292</v>
      </c>
      <c r="D52" s="29">
        <v>619</v>
      </c>
    </row>
    <row r="53" spans="1:4" ht="18" customHeight="1" x14ac:dyDescent="0.2">
      <c r="A53" s="31" t="s">
        <v>74</v>
      </c>
      <c r="B53" s="27">
        <v>1690</v>
      </c>
      <c r="C53" s="28">
        <v>1605</v>
      </c>
      <c r="D53" s="29">
        <v>3295</v>
      </c>
    </row>
    <row r="54" spans="1:4" ht="18" customHeight="1" x14ac:dyDescent="0.2">
      <c r="A54" s="31">
        <v>40</v>
      </c>
      <c r="B54" s="27">
        <v>320</v>
      </c>
      <c r="C54" s="28">
        <v>298</v>
      </c>
      <c r="D54" s="29">
        <v>618</v>
      </c>
    </row>
    <row r="55" spans="1:4" ht="18" customHeight="1" x14ac:dyDescent="0.2">
      <c r="A55" s="31">
        <v>41</v>
      </c>
      <c r="B55" s="27">
        <v>236</v>
      </c>
      <c r="C55" s="28">
        <v>279</v>
      </c>
      <c r="D55" s="29">
        <v>515</v>
      </c>
    </row>
    <row r="56" spans="1:4" ht="18" customHeight="1" x14ac:dyDescent="0.2">
      <c r="A56" s="31">
        <v>42</v>
      </c>
      <c r="B56" s="27">
        <v>257</v>
      </c>
      <c r="C56" s="28">
        <v>256</v>
      </c>
      <c r="D56" s="29">
        <v>513</v>
      </c>
    </row>
    <row r="57" spans="1:4" ht="18" customHeight="1" x14ac:dyDescent="0.2">
      <c r="A57" s="31">
        <v>43</v>
      </c>
      <c r="B57" s="27">
        <v>211</v>
      </c>
      <c r="C57" s="28">
        <v>226</v>
      </c>
      <c r="D57" s="29">
        <v>437</v>
      </c>
    </row>
    <row r="58" spans="1:4" ht="18" customHeight="1" x14ac:dyDescent="0.2">
      <c r="A58" s="31">
        <v>44</v>
      </c>
      <c r="B58" s="27">
        <v>277</v>
      </c>
      <c r="C58" s="28">
        <v>273</v>
      </c>
      <c r="D58" s="29">
        <v>550</v>
      </c>
    </row>
    <row r="59" spans="1:4" ht="18" customHeight="1" x14ac:dyDescent="0.2">
      <c r="A59" s="31" t="s">
        <v>75</v>
      </c>
      <c r="B59" s="27">
        <v>1301</v>
      </c>
      <c r="C59" s="28">
        <v>1332</v>
      </c>
      <c r="D59" s="29">
        <v>2633</v>
      </c>
    </row>
    <row r="60" spans="1:4" ht="18" customHeight="1" x14ac:dyDescent="0.2">
      <c r="A60" s="31">
        <v>45</v>
      </c>
      <c r="B60" s="27">
        <v>245</v>
      </c>
      <c r="C60" s="28">
        <v>253</v>
      </c>
      <c r="D60" s="29">
        <v>498</v>
      </c>
    </row>
    <row r="61" spans="1:4" ht="18" customHeight="1" x14ac:dyDescent="0.2">
      <c r="A61" s="31">
        <v>46</v>
      </c>
      <c r="B61" s="27">
        <v>238</v>
      </c>
      <c r="C61" s="28">
        <v>266</v>
      </c>
      <c r="D61" s="29">
        <v>504</v>
      </c>
    </row>
    <row r="62" spans="1:4" ht="18" customHeight="1" x14ac:dyDescent="0.2">
      <c r="A62" s="31">
        <v>47</v>
      </c>
      <c r="B62" s="27">
        <v>232</v>
      </c>
      <c r="C62" s="28">
        <v>227</v>
      </c>
      <c r="D62" s="29">
        <v>459</v>
      </c>
    </row>
    <row r="63" spans="1:4" ht="18" customHeight="1" x14ac:dyDescent="0.2">
      <c r="A63" s="31">
        <v>48</v>
      </c>
      <c r="B63" s="27">
        <v>225</v>
      </c>
      <c r="C63" s="28">
        <v>250</v>
      </c>
      <c r="D63" s="29">
        <v>475</v>
      </c>
    </row>
    <row r="64" spans="1:4" ht="18" customHeight="1" x14ac:dyDescent="0.2">
      <c r="A64" s="31">
        <v>49</v>
      </c>
      <c r="B64" s="27">
        <v>237</v>
      </c>
      <c r="C64" s="28">
        <v>221</v>
      </c>
      <c r="D64" s="29">
        <v>458</v>
      </c>
    </row>
    <row r="65" spans="1:4" ht="18" customHeight="1" x14ac:dyDescent="0.2">
      <c r="A65" s="31" t="s">
        <v>76</v>
      </c>
      <c r="B65" s="27">
        <v>1177</v>
      </c>
      <c r="C65" s="28">
        <v>1217</v>
      </c>
      <c r="D65" s="29">
        <v>2394</v>
      </c>
    </row>
    <row r="66" spans="1:4" ht="18" customHeight="1" x14ac:dyDescent="0.2">
      <c r="A66" s="31">
        <v>50</v>
      </c>
      <c r="B66" s="27">
        <v>245</v>
      </c>
      <c r="C66" s="28">
        <v>226</v>
      </c>
      <c r="D66" s="29">
        <v>471</v>
      </c>
    </row>
    <row r="67" spans="1:4" ht="18" customHeight="1" x14ac:dyDescent="0.2">
      <c r="A67" s="31">
        <v>51</v>
      </c>
      <c r="B67" s="27">
        <v>201</v>
      </c>
      <c r="C67" s="28">
        <v>238</v>
      </c>
      <c r="D67" s="29">
        <v>439</v>
      </c>
    </row>
    <row r="68" spans="1:4" ht="18" customHeight="1" x14ac:dyDescent="0.2">
      <c r="A68" s="31">
        <v>52</v>
      </c>
      <c r="B68" s="27">
        <v>215</v>
      </c>
      <c r="C68" s="28">
        <v>219</v>
      </c>
      <c r="D68" s="29">
        <v>434</v>
      </c>
    </row>
    <row r="69" spans="1:4" ht="18" customHeight="1" x14ac:dyDescent="0.2">
      <c r="A69" s="31">
        <v>53</v>
      </c>
      <c r="B69" s="27">
        <v>235</v>
      </c>
      <c r="C69" s="28">
        <v>253</v>
      </c>
      <c r="D69" s="29">
        <v>488</v>
      </c>
    </row>
    <row r="70" spans="1:4" ht="18" customHeight="1" x14ac:dyDescent="0.2">
      <c r="A70" s="31">
        <v>54</v>
      </c>
      <c r="B70" s="27">
        <v>262</v>
      </c>
      <c r="C70" s="28">
        <v>259</v>
      </c>
      <c r="D70" s="29">
        <v>521</v>
      </c>
    </row>
    <row r="71" spans="1:4" ht="18" customHeight="1" x14ac:dyDescent="0.2">
      <c r="A71" s="31" t="s">
        <v>77</v>
      </c>
      <c r="B71" s="27">
        <v>1158</v>
      </c>
      <c r="C71" s="28">
        <v>1195</v>
      </c>
      <c r="D71" s="29">
        <v>2353</v>
      </c>
    </row>
    <row r="72" spans="1:4" ht="18" customHeight="1" x14ac:dyDescent="0.2">
      <c r="A72" s="31">
        <v>55</v>
      </c>
      <c r="B72" s="27">
        <v>261</v>
      </c>
      <c r="C72" s="28">
        <v>247</v>
      </c>
      <c r="D72" s="29">
        <v>508</v>
      </c>
    </row>
    <row r="73" spans="1:4" ht="18" customHeight="1" x14ac:dyDescent="0.2">
      <c r="A73" s="31">
        <v>56</v>
      </c>
      <c r="B73" s="27">
        <v>261</v>
      </c>
      <c r="C73" s="28">
        <v>271</v>
      </c>
      <c r="D73" s="29">
        <v>532</v>
      </c>
    </row>
    <row r="74" spans="1:4" ht="18" customHeight="1" x14ac:dyDescent="0.2">
      <c r="A74" s="31">
        <v>57</v>
      </c>
      <c r="B74" s="27">
        <v>259</v>
      </c>
      <c r="C74" s="28">
        <v>290</v>
      </c>
      <c r="D74" s="29">
        <v>549</v>
      </c>
    </row>
    <row r="75" spans="1:4" ht="18" customHeight="1" x14ac:dyDescent="0.2">
      <c r="A75" s="31">
        <v>58</v>
      </c>
      <c r="B75" s="27">
        <v>284</v>
      </c>
      <c r="C75" s="28">
        <v>263</v>
      </c>
      <c r="D75" s="29">
        <v>547</v>
      </c>
    </row>
    <row r="76" spans="1:4" ht="18" customHeight="1" x14ac:dyDescent="0.2">
      <c r="A76" s="31">
        <v>59</v>
      </c>
      <c r="B76" s="27">
        <v>273</v>
      </c>
      <c r="C76" s="28">
        <v>313</v>
      </c>
      <c r="D76" s="29">
        <v>586</v>
      </c>
    </row>
    <row r="77" spans="1:4" ht="18" customHeight="1" x14ac:dyDescent="0.2">
      <c r="A77" s="31" t="s">
        <v>78</v>
      </c>
      <c r="B77" s="27">
        <v>1338</v>
      </c>
      <c r="C77" s="28">
        <v>1384</v>
      </c>
      <c r="D77" s="29">
        <v>2722</v>
      </c>
    </row>
    <row r="78" spans="1:4" ht="18" customHeight="1" x14ac:dyDescent="0.2">
      <c r="A78" s="31">
        <v>60</v>
      </c>
      <c r="B78" s="27">
        <v>385</v>
      </c>
      <c r="C78" s="28">
        <v>351</v>
      </c>
      <c r="D78" s="29">
        <v>736</v>
      </c>
    </row>
    <row r="79" spans="1:4" ht="18" customHeight="1" x14ac:dyDescent="0.2">
      <c r="A79" s="31">
        <v>61</v>
      </c>
      <c r="B79" s="27">
        <v>344</v>
      </c>
      <c r="C79" s="28">
        <v>332</v>
      </c>
      <c r="D79" s="29">
        <v>676</v>
      </c>
    </row>
    <row r="80" spans="1:4" ht="18" customHeight="1" x14ac:dyDescent="0.2">
      <c r="A80" s="31">
        <v>62</v>
      </c>
      <c r="B80" s="27">
        <v>284</v>
      </c>
      <c r="C80" s="28">
        <v>292</v>
      </c>
      <c r="D80" s="29">
        <v>576</v>
      </c>
    </row>
    <row r="81" spans="1:4" ht="18" customHeight="1" x14ac:dyDescent="0.2">
      <c r="A81" s="31">
        <v>63</v>
      </c>
      <c r="B81" s="27">
        <v>149</v>
      </c>
      <c r="C81" s="28">
        <v>146</v>
      </c>
      <c r="D81" s="29">
        <v>295</v>
      </c>
    </row>
    <row r="82" spans="1:4" ht="18" customHeight="1" x14ac:dyDescent="0.2">
      <c r="A82" s="31">
        <v>64</v>
      </c>
      <c r="B82" s="27">
        <v>197</v>
      </c>
      <c r="C82" s="28">
        <v>195</v>
      </c>
      <c r="D82" s="29">
        <v>392</v>
      </c>
    </row>
    <row r="83" spans="1:4" ht="18" customHeight="1" x14ac:dyDescent="0.2">
      <c r="A83" s="31" t="s">
        <v>79</v>
      </c>
      <c r="B83" s="27">
        <v>1359</v>
      </c>
      <c r="C83" s="28">
        <v>1316</v>
      </c>
      <c r="D83" s="29">
        <v>2675</v>
      </c>
    </row>
    <row r="84" spans="1:4" ht="18" customHeight="1" x14ac:dyDescent="0.2">
      <c r="A84" s="31" t="s">
        <v>80</v>
      </c>
      <c r="B84" s="27">
        <v>12950</v>
      </c>
      <c r="C84" s="28">
        <v>12693</v>
      </c>
      <c r="D84" s="29">
        <v>25643</v>
      </c>
    </row>
    <row r="85" spans="1:4" ht="18" customHeight="1" x14ac:dyDescent="0.2">
      <c r="A85" s="31">
        <v>65</v>
      </c>
      <c r="B85" s="27">
        <v>209</v>
      </c>
      <c r="C85" s="28">
        <v>234</v>
      </c>
      <c r="D85" s="29">
        <v>443</v>
      </c>
    </row>
    <row r="86" spans="1:4" ht="18" customHeight="1" x14ac:dyDescent="0.2">
      <c r="A86" s="31">
        <v>66</v>
      </c>
      <c r="B86" s="27">
        <v>213</v>
      </c>
      <c r="C86" s="28">
        <v>233</v>
      </c>
      <c r="D86" s="29">
        <v>446</v>
      </c>
    </row>
    <row r="87" spans="1:4" ht="18" customHeight="1" x14ac:dyDescent="0.2">
      <c r="A87" s="31">
        <v>67</v>
      </c>
      <c r="B87" s="27">
        <v>231</v>
      </c>
      <c r="C87" s="28">
        <v>208</v>
      </c>
      <c r="D87" s="29">
        <v>439</v>
      </c>
    </row>
    <row r="88" spans="1:4" ht="18" customHeight="1" x14ac:dyDescent="0.2">
      <c r="A88" s="31">
        <v>68</v>
      </c>
      <c r="B88" s="27">
        <v>189</v>
      </c>
      <c r="C88" s="28">
        <v>208</v>
      </c>
      <c r="D88" s="29">
        <v>397</v>
      </c>
    </row>
    <row r="89" spans="1:4" ht="18" customHeight="1" x14ac:dyDescent="0.2">
      <c r="A89" s="31">
        <v>69</v>
      </c>
      <c r="B89" s="27">
        <v>159</v>
      </c>
      <c r="C89" s="28">
        <v>196</v>
      </c>
      <c r="D89" s="29">
        <v>355</v>
      </c>
    </row>
    <row r="90" spans="1:4" ht="18" customHeight="1" x14ac:dyDescent="0.2">
      <c r="A90" s="31" t="s">
        <v>81</v>
      </c>
      <c r="B90" s="27">
        <v>1001</v>
      </c>
      <c r="C90" s="28">
        <v>1079</v>
      </c>
      <c r="D90" s="29">
        <v>2080</v>
      </c>
    </row>
    <row r="91" spans="1:4" ht="18" customHeight="1" x14ac:dyDescent="0.2">
      <c r="A91" s="31">
        <v>70</v>
      </c>
      <c r="B91" s="27">
        <v>126</v>
      </c>
      <c r="C91" s="28">
        <v>152</v>
      </c>
      <c r="D91" s="29">
        <v>278</v>
      </c>
    </row>
    <row r="92" spans="1:4" ht="18" customHeight="1" x14ac:dyDescent="0.2">
      <c r="A92" s="31">
        <v>71</v>
      </c>
      <c r="B92" s="27">
        <v>171</v>
      </c>
      <c r="C92" s="28">
        <v>176</v>
      </c>
      <c r="D92" s="29">
        <v>347</v>
      </c>
    </row>
    <row r="93" spans="1:4" ht="18" customHeight="1" x14ac:dyDescent="0.2">
      <c r="A93" s="31">
        <v>72</v>
      </c>
      <c r="B93" s="27">
        <v>159</v>
      </c>
      <c r="C93" s="28">
        <v>165</v>
      </c>
      <c r="D93" s="29">
        <v>324</v>
      </c>
    </row>
    <row r="94" spans="1:4" ht="18" customHeight="1" x14ac:dyDescent="0.2">
      <c r="A94" s="31">
        <v>73</v>
      </c>
      <c r="B94" s="27">
        <v>170</v>
      </c>
      <c r="C94" s="28">
        <v>219</v>
      </c>
      <c r="D94" s="29">
        <v>389</v>
      </c>
    </row>
    <row r="95" spans="1:4" ht="18" customHeight="1" x14ac:dyDescent="0.2">
      <c r="A95" s="31">
        <v>74</v>
      </c>
      <c r="B95" s="27">
        <v>112</v>
      </c>
      <c r="C95" s="28">
        <v>167</v>
      </c>
      <c r="D95" s="29">
        <v>279</v>
      </c>
    </row>
    <row r="96" spans="1:4" ht="18" customHeight="1" x14ac:dyDescent="0.2">
      <c r="A96" s="31" t="s">
        <v>82</v>
      </c>
      <c r="B96" s="27">
        <v>738</v>
      </c>
      <c r="C96" s="28">
        <v>879</v>
      </c>
      <c r="D96" s="29">
        <v>1617</v>
      </c>
    </row>
    <row r="97" spans="1:4" ht="18" customHeight="1" x14ac:dyDescent="0.2">
      <c r="A97" s="31">
        <v>75</v>
      </c>
      <c r="B97" s="27">
        <v>149</v>
      </c>
      <c r="C97" s="28">
        <v>205</v>
      </c>
      <c r="D97" s="29">
        <v>354</v>
      </c>
    </row>
    <row r="98" spans="1:4" ht="18" customHeight="1" x14ac:dyDescent="0.2">
      <c r="A98" s="31">
        <v>76</v>
      </c>
      <c r="B98" s="27">
        <v>133</v>
      </c>
      <c r="C98" s="28">
        <v>207</v>
      </c>
      <c r="D98" s="29">
        <v>340</v>
      </c>
    </row>
    <row r="99" spans="1:4" ht="18" customHeight="1" x14ac:dyDescent="0.2">
      <c r="A99" s="31">
        <v>77</v>
      </c>
      <c r="B99" s="27">
        <v>135</v>
      </c>
      <c r="C99" s="28">
        <v>197</v>
      </c>
      <c r="D99" s="29">
        <v>332</v>
      </c>
    </row>
    <row r="100" spans="1:4" ht="18" customHeight="1" x14ac:dyDescent="0.2">
      <c r="A100" s="31">
        <v>78</v>
      </c>
      <c r="B100" s="27">
        <v>131</v>
      </c>
      <c r="C100" s="28">
        <v>199</v>
      </c>
      <c r="D100" s="29">
        <v>330</v>
      </c>
    </row>
    <row r="101" spans="1:4" ht="18" customHeight="1" x14ac:dyDescent="0.2">
      <c r="A101" s="31">
        <v>79</v>
      </c>
      <c r="B101" s="27">
        <v>121</v>
      </c>
      <c r="C101" s="28">
        <v>151</v>
      </c>
      <c r="D101" s="29">
        <v>272</v>
      </c>
    </row>
    <row r="102" spans="1:4" ht="18" customHeight="1" x14ac:dyDescent="0.2">
      <c r="A102" s="31" t="s">
        <v>83</v>
      </c>
      <c r="B102" s="27">
        <v>669</v>
      </c>
      <c r="C102" s="28">
        <v>959</v>
      </c>
      <c r="D102" s="29">
        <v>1628</v>
      </c>
    </row>
    <row r="103" spans="1:4" ht="18" customHeight="1" x14ac:dyDescent="0.2">
      <c r="A103" s="31">
        <v>80</v>
      </c>
      <c r="B103" s="27">
        <v>109</v>
      </c>
      <c r="C103" s="28">
        <v>170</v>
      </c>
      <c r="D103" s="29">
        <v>279</v>
      </c>
    </row>
    <row r="104" spans="1:4" ht="18" customHeight="1" x14ac:dyDescent="0.2">
      <c r="A104" s="31">
        <v>81</v>
      </c>
      <c r="B104" s="27">
        <v>109</v>
      </c>
      <c r="C104" s="28">
        <v>153</v>
      </c>
      <c r="D104" s="29">
        <v>262</v>
      </c>
    </row>
    <row r="105" spans="1:4" ht="18" customHeight="1" x14ac:dyDescent="0.2">
      <c r="A105" s="31">
        <v>82</v>
      </c>
      <c r="B105" s="27">
        <v>90</v>
      </c>
      <c r="C105" s="28">
        <v>145</v>
      </c>
      <c r="D105" s="29">
        <v>235</v>
      </c>
    </row>
    <row r="106" spans="1:4" ht="18" customHeight="1" x14ac:dyDescent="0.2">
      <c r="A106" s="31">
        <v>83</v>
      </c>
      <c r="B106" s="27">
        <v>94</v>
      </c>
      <c r="C106" s="28">
        <v>122</v>
      </c>
      <c r="D106" s="29">
        <v>216</v>
      </c>
    </row>
    <row r="107" spans="1:4" ht="18" customHeight="1" x14ac:dyDescent="0.2">
      <c r="A107" s="31">
        <v>84</v>
      </c>
      <c r="B107" s="27">
        <v>74</v>
      </c>
      <c r="C107" s="28">
        <v>113</v>
      </c>
      <c r="D107" s="29">
        <v>187</v>
      </c>
    </row>
    <row r="108" spans="1:4" ht="18" customHeight="1" x14ac:dyDescent="0.2">
      <c r="A108" s="31" t="s">
        <v>84</v>
      </c>
      <c r="B108" s="27">
        <v>476</v>
      </c>
      <c r="C108" s="28">
        <v>703</v>
      </c>
      <c r="D108" s="29">
        <v>1179</v>
      </c>
    </row>
    <row r="109" spans="1:4" ht="18" customHeight="1" x14ac:dyDescent="0.2">
      <c r="A109" s="31">
        <v>85</v>
      </c>
      <c r="B109" s="27">
        <v>54</v>
      </c>
      <c r="C109" s="28">
        <v>110</v>
      </c>
      <c r="D109" s="29">
        <v>164</v>
      </c>
    </row>
    <row r="110" spans="1:4" ht="18" customHeight="1" x14ac:dyDescent="0.2">
      <c r="A110" s="31">
        <v>86</v>
      </c>
      <c r="B110" s="27">
        <v>48</v>
      </c>
      <c r="C110" s="28">
        <v>99</v>
      </c>
      <c r="D110" s="29">
        <v>147</v>
      </c>
    </row>
    <row r="111" spans="1:4" ht="18" customHeight="1" x14ac:dyDescent="0.2">
      <c r="A111" s="31">
        <v>87</v>
      </c>
      <c r="B111" s="27">
        <v>50</v>
      </c>
      <c r="C111" s="28">
        <v>102</v>
      </c>
      <c r="D111" s="29">
        <v>152</v>
      </c>
    </row>
    <row r="112" spans="1:4" ht="18" customHeight="1" x14ac:dyDescent="0.2">
      <c r="A112" s="31">
        <v>88</v>
      </c>
      <c r="B112" s="27">
        <v>27</v>
      </c>
      <c r="C112" s="28">
        <v>92</v>
      </c>
      <c r="D112" s="29">
        <v>119</v>
      </c>
    </row>
    <row r="113" spans="1:4" ht="18" customHeight="1" x14ac:dyDescent="0.2">
      <c r="A113" s="31">
        <v>89</v>
      </c>
      <c r="B113" s="27">
        <v>25</v>
      </c>
      <c r="C113" s="28">
        <v>67</v>
      </c>
      <c r="D113" s="29">
        <v>92</v>
      </c>
    </row>
    <row r="114" spans="1:4" ht="18" customHeight="1" x14ac:dyDescent="0.2">
      <c r="A114" s="31" t="s">
        <v>85</v>
      </c>
      <c r="B114" s="27">
        <v>204</v>
      </c>
      <c r="C114" s="28">
        <v>470</v>
      </c>
      <c r="D114" s="29">
        <v>674</v>
      </c>
    </row>
    <row r="115" spans="1:4" ht="18" customHeight="1" x14ac:dyDescent="0.2">
      <c r="A115" s="31">
        <v>90</v>
      </c>
      <c r="B115" s="27">
        <v>21</v>
      </c>
      <c r="C115" s="28">
        <v>61</v>
      </c>
      <c r="D115" s="29">
        <v>82</v>
      </c>
    </row>
    <row r="116" spans="1:4" ht="18" customHeight="1" x14ac:dyDescent="0.2">
      <c r="A116" s="31">
        <v>91</v>
      </c>
      <c r="B116" s="27">
        <v>11</v>
      </c>
      <c r="C116" s="28">
        <v>52</v>
      </c>
      <c r="D116" s="29">
        <v>63</v>
      </c>
    </row>
    <row r="117" spans="1:4" ht="18" customHeight="1" x14ac:dyDescent="0.2">
      <c r="A117" s="31">
        <v>92</v>
      </c>
      <c r="B117" s="27">
        <v>14</v>
      </c>
      <c r="C117" s="28">
        <v>35</v>
      </c>
      <c r="D117" s="29">
        <v>49</v>
      </c>
    </row>
    <row r="118" spans="1:4" ht="18" customHeight="1" x14ac:dyDescent="0.2">
      <c r="A118" s="31">
        <v>93</v>
      </c>
      <c r="B118" s="27">
        <v>11</v>
      </c>
      <c r="C118" s="28">
        <v>45</v>
      </c>
      <c r="D118" s="29">
        <v>56</v>
      </c>
    </row>
    <row r="119" spans="1:4" ht="18" customHeight="1" x14ac:dyDescent="0.2">
      <c r="A119" s="31">
        <v>94</v>
      </c>
      <c r="B119" s="27">
        <v>9</v>
      </c>
      <c r="C119" s="28">
        <v>23</v>
      </c>
      <c r="D119" s="29">
        <v>32</v>
      </c>
    </row>
    <row r="120" spans="1:4" ht="18" customHeight="1" x14ac:dyDescent="0.2">
      <c r="A120" s="31" t="s">
        <v>86</v>
      </c>
      <c r="B120" s="27">
        <v>66</v>
      </c>
      <c r="C120" s="28">
        <v>216</v>
      </c>
      <c r="D120" s="29">
        <v>282</v>
      </c>
    </row>
    <row r="121" spans="1:4" ht="18" customHeight="1" x14ac:dyDescent="0.2">
      <c r="A121" s="31">
        <v>95</v>
      </c>
      <c r="B121" s="27">
        <v>7</v>
      </c>
      <c r="C121" s="28">
        <v>26</v>
      </c>
      <c r="D121" s="29">
        <v>33</v>
      </c>
    </row>
    <row r="122" spans="1:4" ht="18" customHeight="1" x14ac:dyDescent="0.2">
      <c r="A122" s="31">
        <v>96</v>
      </c>
      <c r="B122" s="27">
        <v>3</v>
      </c>
      <c r="C122" s="28">
        <v>18</v>
      </c>
      <c r="D122" s="29">
        <v>21</v>
      </c>
    </row>
    <row r="123" spans="1:4" ht="18" customHeight="1" x14ac:dyDescent="0.2">
      <c r="A123" s="31">
        <v>97</v>
      </c>
      <c r="B123" s="27">
        <v>5</v>
      </c>
      <c r="C123" s="28">
        <v>13</v>
      </c>
      <c r="D123" s="29">
        <v>18</v>
      </c>
    </row>
    <row r="124" spans="1:4" ht="18" customHeight="1" x14ac:dyDescent="0.2">
      <c r="A124" s="31">
        <v>98</v>
      </c>
      <c r="B124" s="27">
        <v>0</v>
      </c>
      <c r="C124" s="28">
        <v>10</v>
      </c>
      <c r="D124" s="29">
        <v>10</v>
      </c>
    </row>
    <row r="125" spans="1:4" ht="18" customHeight="1" x14ac:dyDescent="0.2">
      <c r="A125" s="31">
        <v>99</v>
      </c>
      <c r="B125" s="27">
        <v>2</v>
      </c>
      <c r="C125" s="28">
        <v>7</v>
      </c>
      <c r="D125" s="29">
        <v>9</v>
      </c>
    </row>
    <row r="126" spans="1:4" ht="18" customHeight="1" x14ac:dyDescent="0.2">
      <c r="A126" s="31" t="s">
        <v>87</v>
      </c>
      <c r="B126" s="27">
        <v>17</v>
      </c>
      <c r="C126" s="28">
        <v>74</v>
      </c>
      <c r="D126" s="29">
        <v>91</v>
      </c>
    </row>
    <row r="127" spans="1:4" ht="18" customHeight="1" x14ac:dyDescent="0.2">
      <c r="A127" s="31">
        <v>100</v>
      </c>
      <c r="B127" s="27">
        <v>0</v>
      </c>
      <c r="C127" s="28">
        <v>6</v>
      </c>
      <c r="D127" s="29">
        <v>6</v>
      </c>
    </row>
    <row r="128" spans="1:4" ht="18" customHeight="1" x14ac:dyDescent="0.2">
      <c r="A128" s="32" t="s">
        <v>88</v>
      </c>
      <c r="B128" s="27">
        <v>0</v>
      </c>
      <c r="C128" s="28">
        <v>6</v>
      </c>
      <c r="D128" s="29">
        <v>6</v>
      </c>
    </row>
    <row r="129" spans="1:4" ht="18" customHeight="1" x14ac:dyDescent="0.2">
      <c r="A129" s="31" t="s">
        <v>89</v>
      </c>
      <c r="B129" s="27">
        <v>0</v>
      </c>
      <c r="C129" s="28">
        <v>12</v>
      </c>
      <c r="D129" s="29">
        <v>12</v>
      </c>
    </row>
    <row r="130" spans="1:4" ht="18" customHeight="1" x14ac:dyDescent="0.2">
      <c r="A130" s="31" t="s">
        <v>90</v>
      </c>
      <c r="B130" s="4">
        <v>3171</v>
      </c>
      <c r="C130" s="5">
        <v>4392</v>
      </c>
      <c r="D130" s="6">
        <v>7563</v>
      </c>
    </row>
    <row r="131" spans="1:4" ht="18" customHeight="1" x14ac:dyDescent="0.2">
      <c r="A131" s="33" t="s">
        <v>65</v>
      </c>
      <c r="B131" s="7">
        <v>19384</v>
      </c>
      <c r="C131" s="8">
        <v>20202</v>
      </c>
      <c r="D131" s="9">
        <v>39586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1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66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0</v>
      </c>
      <c r="C16" s="28">
        <v>1</v>
      </c>
      <c r="D16" s="29">
        <v>1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68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69</v>
      </c>
      <c r="B23" s="27">
        <v>0</v>
      </c>
      <c r="C23" s="28">
        <v>1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70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71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2</v>
      </c>
      <c r="D36" s="29">
        <v>2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72</v>
      </c>
      <c r="B41" s="27">
        <v>1</v>
      </c>
      <c r="C41" s="28">
        <v>3</v>
      </c>
      <c r="D41" s="29">
        <v>4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73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74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1</v>
      </c>
      <c r="C54" s="28">
        <v>0</v>
      </c>
      <c r="D54" s="29">
        <v>1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75</v>
      </c>
      <c r="B59" s="27">
        <v>1</v>
      </c>
      <c r="C59" s="28">
        <v>1</v>
      </c>
      <c r="D59" s="29">
        <v>2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76</v>
      </c>
      <c r="B65" s="27">
        <v>1</v>
      </c>
      <c r="C65" s="28">
        <v>0</v>
      </c>
      <c r="D65" s="29">
        <v>1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1</v>
      </c>
      <c r="D69" s="29">
        <v>1</v>
      </c>
    </row>
    <row r="70" spans="1:4" ht="18" customHeight="1" x14ac:dyDescent="0.2">
      <c r="A70" s="31">
        <v>54</v>
      </c>
      <c r="B70" s="27">
        <v>1</v>
      </c>
      <c r="C70" s="28">
        <v>0</v>
      </c>
      <c r="D70" s="29">
        <v>1</v>
      </c>
    </row>
    <row r="71" spans="1:4" ht="18" customHeight="1" x14ac:dyDescent="0.2">
      <c r="A71" s="31" t="s">
        <v>77</v>
      </c>
      <c r="B71" s="27">
        <v>1</v>
      </c>
      <c r="C71" s="28">
        <v>1</v>
      </c>
      <c r="D71" s="29">
        <v>2</v>
      </c>
    </row>
    <row r="72" spans="1:4" ht="18" customHeight="1" x14ac:dyDescent="0.2">
      <c r="A72" s="31">
        <v>55</v>
      </c>
      <c r="B72" s="27">
        <v>0</v>
      </c>
      <c r="C72" s="28">
        <v>1</v>
      </c>
      <c r="D72" s="29">
        <v>1</v>
      </c>
    </row>
    <row r="73" spans="1:4" ht="18" customHeight="1" x14ac:dyDescent="0.2">
      <c r="A73" s="31">
        <v>56</v>
      </c>
      <c r="B73" s="27">
        <v>1</v>
      </c>
      <c r="C73" s="28">
        <v>0</v>
      </c>
      <c r="D73" s="29">
        <v>1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0</v>
      </c>
      <c r="C76" s="28">
        <v>0</v>
      </c>
      <c r="D76" s="29">
        <v>0</v>
      </c>
    </row>
    <row r="77" spans="1:4" ht="18" customHeight="1" x14ac:dyDescent="0.2">
      <c r="A77" s="31" t="s">
        <v>78</v>
      </c>
      <c r="B77" s="27">
        <v>1</v>
      </c>
      <c r="C77" s="28">
        <v>1</v>
      </c>
      <c r="D77" s="29">
        <v>2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0</v>
      </c>
      <c r="C81" s="28">
        <v>1</v>
      </c>
      <c r="D81" s="29">
        <v>1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79</v>
      </c>
      <c r="B83" s="27">
        <v>0</v>
      </c>
      <c r="C83" s="28">
        <v>1</v>
      </c>
      <c r="D83" s="29">
        <v>1</v>
      </c>
    </row>
    <row r="84" spans="1:4" ht="18" customHeight="1" x14ac:dyDescent="0.2">
      <c r="A84" s="31" t="s">
        <v>80</v>
      </c>
      <c r="B84" s="27">
        <v>5</v>
      </c>
      <c r="C84" s="28">
        <v>7</v>
      </c>
      <c r="D84" s="29">
        <v>12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1</v>
      </c>
      <c r="D86" s="29">
        <v>1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81</v>
      </c>
      <c r="B90" s="27">
        <v>0</v>
      </c>
      <c r="C90" s="28">
        <v>1</v>
      </c>
      <c r="D90" s="29">
        <v>1</v>
      </c>
    </row>
    <row r="91" spans="1:4" ht="18" customHeight="1" x14ac:dyDescent="0.2">
      <c r="A91" s="31">
        <v>70</v>
      </c>
      <c r="B91" s="27">
        <v>1</v>
      </c>
      <c r="C91" s="28">
        <v>1</v>
      </c>
      <c r="D91" s="29">
        <v>2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82</v>
      </c>
      <c r="B96" s="27">
        <v>1</v>
      </c>
      <c r="C96" s="28">
        <v>2</v>
      </c>
      <c r="D96" s="29">
        <v>3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1</v>
      </c>
      <c r="C101" s="28">
        <v>0</v>
      </c>
      <c r="D101" s="29">
        <v>1</v>
      </c>
    </row>
    <row r="102" spans="1:4" ht="18" customHeight="1" x14ac:dyDescent="0.2">
      <c r="A102" s="31" t="s">
        <v>83</v>
      </c>
      <c r="B102" s="27">
        <v>2</v>
      </c>
      <c r="C102" s="28">
        <v>1</v>
      </c>
      <c r="D102" s="29">
        <v>3</v>
      </c>
    </row>
    <row r="103" spans="1:4" ht="18" customHeight="1" x14ac:dyDescent="0.2">
      <c r="A103" s="31">
        <v>80</v>
      </c>
      <c r="B103" s="27">
        <v>0</v>
      </c>
      <c r="C103" s="28">
        <v>2</v>
      </c>
      <c r="D103" s="29">
        <v>2</v>
      </c>
    </row>
    <row r="104" spans="1:4" ht="18" customHeight="1" x14ac:dyDescent="0.2">
      <c r="A104" s="31">
        <v>81</v>
      </c>
      <c r="B104" s="27">
        <v>0</v>
      </c>
      <c r="C104" s="28">
        <v>2</v>
      </c>
      <c r="D104" s="29">
        <v>2</v>
      </c>
    </row>
    <row r="105" spans="1:4" ht="18" customHeight="1" x14ac:dyDescent="0.2">
      <c r="A105" s="31">
        <v>82</v>
      </c>
      <c r="B105" s="27">
        <v>0</v>
      </c>
      <c r="C105" s="28">
        <v>1</v>
      </c>
      <c r="D105" s="29">
        <v>1</v>
      </c>
    </row>
    <row r="106" spans="1:4" ht="18" customHeight="1" x14ac:dyDescent="0.2">
      <c r="A106" s="31">
        <v>83</v>
      </c>
      <c r="B106" s="27">
        <v>1</v>
      </c>
      <c r="C106" s="28">
        <v>0</v>
      </c>
      <c r="D106" s="29">
        <v>1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84</v>
      </c>
      <c r="B108" s="27">
        <v>1</v>
      </c>
      <c r="C108" s="28">
        <v>5</v>
      </c>
      <c r="D108" s="29">
        <v>6</v>
      </c>
    </row>
    <row r="109" spans="1:4" ht="18" customHeight="1" x14ac:dyDescent="0.2">
      <c r="A109" s="31">
        <v>85</v>
      </c>
      <c r="B109" s="27">
        <v>2</v>
      </c>
      <c r="C109" s="28">
        <v>0</v>
      </c>
      <c r="D109" s="29">
        <v>2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0</v>
      </c>
      <c r="C112" s="28">
        <v>0</v>
      </c>
      <c r="D112" s="29">
        <v>0</v>
      </c>
    </row>
    <row r="113" spans="1:4" ht="18" customHeight="1" x14ac:dyDescent="0.2">
      <c r="A113" s="31">
        <v>89</v>
      </c>
      <c r="B113" s="27">
        <v>1</v>
      </c>
      <c r="C113" s="28">
        <v>0</v>
      </c>
      <c r="D113" s="29">
        <v>1</v>
      </c>
    </row>
    <row r="114" spans="1:4" ht="18" customHeight="1" x14ac:dyDescent="0.2">
      <c r="A114" s="31" t="s">
        <v>85</v>
      </c>
      <c r="B114" s="27">
        <v>3</v>
      </c>
      <c r="C114" s="28">
        <v>0</v>
      </c>
      <c r="D114" s="29">
        <v>3</v>
      </c>
    </row>
    <row r="115" spans="1:4" ht="18" customHeight="1" x14ac:dyDescent="0.2">
      <c r="A115" s="31">
        <v>90</v>
      </c>
      <c r="B115" s="27">
        <v>1</v>
      </c>
      <c r="C115" s="28">
        <v>0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86</v>
      </c>
      <c r="B120" s="27">
        <v>1</v>
      </c>
      <c r="C120" s="28">
        <v>0</v>
      </c>
      <c r="D120" s="29">
        <v>1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8</v>
      </c>
      <c r="C130" s="5">
        <v>9</v>
      </c>
      <c r="D130" s="6">
        <v>17</v>
      </c>
    </row>
    <row r="131" spans="1:4" ht="18" customHeight="1" x14ac:dyDescent="0.2">
      <c r="A131" s="33" t="s">
        <v>65</v>
      </c>
      <c r="B131" s="7">
        <v>13</v>
      </c>
      <c r="C131" s="8">
        <v>17</v>
      </c>
      <c r="D131" s="9">
        <v>30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2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5</v>
      </c>
      <c r="C5" s="37">
        <v>4</v>
      </c>
      <c r="D5" s="39">
        <v>9</v>
      </c>
    </row>
    <row r="6" spans="1:4" ht="18" customHeight="1" x14ac:dyDescent="0.2">
      <c r="A6" s="31">
        <v>1</v>
      </c>
      <c r="B6" s="35">
        <v>4</v>
      </c>
      <c r="C6" s="28">
        <v>1</v>
      </c>
      <c r="D6" s="29">
        <v>5</v>
      </c>
    </row>
    <row r="7" spans="1:4" ht="18" customHeight="1" x14ac:dyDescent="0.2">
      <c r="A7" s="31">
        <v>2</v>
      </c>
      <c r="B7" s="35">
        <v>6</v>
      </c>
      <c r="C7" s="28">
        <v>4</v>
      </c>
      <c r="D7" s="29">
        <v>10</v>
      </c>
    </row>
    <row r="8" spans="1:4" ht="18" customHeight="1" x14ac:dyDescent="0.2">
      <c r="A8" s="31">
        <v>3</v>
      </c>
      <c r="B8" s="35">
        <v>8</v>
      </c>
      <c r="C8" s="28">
        <v>7</v>
      </c>
      <c r="D8" s="29">
        <v>15</v>
      </c>
    </row>
    <row r="9" spans="1:4" ht="18" customHeight="1" x14ac:dyDescent="0.2">
      <c r="A9" s="31">
        <v>4</v>
      </c>
      <c r="B9" s="36">
        <v>6</v>
      </c>
      <c r="C9" s="38">
        <v>5</v>
      </c>
      <c r="D9" s="40">
        <v>11</v>
      </c>
    </row>
    <row r="10" spans="1:4" ht="18" customHeight="1" x14ac:dyDescent="0.2">
      <c r="A10" s="31" t="s">
        <v>66</v>
      </c>
      <c r="B10" s="27">
        <v>29</v>
      </c>
      <c r="C10" s="28">
        <v>21</v>
      </c>
      <c r="D10" s="29">
        <v>50</v>
      </c>
    </row>
    <row r="11" spans="1:4" ht="18" customHeight="1" x14ac:dyDescent="0.2">
      <c r="A11" s="31">
        <v>5</v>
      </c>
      <c r="B11" s="35">
        <v>6</v>
      </c>
      <c r="C11" s="28">
        <v>6</v>
      </c>
      <c r="D11" s="29">
        <v>12</v>
      </c>
    </row>
    <row r="12" spans="1:4" ht="18" customHeight="1" x14ac:dyDescent="0.2">
      <c r="A12" s="31">
        <v>6</v>
      </c>
      <c r="B12" s="35">
        <v>7</v>
      </c>
      <c r="C12" s="28">
        <v>3</v>
      </c>
      <c r="D12" s="29">
        <v>10</v>
      </c>
    </row>
    <row r="13" spans="1:4" ht="18" customHeight="1" x14ac:dyDescent="0.2">
      <c r="A13" s="31">
        <v>7</v>
      </c>
      <c r="B13" s="35">
        <v>4</v>
      </c>
      <c r="C13" s="28">
        <v>7</v>
      </c>
      <c r="D13" s="29">
        <v>11</v>
      </c>
    </row>
    <row r="14" spans="1:4" ht="18" customHeight="1" x14ac:dyDescent="0.2">
      <c r="A14" s="31">
        <v>8</v>
      </c>
      <c r="B14" s="35">
        <v>5</v>
      </c>
      <c r="C14" s="28">
        <v>4</v>
      </c>
      <c r="D14" s="29">
        <v>9</v>
      </c>
    </row>
    <row r="15" spans="1:4" ht="18" customHeight="1" x14ac:dyDescent="0.2">
      <c r="A15" s="31">
        <v>9</v>
      </c>
      <c r="B15" s="35">
        <v>1</v>
      </c>
      <c r="C15" s="28">
        <v>5</v>
      </c>
      <c r="D15" s="29">
        <v>6</v>
      </c>
    </row>
    <row r="16" spans="1:4" ht="18" customHeight="1" x14ac:dyDescent="0.2">
      <c r="A16" s="31" t="s">
        <v>67</v>
      </c>
      <c r="B16" s="27">
        <v>23</v>
      </c>
      <c r="C16" s="28">
        <v>25</v>
      </c>
      <c r="D16" s="29">
        <v>48</v>
      </c>
    </row>
    <row r="17" spans="1:4" ht="18" customHeight="1" x14ac:dyDescent="0.2">
      <c r="A17" s="31">
        <v>10</v>
      </c>
      <c r="B17" s="27">
        <v>7</v>
      </c>
      <c r="C17" s="28">
        <v>7</v>
      </c>
      <c r="D17" s="29">
        <v>14</v>
      </c>
    </row>
    <row r="18" spans="1:4" ht="18" customHeight="1" x14ac:dyDescent="0.2">
      <c r="A18" s="31">
        <v>11</v>
      </c>
      <c r="B18" s="27">
        <v>4</v>
      </c>
      <c r="C18" s="28">
        <v>5</v>
      </c>
      <c r="D18" s="29">
        <v>9</v>
      </c>
    </row>
    <row r="19" spans="1:4" ht="18" customHeight="1" x14ac:dyDescent="0.2">
      <c r="A19" s="31">
        <v>12</v>
      </c>
      <c r="B19" s="27">
        <v>7</v>
      </c>
      <c r="C19" s="28">
        <v>4</v>
      </c>
      <c r="D19" s="29">
        <v>11</v>
      </c>
    </row>
    <row r="20" spans="1:4" ht="18" customHeight="1" x14ac:dyDescent="0.2">
      <c r="A20" s="31">
        <v>13</v>
      </c>
      <c r="B20" s="27">
        <v>9</v>
      </c>
      <c r="C20" s="28">
        <v>6</v>
      </c>
      <c r="D20" s="29">
        <v>15</v>
      </c>
    </row>
    <row r="21" spans="1:4" ht="18" customHeight="1" x14ac:dyDescent="0.2">
      <c r="A21" s="31">
        <v>14</v>
      </c>
      <c r="B21" s="27">
        <v>7</v>
      </c>
      <c r="C21" s="28">
        <v>7</v>
      </c>
      <c r="D21" s="29">
        <v>14</v>
      </c>
    </row>
    <row r="22" spans="1:4" ht="18" customHeight="1" x14ac:dyDescent="0.2">
      <c r="A22" s="31" t="s">
        <v>68</v>
      </c>
      <c r="B22" s="27">
        <v>34</v>
      </c>
      <c r="C22" s="28">
        <v>29</v>
      </c>
      <c r="D22" s="29">
        <v>63</v>
      </c>
    </row>
    <row r="23" spans="1:4" ht="18" customHeight="1" x14ac:dyDescent="0.2">
      <c r="A23" s="31" t="s">
        <v>69</v>
      </c>
      <c r="B23" s="27">
        <v>86</v>
      </c>
      <c r="C23" s="28">
        <v>75</v>
      </c>
      <c r="D23" s="29">
        <v>161</v>
      </c>
    </row>
    <row r="24" spans="1:4" ht="18" customHeight="1" x14ac:dyDescent="0.2">
      <c r="A24" s="31">
        <v>15</v>
      </c>
      <c r="B24" s="27">
        <v>3</v>
      </c>
      <c r="C24" s="28">
        <v>5</v>
      </c>
      <c r="D24" s="29">
        <v>8</v>
      </c>
    </row>
    <row r="25" spans="1:4" ht="18" customHeight="1" x14ac:dyDescent="0.2">
      <c r="A25" s="31">
        <v>16</v>
      </c>
      <c r="B25" s="27">
        <v>4</v>
      </c>
      <c r="C25" s="28">
        <v>4</v>
      </c>
      <c r="D25" s="29">
        <v>8</v>
      </c>
    </row>
    <row r="26" spans="1:4" ht="18" customHeight="1" x14ac:dyDescent="0.2">
      <c r="A26" s="31">
        <v>17</v>
      </c>
      <c r="B26" s="27">
        <v>3</v>
      </c>
      <c r="C26" s="28">
        <v>8</v>
      </c>
      <c r="D26" s="29">
        <v>11</v>
      </c>
    </row>
    <row r="27" spans="1:4" ht="18" customHeight="1" x14ac:dyDescent="0.2">
      <c r="A27" s="31">
        <v>18</v>
      </c>
      <c r="B27" s="27">
        <v>7</v>
      </c>
      <c r="C27" s="28">
        <v>9</v>
      </c>
      <c r="D27" s="29">
        <v>16</v>
      </c>
    </row>
    <row r="28" spans="1:4" ht="18" customHeight="1" x14ac:dyDescent="0.2">
      <c r="A28" s="31">
        <v>19</v>
      </c>
      <c r="B28" s="27">
        <v>5</v>
      </c>
      <c r="C28" s="28">
        <v>5</v>
      </c>
      <c r="D28" s="29">
        <v>10</v>
      </c>
    </row>
    <row r="29" spans="1:4" ht="18" customHeight="1" x14ac:dyDescent="0.2">
      <c r="A29" s="31" t="s">
        <v>70</v>
      </c>
      <c r="B29" s="27">
        <v>22</v>
      </c>
      <c r="C29" s="28">
        <v>31</v>
      </c>
      <c r="D29" s="29">
        <v>53</v>
      </c>
    </row>
    <row r="30" spans="1:4" ht="18" customHeight="1" x14ac:dyDescent="0.2">
      <c r="A30" s="31">
        <v>20</v>
      </c>
      <c r="B30" s="27">
        <v>7</v>
      </c>
      <c r="C30" s="28">
        <v>5</v>
      </c>
      <c r="D30" s="29">
        <v>12</v>
      </c>
    </row>
    <row r="31" spans="1:4" ht="18" customHeight="1" x14ac:dyDescent="0.2">
      <c r="A31" s="31">
        <v>21</v>
      </c>
      <c r="B31" s="27">
        <v>3</v>
      </c>
      <c r="C31" s="28">
        <v>11</v>
      </c>
      <c r="D31" s="29">
        <v>14</v>
      </c>
    </row>
    <row r="32" spans="1:4" ht="18" customHeight="1" x14ac:dyDescent="0.2">
      <c r="A32" s="31">
        <v>22</v>
      </c>
      <c r="B32" s="27">
        <v>5</v>
      </c>
      <c r="C32" s="28">
        <v>5</v>
      </c>
      <c r="D32" s="29">
        <v>10</v>
      </c>
    </row>
    <row r="33" spans="1:4" ht="18" customHeight="1" x14ac:dyDescent="0.2">
      <c r="A33" s="31">
        <v>23</v>
      </c>
      <c r="B33" s="27">
        <v>3</v>
      </c>
      <c r="C33" s="28">
        <v>5</v>
      </c>
      <c r="D33" s="29">
        <v>8</v>
      </c>
    </row>
    <row r="34" spans="1:4" ht="18" customHeight="1" x14ac:dyDescent="0.2">
      <c r="A34" s="31">
        <v>24</v>
      </c>
      <c r="B34" s="27">
        <v>6</v>
      </c>
      <c r="C34" s="28">
        <v>11</v>
      </c>
      <c r="D34" s="29">
        <v>17</v>
      </c>
    </row>
    <row r="35" spans="1:4" ht="18" customHeight="1" x14ac:dyDescent="0.2">
      <c r="A35" s="31" t="s">
        <v>71</v>
      </c>
      <c r="B35" s="27">
        <v>24</v>
      </c>
      <c r="C35" s="28">
        <v>37</v>
      </c>
      <c r="D35" s="29">
        <v>61</v>
      </c>
    </row>
    <row r="36" spans="1:4" ht="18" customHeight="1" x14ac:dyDescent="0.2">
      <c r="A36" s="31">
        <v>25</v>
      </c>
      <c r="B36" s="27">
        <v>2</v>
      </c>
      <c r="C36" s="28">
        <v>9</v>
      </c>
      <c r="D36" s="29">
        <v>11</v>
      </c>
    </row>
    <row r="37" spans="1:4" ht="18" customHeight="1" x14ac:dyDescent="0.2">
      <c r="A37" s="31">
        <v>26</v>
      </c>
      <c r="B37" s="27">
        <v>6</v>
      </c>
      <c r="C37" s="28">
        <v>6</v>
      </c>
      <c r="D37" s="29">
        <v>12</v>
      </c>
    </row>
    <row r="38" spans="1:4" ht="18" customHeight="1" x14ac:dyDescent="0.2">
      <c r="A38" s="31">
        <v>27</v>
      </c>
      <c r="B38" s="27">
        <v>9</v>
      </c>
      <c r="C38" s="28">
        <v>10</v>
      </c>
      <c r="D38" s="29">
        <v>19</v>
      </c>
    </row>
    <row r="39" spans="1:4" ht="18" customHeight="1" x14ac:dyDescent="0.2">
      <c r="A39" s="31">
        <v>28</v>
      </c>
      <c r="B39" s="27">
        <v>9</v>
      </c>
      <c r="C39" s="28">
        <v>12</v>
      </c>
      <c r="D39" s="29">
        <v>21</v>
      </c>
    </row>
    <row r="40" spans="1:4" ht="18" customHeight="1" x14ac:dyDescent="0.2">
      <c r="A40" s="31">
        <v>29</v>
      </c>
      <c r="B40" s="27">
        <v>9</v>
      </c>
      <c r="C40" s="28">
        <v>5</v>
      </c>
      <c r="D40" s="29">
        <v>14</v>
      </c>
    </row>
    <row r="41" spans="1:4" ht="18" customHeight="1" x14ac:dyDescent="0.2">
      <c r="A41" s="31" t="s">
        <v>72</v>
      </c>
      <c r="B41" s="27">
        <v>35</v>
      </c>
      <c r="C41" s="28">
        <v>42</v>
      </c>
      <c r="D41" s="29">
        <v>77</v>
      </c>
    </row>
    <row r="42" spans="1:4" ht="18" customHeight="1" x14ac:dyDescent="0.2">
      <c r="A42" s="31">
        <v>30</v>
      </c>
      <c r="B42" s="27">
        <v>7</v>
      </c>
      <c r="C42" s="28">
        <v>6</v>
      </c>
      <c r="D42" s="29">
        <v>13</v>
      </c>
    </row>
    <row r="43" spans="1:4" ht="18" customHeight="1" x14ac:dyDescent="0.2">
      <c r="A43" s="31">
        <v>31</v>
      </c>
      <c r="B43" s="27">
        <v>5</v>
      </c>
      <c r="C43" s="28">
        <v>8</v>
      </c>
      <c r="D43" s="29">
        <v>13</v>
      </c>
    </row>
    <row r="44" spans="1:4" ht="18" customHeight="1" x14ac:dyDescent="0.2">
      <c r="A44" s="31">
        <v>32</v>
      </c>
      <c r="B44" s="27">
        <v>6</v>
      </c>
      <c r="C44" s="28">
        <v>5</v>
      </c>
      <c r="D44" s="29">
        <v>11</v>
      </c>
    </row>
    <row r="45" spans="1:4" ht="18" customHeight="1" x14ac:dyDescent="0.2">
      <c r="A45" s="31">
        <v>33</v>
      </c>
      <c r="B45" s="27">
        <v>9</v>
      </c>
      <c r="C45" s="28">
        <v>5</v>
      </c>
      <c r="D45" s="29">
        <v>14</v>
      </c>
    </row>
    <row r="46" spans="1:4" ht="18" customHeight="1" x14ac:dyDescent="0.2">
      <c r="A46" s="31">
        <v>34</v>
      </c>
      <c r="B46" s="27">
        <v>4</v>
      </c>
      <c r="C46" s="28">
        <v>6</v>
      </c>
      <c r="D46" s="29">
        <v>10</v>
      </c>
    </row>
    <row r="47" spans="1:4" ht="18" customHeight="1" x14ac:dyDescent="0.2">
      <c r="A47" s="31" t="s">
        <v>73</v>
      </c>
      <c r="B47" s="27">
        <v>31</v>
      </c>
      <c r="C47" s="28">
        <v>30</v>
      </c>
      <c r="D47" s="29">
        <v>61</v>
      </c>
    </row>
    <row r="48" spans="1:4" ht="18" customHeight="1" x14ac:dyDescent="0.2">
      <c r="A48" s="31">
        <v>35</v>
      </c>
      <c r="B48" s="27">
        <v>10</v>
      </c>
      <c r="C48" s="28">
        <v>10</v>
      </c>
      <c r="D48" s="29">
        <v>20</v>
      </c>
    </row>
    <row r="49" spans="1:4" ht="18" customHeight="1" x14ac:dyDescent="0.2">
      <c r="A49" s="31">
        <v>36</v>
      </c>
      <c r="B49" s="27">
        <v>9</v>
      </c>
      <c r="C49" s="28">
        <v>7</v>
      </c>
      <c r="D49" s="29">
        <v>16</v>
      </c>
    </row>
    <row r="50" spans="1:4" ht="18" customHeight="1" x14ac:dyDescent="0.2">
      <c r="A50" s="31">
        <v>37</v>
      </c>
      <c r="B50" s="27">
        <v>7</v>
      </c>
      <c r="C50" s="28">
        <v>1</v>
      </c>
      <c r="D50" s="29">
        <v>8</v>
      </c>
    </row>
    <row r="51" spans="1:4" ht="18" customHeight="1" x14ac:dyDescent="0.2">
      <c r="A51" s="31">
        <v>38</v>
      </c>
      <c r="B51" s="27">
        <v>3</v>
      </c>
      <c r="C51" s="28">
        <v>9</v>
      </c>
      <c r="D51" s="29">
        <v>12</v>
      </c>
    </row>
    <row r="52" spans="1:4" ht="18" customHeight="1" x14ac:dyDescent="0.2">
      <c r="A52" s="31">
        <v>39</v>
      </c>
      <c r="B52" s="27">
        <v>5</v>
      </c>
      <c r="C52" s="28">
        <v>3</v>
      </c>
      <c r="D52" s="29">
        <v>8</v>
      </c>
    </row>
    <row r="53" spans="1:4" ht="18" customHeight="1" x14ac:dyDescent="0.2">
      <c r="A53" s="31" t="s">
        <v>74</v>
      </c>
      <c r="B53" s="27">
        <v>34</v>
      </c>
      <c r="C53" s="28">
        <v>30</v>
      </c>
      <c r="D53" s="29">
        <v>64</v>
      </c>
    </row>
    <row r="54" spans="1:4" ht="18" customHeight="1" x14ac:dyDescent="0.2">
      <c r="A54" s="31">
        <v>40</v>
      </c>
      <c r="B54" s="27">
        <v>4</v>
      </c>
      <c r="C54" s="28">
        <v>5</v>
      </c>
      <c r="D54" s="29">
        <v>9</v>
      </c>
    </row>
    <row r="55" spans="1:4" ht="18" customHeight="1" x14ac:dyDescent="0.2">
      <c r="A55" s="31">
        <v>41</v>
      </c>
      <c r="B55" s="27">
        <v>2</v>
      </c>
      <c r="C55" s="28">
        <v>11</v>
      </c>
      <c r="D55" s="29">
        <v>13</v>
      </c>
    </row>
    <row r="56" spans="1:4" ht="18" customHeight="1" x14ac:dyDescent="0.2">
      <c r="A56" s="31">
        <v>42</v>
      </c>
      <c r="B56" s="27">
        <v>6</v>
      </c>
      <c r="C56" s="28">
        <v>7</v>
      </c>
      <c r="D56" s="29">
        <v>13</v>
      </c>
    </row>
    <row r="57" spans="1:4" ht="18" customHeight="1" x14ac:dyDescent="0.2">
      <c r="A57" s="31">
        <v>43</v>
      </c>
      <c r="B57" s="27">
        <v>7</v>
      </c>
      <c r="C57" s="28">
        <v>5</v>
      </c>
      <c r="D57" s="29">
        <v>12</v>
      </c>
    </row>
    <row r="58" spans="1:4" ht="18" customHeight="1" x14ac:dyDescent="0.2">
      <c r="A58" s="31">
        <v>44</v>
      </c>
      <c r="B58" s="27">
        <v>6</v>
      </c>
      <c r="C58" s="28">
        <v>5</v>
      </c>
      <c r="D58" s="29">
        <v>11</v>
      </c>
    </row>
    <row r="59" spans="1:4" ht="18" customHeight="1" x14ac:dyDescent="0.2">
      <c r="A59" s="31" t="s">
        <v>75</v>
      </c>
      <c r="B59" s="27">
        <v>25</v>
      </c>
      <c r="C59" s="28">
        <v>33</v>
      </c>
      <c r="D59" s="29">
        <v>58</v>
      </c>
    </row>
    <row r="60" spans="1:4" ht="18" customHeight="1" x14ac:dyDescent="0.2">
      <c r="A60" s="31">
        <v>45</v>
      </c>
      <c r="B60" s="27">
        <v>7</v>
      </c>
      <c r="C60" s="28">
        <v>6</v>
      </c>
      <c r="D60" s="29">
        <v>13</v>
      </c>
    </row>
    <row r="61" spans="1:4" ht="18" customHeight="1" x14ac:dyDescent="0.2">
      <c r="A61" s="31">
        <v>46</v>
      </c>
      <c r="B61" s="27">
        <v>5</v>
      </c>
      <c r="C61" s="28">
        <v>6</v>
      </c>
      <c r="D61" s="29">
        <v>11</v>
      </c>
    </row>
    <row r="62" spans="1:4" ht="18" customHeight="1" x14ac:dyDescent="0.2">
      <c r="A62" s="31">
        <v>47</v>
      </c>
      <c r="B62" s="27">
        <v>3</v>
      </c>
      <c r="C62" s="28">
        <v>6</v>
      </c>
      <c r="D62" s="29">
        <v>9</v>
      </c>
    </row>
    <row r="63" spans="1:4" ht="18" customHeight="1" x14ac:dyDescent="0.2">
      <c r="A63" s="31">
        <v>48</v>
      </c>
      <c r="B63" s="27">
        <v>4</v>
      </c>
      <c r="C63" s="28">
        <v>2</v>
      </c>
      <c r="D63" s="29">
        <v>6</v>
      </c>
    </row>
    <row r="64" spans="1:4" ht="18" customHeight="1" x14ac:dyDescent="0.2">
      <c r="A64" s="31">
        <v>49</v>
      </c>
      <c r="B64" s="27">
        <v>8</v>
      </c>
      <c r="C64" s="28">
        <v>6</v>
      </c>
      <c r="D64" s="29">
        <v>14</v>
      </c>
    </row>
    <row r="65" spans="1:4" ht="18" customHeight="1" x14ac:dyDescent="0.2">
      <c r="A65" s="31" t="s">
        <v>76</v>
      </c>
      <c r="B65" s="27">
        <v>27</v>
      </c>
      <c r="C65" s="28">
        <v>26</v>
      </c>
      <c r="D65" s="29">
        <v>53</v>
      </c>
    </row>
    <row r="66" spans="1:4" ht="18" customHeight="1" x14ac:dyDescent="0.2">
      <c r="A66" s="31">
        <v>50</v>
      </c>
      <c r="B66" s="27">
        <v>2</v>
      </c>
      <c r="C66" s="28">
        <v>9</v>
      </c>
      <c r="D66" s="29">
        <v>11</v>
      </c>
    </row>
    <row r="67" spans="1:4" ht="18" customHeight="1" x14ac:dyDescent="0.2">
      <c r="A67" s="31">
        <v>51</v>
      </c>
      <c r="B67" s="27">
        <v>7</v>
      </c>
      <c r="C67" s="28">
        <v>8</v>
      </c>
      <c r="D67" s="29">
        <v>15</v>
      </c>
    </row>
    <row r="68" spans="1:4" ht="18" customHeight="1" x14ac:dyDescent="0.2">
      <c r="A68" s="31">
        <v>52</v>
      </c>
      <c r="B68" s="27">
        <v>8</v>
      </c>
      <c r="C68" s="28">
        <v>9</v>
      </c>
      <c r="D68" s="29">
        <v>17</v>
      </c>
    </row>
    <row r="69" spans="1:4" ht="18" customHeight="1" x14ac:dyDescent="0.2">
      <c r="A69" s="31">
        <v>53</v>
      </c>
      <c r="B69" s="27">
        <v>12</v>
      </c>
      <c r="C69" s="28">
        <v>6</v>
      </c>
      <c r="D69" s="29">
        <v>18</v>
      </c>
    </row>
    <row r="70" spans="1:4" ht="18" customHeight="1" x14ac:dyDescent="0.2">
      <c r="A70" s="31">
        <v>54</v>
      </c>
      <c r="B70" s="27">
        <v>7</v>
      </c>
      <c r="C70" s="28">
        <v>6</v>
      </c>
      <c r="D70" s="29">
        <v>13</v>
      </c>
    </row>
    <row r="71" spans="1:4" ht="18" customHeight="1" x14ac:dyDescent="0.2">
      <c r="A71" s="31" t="s">
        <v>77</v>
      </c>
      <c r="B71" s="27">
        <v>36</v>
      </c>
      <c r="C71" s="28">
        <v>38</v>
      </c>
      <c r="D71" s="29">
        <v>74</v>
      </c>
    </row>
    <row r="72" spans="1:4" ht="18" customHeight="1" x14ac:dyDescent="0.2">
      <c r="A72" s="31">
        <v>55</v>
      </c>
      <c r="B72" s="27">
        <v>12</v>
      </c>
      <c r="C72" s="28">
        <v>11</v>
      </c>
      <c r="D72" s="29">
        <v>23</v>
      </c>
    </row>
    <row r="73" spans="1:4" ht="18" customHeight="1" x14ac:dyDescent="0.2">
      <c r="A73" s="31">
        <v>56</v>
      </c>
      <c r="B73" s="27">
        <v>16</v>
      </c>
      <c r="C73" s="28">
        <v>15</v>
      </c>
      <c r="D73" s="29">
        <v>31</v>
      </c>
    </row>
    <row r="74" spans="1:4" ht="18" customHeight="1" x14ac:dyDescent="0.2">
      <c r="A74" s="31">
        <v>57</v>
      </c>
      <c r="B74" s="27">
        <v>13</v>
      </c>
      <c r="C74" s="28">
        <v>12</v>
      </c>
      <c r="D74" s="29">
        <v>25</v>
      </c>
    </row>
    <row r="75" spans="1:4" ht="18" customHeight="1" x14ac:dyDescent="0.2">
      <c r="A75" s="31">
        <v>58</v>
      </c>
      <c r="B75" s="27">
        <v>6</v>
      </c>
      <c r="C75" s="28">
        <v>8</v>
      </c>
      <c r="D75" s="29">
        <v>14</v>
      </c>
    </row>
    <row r="76" spans="1:4" ht="18" customHeight="1" x14ac:dyDescent="0.2">
      <c r="A76" s="31">
        <v>59</v>
      </c>
      <c r="B76" s="27">
        <v>12</v>
      </c>
      <c r="C76" s="28">
        <v>8</v>
      </c>
      <c r="D76" s="29">
        <v>20</v>
      </c>
    </row>
    <row r="77" spans="1:4" ht="18" customHeight="1" x14ac:dyDescent="0.2">
      <c r="A77" s="31" t="s">
        <v>78</v>
      </c>
      <c r="B77" s="27">
        <v>59</v>
      </c>
      <c r="C77" s="28">
        <v>54</v>
      </c>
      <c r="D77" s="29">
        <v>113</v>
      </c>
    </row>
    <row r="78" spans="1:4" ht="18" customHeight="1" x14ac:dyDescent="0.2">
      <c r="A78" s="31">
        <v>60</v>
      </c>
      <c r="B78" s="27">
        <v>8</v>
      </c>
      <c r="C78" s="28">
        <v>15</v>
      </c>
      <c r="D78" s="29">
        <v>23</v>
      </c>
    </row>
    <row r="79" spans="1:4" ht="18" customHeight="1" x14ac:dyDescent="0.2">
      <c r="A79" s="31">
        <v>61</v>
      </c>
      <c r="B79" s="27">
        <v>13</v>
      </c>
      <c r="C79" s="28">
        <v>6</v>
      </c>
      <c r="D79" s="29">
        <v>19</v>
      </c>
    </row>
    <row r="80" spans="1:4" ht="18" customHeight="1" x14ac:dyDescent="0.2">
      <c r="A80" s="31">
        <v>62</v>
      </c>
      <c r="B80" s="27">
        <v>15</v>
      </c>
      <c r="C80" s="28">
        <v>10</v>
      </c>
      <c r="D80" s="29">
        <v>25</v>
      </c>
    </row>
    <row r="81" spans="1:4" ht="18" customHeight="1" x14ac:dyDescent="0.2">
      <c r="A81" s="31">
        <v>63</v>
      </c>
      <c r="B81" s="27">
        <v>8</v>
      </c>
      <c r="C81" s="28">
        <v>5</v>
      </c>
      <c r="D81" s="29">
        <v>13</v>
      </c>
    </row>
    <row r="82" spans="1:4" ht="18" customHeight="1" x14ac:dyDescent="0.2">
      <c r="A82" s="31">
        <v>64</v>
      </c>
      <c r="B82" s="27">
        <v>3</v>
      </c>
      <c r="C82" s="28">
        <v>7</v>
      </c>
      <c r="D82" s="29">
        <v>10</v>
      </c>
    </row>
    <row r="83" spans="1:4" ht="18" customHeight="1" x14ac:dyDescent="0.2">
      <c r="A83" s="31" t="s">
        <v>79</v>
      </c>
      <c r="B83" s="27">
        <v>47</v>
      </c>
      <c r="C83" s="28">
        <v>43</v>
      </c>
      <c r="D83" s="29">
        <v>90</v>
      </c>
    </row>
    <row r="84" spans="1:4" ht="18" customHeight="1" x14ac:dyDescent="0.2">
      <c r="A84" s="31" t="s">
        <v>80</v>
      </c>
      <c r="B84" s="27">
        <v>340</v>
      </c>
      <c r="C84" s="28">
        <v>364</v>
      </c>
      <c r="D84" s="29">
        <v>704</v>
      </c>
    </row>
    <row r="85" spans="1:4" ht="18" customHeight="1" x14ac:dyDescent="0.2">
      <c r="A85" s="31">
        <v>65</v>
      </c>
      <c r="B85" s="27">
        <v>8</v>
      </c>
      <c r="C85" s="28">
        <v>4</v>
      </c>
      <c r="D85" s="29">
        <v>12</v>
      </c>
    </row>
    <row r="86" spans="1:4" ht="18" customHeight="1" x14ac:dyDescent="0.2">
      <c r="A86" s="31">
        <v>66</v>
      </c>
      <c r="B86" s="27">
        <v>13</v>
      </c>
      <c r="C86" s="28">
        <v>3</v>
      </c>
      <c r="D86" s="29">
        <v>16</v>
      </c>
    </row>
    <row r="87" spans="1:4" ht="18" customHeight="1" x14ac:dyDescent="0.2">
      <c r="A87" s="31">
        <v>67</v>
      </c>
      <c r="B87" s="27">
        <v>5</v>
      </c>
      <c r="C87" s="28">
        <v>11</v>
      </c>
      <c r="D87" s="29">
        <v>16</v>
      </c>
    </row>
    <row r="88" spans="1:4" ht="18" customHeight="1" x14ac:dyDescent="0.2">
      <c r="A88" s="31">
        <v>68</v>
      </c>
      <c r="B88" s="27">
        <v>5</v>
      </c>
      <c r="C88" s="28">
        <v>9</v>
      </c>
      <c r="D88" s="29">
        <v>14</v>
      </c>
    </row>
    <row r="89" spans="1:4" ht="18" customHeight="1" x14ac:dyDescent="0.2">
      <c r="A89" s="31">
        <v>69</v>
      </c>
      <c r="B89" s="27">
        <v>5</v>
      </c>
      <c r="C89" s="28">
        <v>4</v>
      </c>
      <c r="D89" s="29">
        <v>9</v>
      </c>
    </row>
    <row r="90" spans="1:4" ht="18" customHeight="1" x14ac:dyDescent="0.2">
      <c r="A90" s="31" t="s">
        <v>81</v>
      </c>
      <c r="B90" s="27">
        <v>36</v>
      </c>
      <c r="C90" s="28">
        <v>31</v>
      </c>
      <c r="D90" s="29">
        <v>67</v>
      </c>
    </row>
    <row r="91" spans="1:4" ht="18" customHeight="1" x14ac:dyDescent="0.2">
      <c r="A91" s="31">
        <v>70</v>
      </c>
      <c r="B91" s="27">
        <v>6</v>
      </c>
      <c r="C91" s="28">
        <v>4</v>
      </c>
      <c r="D91" s="29">
        <v>10</v>
      </c>
    </row>
    <row r="92" spans="1:4" ht="18" customHeight="1" x14ac:dyDescent="0.2">
      <c r="A92" s="31">
        <v>71</v>
      </c>
      <c r="B92" s="27">
        <v>5</v>
      </c>
      <c r="C92" s="28">
        <v>5</v>
      </c>
      <c r="D92" s="29">
        <v>10</v>
      </c>
    </row>
    <row r="93" spans="1:4" ht="18" customHeight="1" x14ac:dyDescent="0.2">
      <c r="A93" s="31">
        <v>72</v>
      </c>
      <c r="B93" s="27">
        <v>7</v>
      </c>
      <c r="C93" s="28">
        <v>6</v>
      </c>
      <c r="D93" s="29">
        <v>13</v>
      </c>
    </row>
    <row r="94" spans="1:4" ht="18" customHeight="1" x14ac:dyDescent="0.2">
      <c r="A94" s="31">
        <v>73</v>
      </c>
      <c r="B94" s="27">
        <v>3</v>
      </c>
      <c r="C94" s="28">
        <v>6</v>
      </c>
      <c r="D94" s="29">
        <v>9</v>
      </c>
    </row>
    <row r="95" spans="1:4" ht="18" customHeight="1" x14ac:dyDescent="0.2">
      <c r="A95" s="31">
        <v>74</v>
      </c>
      <c r="B95" s="27">
        <v>2</v>
      </c>
      <c r="C95" s="28">
        <v>10</v>
      </c>
      <c r="D95" s="29">
        <v>12</v>
      </c>
    </row>
    <row r="96" spans="1:4" ht="18" customHeight="1" x14ac:dyDescent="0.2">
      <c r="A96" s="31" t="s">
        <v>82</v>
      </c>
      <c r="B96" s="27">
        <v>23</v>
      </c>
      <c r="C96" s="28">
        <v>31</v>
      </c>
      <c r="D96" s="29">
        <v>54</v>
      </c>
    </row>
    <row r="97" spans="1:4" ht="18" customHeight="1" x14ac:dyDescent="0.2">
      <c r="A97" s="31">
        <v>75</v>
      </c>
      <c r="B97" s="27">
        <v>4</v>
      </c>
      <c r="C97" s="28">
        <v>12</v>
      </c>
      <c r="D97" s="29">
        <v>16</v>
      </c>
    </row>
    <row r="98" spans="1:4" ht="18" customHeight="1" x14ac:dyDescent="0.2">
      <c r="A98" s="31">
        <v>76</v>
      </c>
      <c r="B98" s="27">
        <v>2</v>
      </c>
      <c r="C98" s="28">
        <v>5</v>
      </c>
      <c r="D98" s="29">
        <v>7</v>
      </c>
    </row>
    <row r="99" spans="1:4" ht="18" customHeight="1" x14ac:dyDescent="0.2">
      <c r="A99" s="31">
        <v>77</v>
      </c>
      <c r="B99" s="27">
        <v>2</v>
      </c>
      <c r="C99" s="28">
        <v>10</v>
      </c>
      <c r="D99" s="29">
        <v>12</v>
      </c>
    </row>
    <row r="100" spans="1:4" ht="18" customHeight="1" x14ac:dyDescent="0.2">
      <c r="A100" s="31">
        <v>78</v>
      </c>
      <c r="B100" s="27">
        <v>9</v>
      </c>
      <c r="C100" s="28">
        <v>9</v>
      </c>
      <c r="D100" s="29">
        <v>18</v>
      </c>
    </row>
    <row r="101" spans="1:4" ht="18" customHeight="1" x14ac:dyDescent="0.2">
      <c r="A101" s="31">
        <v>79</v>
      </c>
      <c r="B101" s="27">
        <v>7</v>
      </c>
      <c r="C101" s="28">
        <v>6</v>
      </c>
      <c r="D101" s="29">
        <v>13</v>
      </c>
    </row>
    <row r="102" spans="1:4" ht="18" customHeight="1" x14ac:dyDescent="0.2">
      <c r="A102" s="31" t="s">
        <v>83</v>
      </c>
      <c r="B102" s="27">
        <v>24</v>
      </c>
      <c r="C102" s="28">
        <v>42</v>
      </c>
      <c r="D102" s="29">
        <v>66</v>
      </c>
    </row>
    <row r="103" spans="1:4" ht="18" customHeight="1" x14ac:dyDescent="0.2">
      <c r="A103" s="31">
        <v>80</v>
      </c>
      <c r="B103" s="27">
        <v>5</v>
      </c>
      <c r="C103" s="28">
        <v>7</v>
      </c>
      <c r="D103" s="29">
        <v>12</v>
      </c>
    </row>
    <row r="104" spans="1:4" ht="18" customHeight="1" x14ac:dyDescent="0.2">
      <c r="A104" s="31">
        <v>81</v>
      </c>
      <c r="B104" s="27">
        <v>6</v>
      </c>
      <c r="C104" s="28">
        <v>8</v>
      </c>
      <c r="D104" s="29">
        <v>14</v>
      </c>
    </row>
    <row r="105" spans="1:4" ht="18" customHeight="1" x14ac:dyDescent="0.2">
      <c r="A105" s="31">
        <v>82</v>
      </c>
      <c r="B105" s="27">
        <v>3</v>
      </c>
      <c r="C105" s="28">
        <v>12</v>
      </c>
      <c r="D105" s="29">
        <v>15</v>
      </c>
    </row>
    <row r="106" spans="1:4" ht="18" customHeight="1" x14ac:dyDescent="0.2">
      <c r="A106" s="31">
        <v>83</v>
      </c>
      <c r="B106" s="27">
        <v>8</v>
      </c>
      <c r="C106" s="28">
        <v>6</v>
      </c>
      <c r="D106" s="29">
        <v>14</v>
      </c>
    </row>
    <row r="107" spans="1:4" ht="18" customHeight="1" x14ac:dyDescent="0.2">
      <c r="A107" s="31">
        <v>84</v>
      </c>
      <c r="B107" s="27">
        <v>1</v>
      </c>
      <c r="C107" s="28">
        <v>2</v>
      </c>
      <c r="D107" s="29">
        <v>3</v>
      </c>
    </row>
    <row r="108" spans="1:4" ht="18" customHeight="1" x14ac:dyDescent="0.2">
      <c r="A108" s="31" t="s">
        <v>84</v>
      </c>
      <c r="B108" s="27">
        <v>23</v>
      </c>
      <c r="C108" s="28">
        <v>35</v>
      </c>
      <c r="D108" s="29">
        <v>58</v>
      </c>
    </row>
    <row r="109" spans="1:4" ht="18" customHeight="1" x14ac:dyDescent="0.2">
      <c r="A109" s="31">
        <v>85</v>
      </c>
      <c r="B109" s="27">
        <v>3</v>
      </c>
      <c r="C109" s="28">
        <v>2</v>
      </c>
      <c r="D109" s="29">
        <v>5</v>
      </c>
    </row>
    <row r="110" spans="1:4" ht="18" customHeight="1" x14ac:dyDescent="0.2">
      <c r="A110" s="31">
        <v>86</v>
      </c>
      <c r="B110" s="27">
        <v>3</v>
      </c>
      <c r="C110" s="28">
        <v>5</v>
      </c>
      <c r="D110" s="29">
        <v>8</v>
      </c>
    </row>
    <row r="111" spans="1:4" ht="18" customHeight="1" x14ac:dyDescent="0.2">
      <c r="A111" s="31">
        <v>87</v>
      </c>
      <c r="B111" s="27">
        <v>2</v>
      </c>
      <c r="C111" s="28">
        <v>11</v>
      </c>
      <c r="D111" s="29">
        <v>13</v>
      </c>
    </row>
    <row r="112" spans="1:4" ht="18" customHeight="1" x14ac:dyDescent="0.2">
      <c r="A112" s="31">
        <v>88</v>
      </c>
      <c r="B112" s="27">
        <v>3</v>
      </c>
      <c r="C112" s="28">
        <v>4</v>
      </c>
      <c r="D112" s="29">
        <v>7</v>
      </c>
    </row>
    <row r="113" spans="1:4" ht="18" customHeight="1" x14ac:dyDescent="0.2">
      <c r="A113" s="31">
        <v>89</v>
      </c>
      <c r="B113" s="27">
        <v>4</v>
      </c>
      <c r="C113" s="28">
        <v>2</v>
      </c>
      <c r="D113" s="29">
        <v>6</v>
      </c>
    </row>
    <row r="114" spans="1:4" ht="18" customHeight="1" x14ac:dyDescent="0.2">
      <c r="A114" s="31" t="s">
        <v>85</v>
      </c>
      <c r="B114" s="27">
        <v>15</v>
      </c>
      <c r="C114" s="28">
        <v>24</v>
      </c>
      <c r="D114" s="29">
        <v>39</v>
      </c>
    </row>
    <row r="115" spans="1:4" ht="18" customHeight="1" x14ac:dyDescent="0.2">
      <c r="A115" s="31">
        <v>90</v>
      </c>
      <c r="B115" s="27">
        <v>2</v>
      </c>
      <c r="C115" s="28">
        <v>1</v>
      </c>
      <c r="D115" s="29">
        <v>3</v>
      </c>
    </row>
    <row r="116" spans="1:4" ht="18" customHeight="1" x14ac:dyDescent="0.2">
      <c r="A116" s="31">
        <v>91</v>
      </c>
      <c r="B116" s="27">
        <v>3</v>
      </c>
      <c r="C116" s="28">
        <v>1</v>
      </c>
      <c r="D116" s="29">
        <v>4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6</v>
      </c>
      <c r="C120" s="28">
        <v>5</v>
      </c>
      <c r="D120" s="29">
        <v>11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128</v>
      </c>
      <c r="C130" s="5">
        <v>171</v>
      </c>
      <c r="D130" s="6">
        <v>299</v>
      </c>
    </row>
    <row r="131" spans="1:4" ht="18" customHeight="1" x14ac:dyDescent="0.2">
      <c r="A131" s="33" t="s">
        <v>65</v>
      </c>
      <c r="B131" s="7">
        <v>554</v>
      </c>
      <c r="C131" s="8">
        <v>610</v>
      </c>
      <c r="D131" s="9">
        <v>116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2</v>
      </c>
      <c r="D5" s="39">
        <v>2</v>
      </c>
    </row>
    <row r="6" spans="1:4" ht="18" customHeight="1" x14ac:dyDescent="0.2">
      <c r="A6" s="31">
        <v>1</v>
      </c>
      <c r="B6" s="35">
        <v>2</v>
      </c>
      <c r="C6" s="28">
        <v>1</v>
      </c>
      <c r="D6" s="29">
        <v>3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1</v>
      </c>
      <c r="D9" s="40">
        <v>1</v>
      </c>
    </row>
    <row r="10" spans="1:4" ht="18" customHeight="1" x14ac:dyDescent="0.2">
      <c r="A10" s="31" t="s">
        <v>66</v>
      </c>
      <c r="B10" s="27">
        <v>2</v>
      </c>
      <c r="C10" s="28">
        <v>5</v>
      </c>
      <c r="D10" s="29">
        <v>7</v>
      </c>
    </row>
    <row r="11" spans="1:4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4" ht="18" customHeight="1" x14ac:dyDescent="0.2">
      <c r="A12" s="31">
        <v>6</v>
      </c>
      <c r="B12" s="35">
        <v>2</v>
      </c>
      <c r="C12" s="28">
        <v>0</v>
      </c>
      <c r="D12" s="29">
        <v>2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67</v>
      </c>
      <c r="B16" s="27">
        <v>3</v>
      </c>
      <c r="C16" s="28">
        <v>2</v>
      </c>
      <c r="D16" s="29">
        <v>5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68</v>
      </c>
      <c r="B22" s="27">
        <v>1</v>
      </c>
      <c r="C22" s="28">
        <v>1</v>
      </c>
      <c r="D22" s="29">
        <v>2</v>
      </c>
    </row>
    <row r="23" spans="1:4" ht="18" customHeight="1" x14ac:dyDescent="0.2">
      <c r="A23" s="31" t="s">
        <v>69</v>
      </c>
      <c r="B23" s="27">
        <v>6</v>
      </c>
      <c r="C23" s="28">
        <v>8</v>
      </c>
      <c r="D23" s="29">
        <v>14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3</v>
      </c>
      <c r="C25" s="28">
        <v>0</v>
      </c>
      <c r="D25" s="29">
        <v>3</v>
      </c>
    </row>
    <row r="26" spans="1:4" ht="18" customHeight="1" x14ac:dyDescent="0.2">
      <c r="A26" s="31">
        <v>17</v>
      </c>
      <c r="B26" s="27">
        <v>2</v>
      </c>
      <c r="C26" s="28">
        <v>1</v>
      </c>
      <c r="D26" s="29">
        <v>3</v>
      </c>
    </row>
    <row r="27" spans="1:4" ht="18" customHeight="1" x14ac:dyDescent="0.2">
      <c r="A27" s="31">
        <v>18</v>
      </c>
      <c r="B27" s="27">
        <v>5</v>
      </c>
      <c r="C27" s="28">
        <v>3</v>
      </c>
      <c r="D27" s="29">
        <v>8</v>
      </c>
    </row>
    <row r="28" spans="1:4" ht="18" customHeight="1" x14ac:dyDescent="0.2">
      <c r="A28" s="31">
        <v>19</v>
      </c>
      <c r="B28" s="27">
        <v>1</v>
      </c>
      <c r="C28" s="28">
        <v>1</v>
      </c>
      <c r="D28" s="29">
        <v>2</v>
      </c>
    </row>
    <row r="29" spans="1:4" ht="18" customHeight="1" x14ac:dyDescent="0.2">
      <c r="A29" s="31" t="s">
        <v>70</v>
      </c>
      <c r="B29" s="27">
        <v>11</v>
      </c>
      <c r="C29" s="28">
        <v>5</v>
      </c>
      <c r="D29" s="29">
        <v>16</v>
      </c>
    </row>
    <row r="30" spans="1:4" ht="18" customHeight="1" x14ac:dyDescent="0.2">
      <c r="A30" s="31">
        <v>20</v>
      </c>
      <c r="B30" s="27">
        <v>3</v>
      </c>
      <c r="C30" s="28">
        <v>4</v>
      </c>
      <c r="D30" s="29">
        <v>7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2</v>
      </c>
      <c r="C32" s="28">
        <v>3</v>
      </c>
      <c r="D32" s="29">
        <v>5</v>
      </c>
    </row>
    <row r="33" spans="1:4" ht="18" customHeight="1" x14ac:dyDescent="0.2">
      <c r="A33" s="31">
        <v>23</v>
      </c>
      <c r="B33" s="27">
        <v>1</v>
      </c>
      <c r="C33" s="28">
        <v>3</v>
      </c>
      <c r="D33" s="29">
        <v>4</v>
      </c>
    </row>
    <row r="34" spans="1:4" ht="18" customHeight="1" x14ac:dyDescent="0.2">
      <c r="A34" s="31">
        <v>24</v>
      </c>
      <c r="B34" s="27">
        <v>2</v>
      </c>
      <c r="C34" s="28">
        <v>1</v>
      </c>
      <c r="D34" s="29">
        <v>3</v>
      </c>
    </row>
    <row r="35" spans="1:4" ht="18" customHeight="1" x14ac:dyDescent="0.2">
      <c r="A35" s="31" t="s">
        <v>71</v>
      </c>
      <c r="B35" s="27">
        <v>8</v>
      </c>
      <c r="C35" s="28">
        <v>12</v>
      </c>
      <c r="D35" s="29">
        <v>20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3</v>
      </c>
      <c r="C37" s="28">
        <v>1</v>
      </c>
      <c r="D37" s="29">
        <v>4</v>
      </c>
    </row>
    <row r="38" spans="1:4" ht="18" customHeight="1" x14ac:dyDescent="0.2">
      <c r="A38" s="31">
        <v>27</v>
      </c>
      <c r="B38" s="27">
        <v>1</v>
      </c>
      <c r="C38" s="28">
        <v>2</v>
      </c>
      <c r="D38" s="29">
        <v>3</v>
      </c>
    </row>
    <row r="39" spans="1:4" ht="18" customHeight="1" x14ac:dyDescent="0.2">
      <c r="A39" s="31">
        <v>28</v>
      </c>
      <c r="B39" s="27">
        <v>2</v>
      </c>
      <c r="C39" s="28">
        <v>0</v>
      </c>
      <c r="D39" s="29">
        <v>2</v>
      </c>
    </row>
    <row r="40" spans="1:4" ht="18" customHeight="1" x14ac:dyDescent="0.2">
      <c r="A40" s="31">
        <v>29</v>
      </c>
      <c r="B40" s="27">
        <v>2</v>
      </c>
      <c r="C40" s="28">
        <v>0</v>
      </c>
      <c r="D40" s="29">
        <v>2</v>
      </c>
    </row>
    <row r="41" spans="1:4" ht="18" customHeight="1" x14ac:dyDescent="0.2">
      <c r="A41" s="31" t="s">
        <v>72</v>
      </c>
      <c r="B41" s="27">
        <v>8</v>
      </c>
      <c r="C41" s="28">
        <v>4</v>
      </c>
      <c r="D41" s="29">
        <v>12</v>
      </c>
    </row>
    <row r="42" spans="1:4" ht="18" customHeight="1" x14ac:dyDescent="0.2">
      <c r="A42" s="31">
        <v>30</v>
      </c>
      <c r="B42" s="27">
        <v>1</v>
      </c>
      <c r="C42" s="28">
        <v>1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1</v>
      </c>
      <c r="C44" s="28">
        <v>3</v>
      </c>
      <c r="D44" s="29">
        <v>4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5</v>
      </c>
      <c r="C46" s="28">
        <v>2</v>
      </c>
      <c r="D46" s="29">
        <v>7</v>
      </c>
    </row>
    <row r="47" spans="1:4" ht="18" customHeight="1" x14ac:dyDescent="0.2">
      <c r="A47" s="31" t="s">
        <v>73</v>
      </c>
      <c r="B47" s="27">
        <v>8</v>
      </c>
      <c r="C47" s="28">
        <v>6</v>
      </c>
      <c r="D47" s="29">
        <v>14</v>
      </c>
    </row>
    <row r="48" spans="1:4" ht="18" customHeight="1" x14ac:dyDescent="0.2">
      <c r="A48" s="31">
        <v>35</v>
      </c>
      <c r="B48" s="27">
        <v>2</v>
      </c>
      <c r="C48" s="28">
        <v>0</v>
      </c>
      <c r="D48" s="29">
        <v>2</v>
      </c>
    </row>
    <row r="49" spans="1:4" ht="18" customHeight="1" x14ac:dyDescent="0.2">
      <c r="A49" s="31">
        <v>36</v>
      </c>
      <c r="B49" s="27">
        <v>2</v>
      </c>
      <c r="C49" s="28">
        <v>0</v>
      </c>
      <c r="D49" s="29">
        <v>2</v>
      </c>
    </row>
    <row r="50" spans="1:4" ht="18" customHeight="1" x14ac:dyDescent="0.2">
      <c r="A50" s="31">
        <v>37</v>
      </c>
      <c r="B50" s="27">
        <v>2</v>
      </c>
      <c r="C50" s="28">
        <v>2</v>
      </c>
      <c r="D50" s="29">
        <v>4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74</v>
      </c>
      <c r="B53" s="27">
        <v>6</v>
      </c>
      <c r="C53" s="28">
        <v>2</v>
      </c>
      <c r="D53" s="29">
        <v>8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1</v>
      </c>
      <c r="C56" s="28">
        <v>2</v>
      </c>
      <c r="D56" s="29">
        <v>3</v>
      </c>
    </row>
    <row r="57" spans="1:4" ht="18" customHeight="1" x14ac:dyDescent="0.2">
      <c r="A57" s="31">
        <v>43</v>
      </c>
      <c r="B57" s="27">
        <v>0</v>
      </c>
      <c r="C57" s="28">
        <v>2</v>
      </c>
      <c r="D57" s="29">
        <v>2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75</v>
      </c>
      <c r="B59" s="27">
        <v>1</v>
      </c>
      <c r="C59" s="28">
        <v>5</v>
      </c>
      <c r="D59" s="29">
        <v>6</v>
      </c>
    </row>
    <row r="60" spans="1:4" ht="18" customHeight="1" x14ac:dyDescent="0.2">
      <c r="A60" s="31">
        <v>45</v>
      </c>
      <c r="B60" s="27">
        <v>0</v>
      </c>
      <c r="C60" s="28">
        <v>1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1</v>
      </c>
      <c r="C62" s="28">
        <v>3</v>
      </c>
      <c r="D62" s="29">
        <v>4</v>
      </c>
    </row>
    <row r="63" spans="1:4" ht="18" customHeight="1" x14ac:dyDescent="0.2">
      <c r="A63" s="31">
        <v>48</v>
      </c>
      <c r="B63" s="27">
        <v>2</v>
      </c>
      <c r="C63" s="28">
        <v>0</v>
      </c>
      <c r="D63" s="29">
        <v>2</v>
      </c>
    </row>
    <row r="64" spans="1:4" ht="18" customHeight="1" x14ac:dyDescent="0.2">
      <c r="A64" s="31">
        <v>49</v>
      </c>
      <c r="B64" s="27">
        <v>1</v>
      </c>
      <c r="C64" s="28">
        <v>2</v>
      </c>
      <c r="D64" s="29">
        <v>3</v>
      </c>
    </row>
    <row r="65" spans="1:4" ht="18" customHeight="1" x14ac:dyDescent="0.2">
      <c r="A65" s="31" t="s">
        <v>76</v>
      </c>
      <c r="B65" s="27">
        <v>4</v>
      </c>
      <c r="C65" s="28">
        <v>6</v>
      </c>
      <c r="D65" s="29">
        <v>10</v>
      </c>
    </row>
    <row r="66" spans="1:4" ht="18" customHeight="1" x14ac:dyDescent="0.2">
      <c r="A66" s="31">
        <v>50</v>
      </c>
      <c r="B66" s="27">
        <v>1</v>
      </c>
      <c r="C66" s="28">
        <v>0</v>
      </c>
      <c r="D66" s="29">
        <v>1</v>
      </c>
    </row>
    <row r="67" spans="1:4" ht="18" customHeight="1" x14ac:dyDescent="0.2">
      <c r="A67" s="31">
        <v>51</v>
      </c>
      <c r="B67" s="27">
        <v>3</v>
      </c>
      <c r="C67" s="28">
        <v>2</v>
      </c>
      <c r="D67" s="29">
        <v>5</v>
      </c>
    </row>
    <row r="68" spans="1:4" ht="18" customHeight="1" x14ac:dyDescent="0.2">
      <c r="A68" s="31">
        <v>52</v>
      </c>
      <c r="B68" s="27">
        <v>3</v>
      </c>
      <c r="C68" s="28">
        <v>0</v>
      </c>
      <c r="D68" s="29">
        <v>3</v>
      </c>
    </row>
    <row r="69" spans="1:4" ht="18" customHeight="1" x14ac:dyDescent="0.2">
      <c r="A69" s="31">
        <v>53</v>
      </c>
      <c r="B69" s="27">
        <v>1</v>
      </c>
      <c r="C69" s="28">
        <v>2</v>
      </c>
      <c r="D69" s="29">
        <v>3</v>
      </c>
    </row>
    <row r="70" spans="1:4" ht="18" customHeight="1" x14ac:dyDescent="0.2">
      <c r="A70" s="31">
        <v>54</v>
      </c>
      <c r="B70" s="27">
        <v>1</v>
      </c>
      <c r="C70" s="28">
        <v>1</v>
      </c>
      <c r="D70" s="29">
        <v>2</v>
      </c>
    </row>
    <row r="71" spans="1:4" ht="18" customHeight="1" x14ac:dyDescent="0.2">
      <c r="A71" s="31" t="s">
        <v>77</v>
      </c>
      <c r="B71" s="27">
        <v>9</v>
      </c>
      <c r="C71" s="28">
        <v>5</v>
      </c>
      <c r="D71" s="29">
        <v>14</v>
      </c>
    </row>
    <row r="72" spans="1:4" ht="18" customHeight="1" x14ac:dyDescent="0.2">
      <c r="A72" s="31">
        <v>55</v>
      </c>
      <c r="B72" s="27">
        <v>3</v>
      </c>
      <c r="C72" s="28">
        <v>2</v>
      </c>
      <c r="D72" s="29">
        <v>5</v>
      </c>
    </row>
    <row r="73" spans="1:4" ht="18" customHeight="1" x14ac:dyDescent="0.2">
      <c r="A73" s="31">
        <v>56</v>
      </c>
      <c r="B73" s="27">
        <v>1</v>
      </c>
      <c r="C73" s="28">
        <v>0</v>
      </c>
      <c r="D73" s="29">
        <v>1</v>
      </c>
    </row>
    <row r="74" spans="1:4" ht="18" customHeight="1" x14ac:dyDescent="0.2">
      <c r="A74" s="31">
        <v>57</v>
      </c>
      <c r="B74" s="27">
        <v>2</v>
      </c>
      <c r="C74" s="28">
        <v>0</v>
      </c>
      <c r="D74" s="29">
        <v>2</v>
      </c>
    </row>
    <row r="75" spans="1:4" ht="18" customHeight="1" x14ac:dyDescent="0.2">
      <c r="A75" s="31">
        <v>58</v>
      </c>
      <c r="B75" s="27">
        <v>4</v>
      </c>
      <c r="C75" s="28">
        <v>2</v>
      </c>
      <c r="D75" s="29">
        <v>6</v>
      </c>
    </row>
    <row r="76" spans="1:4" ht="18" customHeight="1" x14ac:dyDescent="0.2">
      <c r="A76" s="31">
        <v>59</v>
      </c>
      <c r="B76" s="27">
        <v>0</v>
      </c>
      <c r="C76" s="28">
        <v>4</v>
      </c>
      <c r="D76" s="29">
        <v>4</v>
      </c>
    </row>
    <row r="77" spans="1:4" ht="18" customHeight="1" x14ac:dyDescent="0.2">
      <c r="A77" s="31" t="s">
        <v>78</v>
      </c>
      <c r="B77" s="27">
        <v>10</v>
      </c>
      <c r="C77" s="28">
        <v>8</v>
      </c>
      <c r="D77" s="29">
        <v>18</v>
      </c>
    </row>
    <row r="78" spans="1:4" ht="18" customHeight="1" x14ac:dyDescent="0.2">
      <c r="A78" s="31">
        <v>60</v>
      </c>
      <c r="B78" s="27">
        <v>3</v>
      </c>
      <c r="C78" s="28">
        <v>3</v>
      </c>
      <c r="D78" s="29">
        <v>6</v>
      </c>
    </row>
    <row r="79" spans="1:4" ht="18" customHeight="1" x14ac:dyDescent="0.2">
      <c r="A79" s="31">
        <v>61</v>
      </c>
      <c r="B79" s="27">
        <v>3</v>
      </c>
      <c r="C79" s="28">
        <v>2</v>
      </c>
      <c r="D79" s="29">
        <v>5</v>
      </c>
    </row>
    <row r="80" spans="1:4" ht="18" customHeight="1" x14ac:dyDescent="0.2">
      <c r="A80" s="31">
        <v>62</v>
      </c>
      <c r="B80" s="27">
        <v>2</v>
      </c>
      <c r="C80" s="28">
        <v>0</v>
      </c>
      <c r="D80" s="29">
        <v>2</v>
      </c>
    </row>
    <row r="81" spans="1:4" ht="18" customHeight="1" x14ac:dyDescent="0.2">
      <c r="A81" s="31">
        <v>63</v>
      </c>
      <c r="B81" s="27">
        <v>0</v>
      </c>
      <c r="C81" s="28">
        <v>1</v>
      </c>
      <c r="D81" s="29">
        <v>1</v>
      </c>
    </row>
    <row r="82" spans="1:4" ht="18" customHeight="1" x14ac:dyDescent="0.2">
      <c r="A82" s="31">
        <v>64</v>
      </c>
      <c r="B82" s="27">
        <v>4</v>
      </c>
      <c r="C82" s="28">
        <v>0</v>
      </c>
      <c r="D82" s="29">
        <v>4</v>
      </c>
    </row>
    <row r="83" spans="1:4" ht="18" customHeight="1" x14ac:dyDescent="0.2">
      <c r="A83" s="31" t="s">
        <v>79</v>
      </c>
      <c r="B83" s="27">
        <v>12</v>
      </c>
      <c r="C83" s="28">
        <v>6</v>
      </c>
      <c r="D83" s="29">
        <v>18</v>
      </c>
    </row>
    <row r="84" spans="1:4" ht="18" customHeight="1" x14ac:dyDescent="0.2">
      <c r="A84" s="31" t="s">
        <v>80</v>
      </c>
      <c r="B84" s="27">
        <v>77</v>
      </c>
      <c r="C84" s="28">
        <v>59</v>
      </c>
      <c r="D84" s="29">
        <v>136</v>
      </c>
    </row>
    <row r="85" spans="1:4" ht="18" customHeight="1" x14ac:dyDescent="0.2">
      <c r="A85" s="31">
        <v>65</v>
      </c>
      <c r="B85" s="27">
        <v>3</v>
      </c>
      <c r="C85" s="28">
        <v>2</v>
      </c>
      <c r="D85" s="29">
        <v>5</v>
      </c>
    </row>
    <row r="86" spans="1:4" ht="18" customHeight="1" x14ac:dyDescent="0.2">
      <c r="A86" s="31">
        <v>66</v>
      </c>
      <c r="B86" s="27">
        <v>0</v>
      </c>
      <c r="C86" s="28">
        <v>1</v>
      </c>
      <c r="D86" s="29">
        <v>1</v>
      </c>
    </row>
    <row r="87" spans="1:4" ht="18" customHeight="1" x14ac:dyDescent="0.2">
      <c r="A87" s="31">
        <v>67</v>
      </c>
      <c r="B87" s="27">
        <v>2</v>
      </c>
      <c r="C87" s="28">
        <v>1</v>
      </c>
      <c r="D87" s="29">
        <v>3</v>
      </c>
    </row>
    <row r="88" spans="1:4" ht="18" customHeight="1" x14ac:dyDescent="0.2">
      <c r="A88" s="31">
        <v>68</v>
      </c>
      <c r="B88" s="27">
        <v>1</v>
      </c>
      <c r="C88" s="28">
        <v>0</v>
      </c>
      <c r="D88" s="29">
        <v>1</v>
      </c>
    </row>
    <row r="89" spans="1:4" ht="18" customHeight="1" x14ac:dyDescent="0.2">
      <c r="A89" s="31">
        <v>69</v>
      </c>
      <c r="B89" s="27">
        <v>1</v>
      </c>
      <c r="C89" s="28">
        <v>3</v>
      </c>
      <c r="D89" s="29">
        <v>4</v>
      </c>
    </row>
    <row r="90" spans="1:4" ht="18" customHeight="1" x14ac:dyDescent="0.2">
      <c r="A90" s="31" t="s">
        <v>81</v>
      </c>
      <c r="B90" s="27">
        <v>7</v>
      </c>
      <c r="C90" s="28">
        <v>7</v>
      </c>
      <c r="D90" s="29">
        <v>14</v>
      </c>
    </row>
    <row r="91" spans="1:4" ht="18" customHeight="1" x14ac:dyDescent="0.2">
      <c r="A91" s="31">
        <v>70</v>
      </c>
      <c r="B91" s="27">
        <v>2</v>
      </c>
      <c r="C91" s="28">
        <v>2</v>
      </c>
      <c r="D91" s="29">
        <v>4</v>
      </c>
    </row>
    <row r="92" spans="1:4" ht="18" customHeight="1" x14ac:dyDescent="0.2">
      <c r="A92" s="31">
        <v>71</v>
      </c>
      <c r="B92" s="27">
        <v>1</v>
      </c>
      <c r="C92" s="28">
        <v>0</v>
      </c>
      <c r="D92" s="29">
        <v>1</v>
      </c>
    </row>
    <row r="93" spans="1:4" ht="18" customHeight="1" x14ac:dyDescent="0.2">
      <c r="A93" s="31">
        <v>72</v>
      </c>
      <c r="B93" s="27">
        <v>2</v>
      </c>
      <c r="C93" s="28">
        <v>2</v>
      </c>
      <c r="D93" s="29">
        <v>4</v>
      </c>
    </row>
    <row r="94" spans="1:4" ht="18" customHeight="1" x14ac:dyDescent="0.2">
      <c r="A94" s="31">
        <v>73</v>
      </c>
      <c r="B94" s="27">
        <v>2</v>
      </c>
      <c r="C94" s="28">
        <v>1</v>
      </c>
      <c r="D94" s="29">
        <v>3</v>
      </c>
    </row>
    <row r="95" spans="1:4" ht="18" customHeight="1" x14ac:dyDescent="0.2">
      <c r="A95" s="31">
        <v>74</v>
      </c>
      <c r="B95" s="27">
        <v>2</v>
      </c>
      <c r="C95" s="28">
        <v>1</v>
      </c>
      <c r="D95" s="29">
        <v>3</v>
      </c>
    </row>
    <row r="96" spans="1:4" ht="18" customHeight="1" x14ac:dyDescent="0.2">
      <c r="A96" s="31" t="s">
        <v>82</v>
      </c>
      <c r="B96" s="27">
        <v>9</v>
      </c>
      <c r="C96" s="28">
        <v>6</v>
      </c>
      <c r="D96" s="29">
        <v>15</v>
      </c>
    </row>
    <row r="97" spans="1:4" ht="18" customHeight="1" x14ac:dyDescent="0.2">
      <c r="A97" s="31">
        <v>75</v>
      </c>
      <c r="B97" s="27">
        <v>0</v>
      </c>
      <c r="C97" s="28">
        <v>4</v>
      </c>
      <c r="D97" s="29">
        <v>4</v>
      </c>
    </row>
    <row r="98" spans="1:4" ht="18" customHeight="1" x14ac:dyDescent="0.2">
      <c r="A98" s="31">
        <v>76</v>
      </c>
      <c r="B98" s="27">
        <v>1</v>
      </c>
      <c r="C98" s="28">
        <v>3</v>
      </c>
      <c r="D98" s="29">
        <v>4</v>
      </c>
    </row>
    <row r="99" spans="1:4" ht="18" customHeight="1" x14ac:dyDescent="0.2">
      <c r="A99" s="31">
        <v>77</v>
      </c>
      <c r="B99" s="27">
        <v>2</v>
      </c>
      <c r="C99" s="28">
        <v>4</v>
      </c>
      <c r="D99" s="29">
        <v>6</v>
      </c>
    </row>
    <row r="100" spans="1:4" ht="18" customHeight="1" x14ac:dyDescent="0.2">
      <c r="A100" s="31">
        <v>78</v>
      </c>
      <c r="B100" s="27">
        <v>0</v>
      </c>
      <c r="C100" s="28">
        <v>1</v>
      </c>
      <c r="D100" s="29">
        <v>1</v>
      </c>
    </row>
    <row r="101" spans="1:4" ht="18" customHeight="1" x14ac:dyDescent="0.2">
      <c r="A101" s="31">
        <v>79</v>
      </c>
      <c r="B101" s="27">
        <v>1</v>
      </c>
      <c r="C101" s="28">
        <v>0</v>
      </c>
      <c r="D101" s="29">
        <v>1</v>
      </c>
    </row>
    <row r="102" spans="1:4" ht="18" customHeight="1" x14ac:dyDescent="0.2">
      <c r="A102" s="31" t="s">
        <v>83</v>
      </c>
      <c r="B102" s="27">
        <v>4</v>
      </c>
      <c r="C102" s="28">
        <v>12</v>
      </c>
      <c r="D102" s="29">
        <v>16</v>
      </c>
    </row>
    <row r="103" spans="1:4" ht="18" customHeight="1" x14ac:dyDescent="0.2">
      <c r="A103" s="31">
        <v>80</v>
      </c>
      <c r="B103" s="27">
        <v>2</v>
      </c>
      <c r="C103" s="28">
        <v>1</v>
      </c>
      <c r="D103" s="29">
        <v>3</v>
      </c>
    </row>
    <row r="104" spans="1:4" ht="18" customHeight="1" x14ac:dyDescent="0.2">
      <c r="A104" s="31">
        <v>81</v>
      </c>
      <c r="B104" s="27">
        <v>5</v>
      </c>
      <c r="C104" s="28">
        <v>2</v>
      </c>
      <c r="D104" s="29">
        <v>7</v>
      </c>
    </row>
    <row r="105" spans="1:4" ht="18" customHeight="1" x14ac:dyDescent="0.2">
      <c r="A105" s="31">
        <v>82</v>
      </c>
      <c r="B105" s="27">
        <v>0</v>
      </c>
      <c r="C105" s="28">
        <v>4</v>
      </c>
      <c r="D105" s="29">
        <v>4</v>
      </c>
    </row>
    <row r="106" spans="1:4" ht="18" customHeight="1" x14ac:dyDescent="0.2">
      <c r="A106" s="31">
        <v>83</v>
      </c>
      <c r="B106" s="27">
        <v>1</v>
      </c>
      <c r="C106" s="28">
        <v>0</v>
      </c>
      <c r="D106" s="29">
        <v>1</v>
      </c>
    </row>
    <row r="107" spans="1:4" ht="18" customHeight="1" x14ac:dyDescent="0.2">
      <c r="A107" s="31">
        <v>84</v>
      </c>
      <c r="B107" s="27">
        <v>0</v>
      </c>
      <c r="C107" s="28">
        <v>3</v>
      </c>
      <c r="D107" s="29">
        <v>3</v>
      </c>
    </row>
    <row r="108" spans="1:4" ht="18" customHeight="1" x14ac:dyDescent="0.2">
      <c r="A108" s="31" t="s">
        <v>84</v>
      </c>
      <c r="B108" s="27">
        <v>8</v>
      </c>
      <c r="C108" s="28">
        <v>10</v>
      </c>
      <c r="D108" s="29">
        <v>18</v>
      </c>
    </row>
    <row r="109" spans="1:4" ht="18" customHeight="1" x14ac:dyDescent="0.2">
      <c r="A109" s="31">
        <v>85</v>
      </c>
      <c r="B109" s="27">
        <v>0</v>
      </c>
      <c r="C109" s="28">
        <v>0</v>
      </c>
      <c r="D109" s="29">
        <v>0</v>
      </c>
    </row>
    <row r="110" spans="1:4" ht="18" customHeight="1" x14ac:dyDescent="0.2">
      <c r="A110" s="31">
        <v>86</v>
      </c>
      <c r="B110" s="27">
        <v>0</v>
      </c>
      <c r="C110" s="28">
        <v>4</v>
      </c>
      <c r="D110" s="29">
        <v>4</v>
      </c>
    </row>
    <row r="111" spans="1:4" ht="18" customHeight="1" x14ac:dyDescent="0.2">
      <c r="A111" s="31">
        <v>87</v>
      </c>
      <c r="B111" s="27">
        <v>1</v>
      </c>
      <c r="C111" s="28">
        <v>1</v>
      </c>
      <c r="D111" s="29">
        <v>2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85</v>
      </c>
      <c r="B114" s="27">
        <v>1</v>
      </c>
      <c r="C114" s="28">
        <v>7</v>
      </c>
      <c r="D114" s="29">
        <v>8</v>
      </c>
    </row>
    <row r="115" spans="1:4" ht="18" customHeight="1" x14ac:dyDescent="0.2">
      <c r="A115" s="31">
        <v>90</v>
      </c>
      <c r="B115" s="27">
        <v>1</v>
      </c>
      <c r="C115" s="28">
        <v>0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1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86</v>
      </c>
      <c r="B120" s="27">
        <v>1</v>
      </c>
      <c r="C120" s="28">
        <v>2</v>
      </c>
      <c r="D120" s="29">
        <v>3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3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30</v>
      </c>
      <c r="C130" s="5">
        <v>44</v>
      </c>
      <c r="D130" s="6">
        <v>74</v>
      </c>
    </row>
    <row r="131" spans="1:4" ht="18" customHeight="1" x14ac:dyDescent="0.2">
      <c r="A131" s="33" t="s">
        <v>65</v>
      </c>
      <c r="B131" s="7">
        <v>113</v>
      </c>
      <c r="C131" s="8">
        <v>111</v>
      </c>
      <c r="D131" s="9">
        <v>22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3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2</v>
      </c>
      <c r="C5" s="37">
        <v>0</v>
      </c>
      <c r="D5" s="39">
        <v>2</v>
      </c>
    </row>
    <row r="6" spans="1:4" ht="18" customHeight="1" x14ac:dyDescent="0.2">
      <c r="A6" s="31">
        <v>1</v>
      </c>
      <c r="B6" s="35">
        <v>2</v>
      </c>
      <c r="C6" s="28">
        <v>1</v>
      </c>
      <c r="D6" s="29">
        <v>3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0</v>
      </c>
      <c r="C8" s="28">
        <v>1</v>
      </c>
      <c r="D8" s="29">
        <v>1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66</v>
      </c>
      <c r="B10" s="27">
        <v>7</v>
      </c>
      <c r="C10" s="28">
        <v>5</v>
      </c>
      <c r="D10" s="29">
        <v>12</v>
      </c>
    </row>
    <row r="11" spans="1:4" ht="18" customHeight="1" x14ac:dyDescent="0.2">
      <c r="A11" s="31">
        <v>5</v>
      </c>
      <c r="B11" s="35">
        <v>2</v>
      </c>
      <c r="C11" s="28">
        <v>1</v>
      </c>
      <c r="D11" s="29">
        <v>3</v>
      </c>
    </row>
    <row r="12" spans="1:4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4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1</v>
      </c>
      <c r="D15" s="29">
        <v>1</v>
      </c>
    </row>
    <row r="16" spans="1:4" ht="18" customHeight="1" x14ac:dyDescent="0.2">
      <c r="A16" s="31" t="s">
        <v>67</v>
      </c>
      <c r="B16" s="27">
        <v>4</v>
      </c>
      <c r="C16" s="28">
        <v>4</v>
      </c>
      <c r="D16" s="29">
        <v>8</v>
      </c>
    </row>
    <row r="17" spans="1:4" ht="18" customHeight="1" x14ac:dyDescent="0.2">
      <c r="A17" s="31">
        <v>10</v>
      </c>
      <c r="B17" s="27">
        <v>3</v>
      </c>
      <c r="C17" s="28">
        <v>0</v>
      </c>
      <c r="D17" s="29">
        <v>3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68</v>
      </c>
      <c r="B22" s="27">
        <v>3</v>
      </c>
      <c r="C22" s="28">
        <v>2</v>
      </c>
      <c r="D22" s="29">
        <v>5</v>
      </c>
    </row>
    <row r="23" spans="1:4" ht="18" customHeight="1" x14ac:dyDescent="0.2">
      <c r="A23" s="31" t="s">
        <v>69</v>
      </c>
      <c r="B23" s="27">
        <v>14</v>
      </c>
      <c r="C23" s="28">
        <v>11</v>
      </c>
      <c r="D23" s="29">
        <v>25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1</v>
      </c>
      <c r="C26" s="28">
        <v>0</v>
      </c>
      <c r="D26" s="29">
        <v>1</v>
      </c>
    </row>
    <row r="27" spans="1:4" ht="18" customHeight="1" x14ac:dyDescent="0.2">
      <c r="A27" s="31">
        <v>18</v>
      </c>
      <c r="B27" s="27">
        <v>3</v>
      </c>
      <c r="C27" s="28">
        <v>0</v>
      </c>
      <c r="D27" s="29">
        <v>3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70</v>
      </c>
      <c r="B29" s="27">
        <v>4</v>
      </c>
      <c r="C29" s="28">
        <v>2</v>
      </c>
      <c r="D29" s="29">
        <v>6</v>
      </c>
    </row>
    <row r="30" spans="1:4" ht="18" customHeight="1" x14ac:dyDescent="0.2">
      <c r="A30" s="31">
        <v>20</v>
      </c>
      <c r="B30" s="27">
        <v>1</v>
      </c>
      <c r="C30" s="28">
        <v>1</v>
      </c>
      <c r="D30" s="29">
        <v>2</v>
      </c>
    </row>
    <row r="31" spans="1:4" ht="18" customHeight="1" x14ac:dyDescent="0.2">
      <c r="A31" s="31">
        <v>21</v>
      </c>
      <c r="B31" s="27">
        <v>2</v>
      </c>
      <c r="C31" s="28">
        <v>2</v>
      </c>
      <c r="D31" s="29">
        <v>4</v>
      </c>
    </row>
    <row r="32" spans="1:4" ht="18" customHeight="1" x14ac:dyDescent="0.2">
      <c r="A32" s="31">
        <v>22</v>
      </c>
      <c r="B32" s="27">
        <v>2</v>
      </c>
      <c r="C32" s="28">
        <v>3</v>
      </c>
      <c r="D32" s="29">
        <v>5</v>
      </c>
    </row>
    <row r="33" spans="1:4" ht="18" customHeight="1" x14ac:dyDescent="0.2">
      <c r="A33" s="31">
        <v>23</v>
      </c>
      <c r="B33" s="27">
        <v>3</v>
      </c>
      <c r="C33" s="28">
        <v>1</v>
      </c>
      <c r="D33" s="29">
        <v>4</v>
      </c>
    </row>
    <row r="34" spans="1:4" ht="18" customHeight="1" x14ac:dyDescent="0.2">
      <c r="A34" s="31">
        <v>24</v>
      </c>
      <c r="B34" s="27">
        <v>3</v>
      </c>
      <c r="C34" s="28">
        <v>2</v>
      </c>
      <c r="D34" s="29">
        <v>5</v>
      </c>
    </row>
    <row r="35" spans="1:4" ht="18" customHeight="1" x14ac:dyDescent="0.2">
      <c r="A35" s="31" t="s">
        <v>71</v>
      </c>
      <c r="B35" s="27">
        <v>11</v>
      </c>
      <c r="C35" s="28">
        <v>9</v>
      </c>
      <c r="D35" s="29">
        <v>20</v>
      </c>
    </row>
    <row r="36" spans="1:4" ht="18" customHeight="1" x14ac:dyDescent="0.2">
      <c r="A36" s="31">
        <v>25</v>
      </c>
      <c r="B36" s="27">
        <v>1</v>
      </c>
      <c r="C36" s="28">
        <v>2</v>
      </c>
      <c r="D36" s="29">
        <v>3</v>
      </c>
    </row>
    <row r="37" spans="1:4" ht="18" customHeight="1" x14ac:dyDescent="0.2">
      <c r="A37" s="31">
        <v>26</v>
      </c>
      <c r="B37" s="27">
        <v>2</v>
      </c>
      <c r="C37" s="28">
        <v>2</v>
      </c>
      <c r="D37" s="29">
        <v>4</v>
      </c>
    </row>
    <row r="38" spans="1:4" ht="18" customHeight="1" x14ac:dyDescent="0.2">
      <c r="A38" s="31">
        <v>27</v>
      </c>
      <c r="B38" s="27">
        <v>2</v>
      </c>
      <c r="C38" s="28">
        <v>1</v>
      </c>
      <c r="D38" s="29">
        <v>3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72</v>
      </c>
      <c r="B41" s="27">
        <v>7</v>
      </c>
      <c r="C41" s="28">
        <v>8</v>
      </c>
      <c r="D41" s="29">
        <v>15</v>
      </c>
    </row>
    <row r="42" spans="1:4" ht="18" customHeight="1" x14ac:dyDescent="0.2">
      <c r="A42" s="31">
        <v>30</v>
      </c>
      <c r="B42" s="27">
        <v>3</v>
      </c>
      <c r="C42" s="28">
        <v>1</v>
      </c>
      <c r="D42" s="29">
        <v>4</v>
      </c>
    </row>
    <row r="43" spans="1:4" ht="18" customHeight="1" x14ac:dyDescent="0.2">
      <c r="A43" s="31">
        <v>31</v>
      </c>
      <c r="B43" s="27">
        <v>2</v>
      </c>
      <c r="C43" s="28">
        <v>2</v>
      </c>
      <c r="D43" s="29">
        <v>4</v>
      </c>
    </row>
    <row r="44" spans="1:4" ht="18" customHeight="1" x14ac:dyDescent="0.2">
      <c r="A44" s="31">
        <v>32</v>
      </c>
      <c r="B44" s="27">
        <v>4</v>
      </c>
      <c r="C44" s="28">
        <v>2</v>
      </c>
      <c r="D44" s="29">
        <v>6</v>
      </c>
    </row>
    <row r="45" spans="1:4" ht="18" customHeight="1" x14ac:dyDescent="0.2">
      <c r="A45" s="31">
        <v>33</v>
      </c>
      <c r="B45" s="27">
        <v>3</v>
      </c>
      <c r="C45" s="28">
        <v>2</v>
      </c>
      <c r="D45" s="29">
        <v>5</v>
      </c>
    </row>
    <row r="46" spans="1:4" ht="18" customHeight="1" x14ac:dyDescent="0.2">
      <c r="A46" s="31">
        <v>34</v>
      </c>
      <c r="B46" s="27">
        <v>2</v>
      </c>
      <c r="C46" s="28">
        <v>2</v>
      </c>
      <c r="D46" s="29">
        <v>4</v>
      </c>
    </row>
    <row r="47" spans="1:4" ht="18" customHeight="1" x14ac:dyDescent="0.2">
      <c r="A47" s="31" t="s">
        <v>73</v>
      </c>
      <c r="B47" s="27">
        <v>14</v>
      </c>
      <c r="C47" s="28">
        <v>9</v>
      </c>
      <c r="D47" s="29">
        <v>23</v>
      </c>
    </row>
    <row r="48" spans="1:4" ht="18" customHeight="1" x14ac:dyDescent="0.2">
      <c r="A48" s="31">
        <v>35</v>
      </c>
      <c r="B48" s="27">
        <v>6</v>
      </c>
      <c r="C48" s="28">
        <v>4</v>
      </c>
      <c r="D48" s="29">
        <v>10</v>
      </c>
    </row>
    <row r="49" spans="1:4" ht="18" customHeight="1" x14ac:dyDescent="0.2">
      <c r="A49" s="31">
        <v>36</v>
      </c>
      <c r="B49" s="27">
        <v>0</v>
      </c>
      <c r="C49" s="28">
        <v>2</v>
      </c>
      <c r="D49" s="29">
        <v>2</v>
      </c>
    </row>
    <row r="50" spans="1:4" ht="18" customHeight="1" x14ac:dyDescent="0.2">
      <c r="A50" s="31">
        <v>37</v>
      </c>
      <c r="B50" s="27">
        <v>10</v>
      </c>
      <c r="C50" s="28">
        <v>3</v>
      </c>
      <c r="D50" s="29">
        <v>13</v>
      </c>
    </row>
    <row r="51" spans="1:4" ht="18" customHeight="1" x14ac:dyDescent="0.2">
      <c r="A51" s="31">
        <v>38</v>
      </c>
      <c r="B51" s="27">
        <v>9</v>
      </c>
      <c r="C51" s="28">
        <v>5</v>
      </c>
      <c r="D51" s="29">
        <v>14</v>
      </c>
    </row>
    <row r="52" spans="1:4" ht="18" customHeight="1" x14ac:dyDescent="0.2">
      <c r="A52" s="31">
        <v>39</v>
      </c>
      <c r="B52" s="27">
        <v>5</v>
      </c>
      <c r="C52" s="28">
        <v>1</v>
      </c>
      <c r="D52" s="29">
        <v>6</v>
      </c>
    </row>
    <row r="53" spans="1:4" ht="18" customHeight="1" x14ac:dyDescent="0.2">
      <c r="A53" s="31" t="s">
        <v>74</v>
      </c>
      <c r="B53" s="27">
        <v>30</v>
      </c>
      <c r="C53" s="28">
        <v>15</v>
      </c>
      <c r="D53" s="29">
        <v>45</v>
      </c>
    </row>
    <row r="54" spans="1:4" ht="18" customHeight="1" x14ac:dyDescent="0.2">
      <c r="A54" s="31">
        <v>40</v>
      </c>
      <c r="B54" s="27">
        <v>3</v>
      </c>
      <c r="C54" s="28">
        <v>5</v>
      </c>
      <c r="D54" s="29">
        <v>8</v>
      </c>
    </row>
    <row r="55" spans="1:4" ht="18" customHeight="1" x14ac:dyDescent="0.2">
      <c r="A55" s="31">
        <v>41</v>
      </c>
      <c r="B55" s="27">
        <v>5</v>
      </c>
      <c r="C55" s="28">
        <v>4</v>
      </c>
      <c r="D55" s="29">
        <v>9</v>
      </c>
    </row>
    <row r="56" spans="1:4" ht="18" customHeight="1" x14ac:dyDescent="0.2">
      <c r="A56" s="31">
        <v>42</v>
      </c>
      <c r="B56" s="27">
        <v>4</v>
      </c>
      <c r="C56" s="28">
        <v>1</v>
      </c>
      <c r="D56" s="29">
        <v>5</v>
      </c>
    </row>
    <row r="57" spans="1:4" ht="18" customHeight="1" x14ac:dyDescent="0.2">
      <c r="A57" s="31">
        <v>43</v>
      </c>
      <c r="B57" s="27">
        <v>3</v>
      </c>
      <c r="C57" s="28">
        <v>4</v>
      </c>
      <c r="D57" s="29">
        <v>7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75</v>
      </c>
      <c r="B59" s="27">
        <v>16</v>
      </c>
      <c r="C59" s="28">
        <v>15</v>
      </c>
      <c r="D59" s="29">
        <v>31</v>
      </c>
    </row>
    <row r="60" spans="1:4" ht="18" customHeight="1" x14ac:dyDescent="0.2">
      <c r="A60" s="31">
        <v>45</v>
      </c>
      <c r="B60" s="27">
        <v>1</v>
      </c>
      <c r="C60" s="28">
        <v>2</v>
      </c>
      <c r="D60" s="29">
        <v>3</v>
      </c>
    </row>
    <row r="61" spans="1:4" ht="18" customHeight="1" x14ac:dyDescent="0.2">
      <c r="A61" s="31">
        <v>46</v>
      </c>
      <c r="B61" s="27">
        <v>0</v>
      </c>
      <c r="C61" s="28">
        <v>2</v>
      </c>
      <c r="D61" s="29">
        <v>2</v>
      </c>
    </row>
    <row r="62" spans="1:4" ht="18" customHeight="1" x14ac:dyDescent="0.2">
      <c r="A62" s="31">
        <v>47</v>
      </c>
      <c r="B62" s="27">
        <v>0</v>
      </c>
      <c r="C62" s="28">
        <v>3</v>
      </c>
      <c r="D62" s="29">
        <v>3</v>
      </c>
    </row>
    <row r="63" spans="1:4" ht="18" customHeight="1" x14ac:dyDescent="0.2">
      <c r="A63" s="31">
        <v>48</v>
      </c>
      <c r="B63" s="27">
        <v>1</v>
      </c>
      <c r="C63" s="28">
        <v>3</v>
      </c>
      <c r="D63" s="29">
        <v>4</v>
      </c>
    </row>
    <row r="64" spans="1:4" ht="18" customHeight="1" x14ac:dyDescent="0.2">
      <c r="A64" s="31">
        <v>49</v>
      </c>
      <c r="B64" s="27">
        <v>1</v>
      </c>
      <c r="C64" s="28">
        <v>1</v>
      </c>
      <c r="D64" s="29">
        <v>2</v>
      </c>
    </row>
    <row r="65" spans="1:4" ht="18" customHeight="1" x14ac:dyDescent="0.2">
      <c r="A65" s="31" t="s">
        <v>76</v>
      </c>
      <c r="B65" s="27">
        <v>3</v>
      </c>
      <c r="C65" s="28">
        <v>11</v>
      </c>
      <c r="D65" s="29">
        <v>14</v>
      </c>
    </row>
    <row r="66" spans="1:4" ht="18" customHeight="1" x14ac:dyDescent="0.2">
      <c r="A66" s="31">
        <v>50</v>
      </c>
      <c r="B66" s="27">
        <v>1</v>
      </c>
      <c r="C66" s="28">
        <v>2</v>
      </c>
      <c r="D66" s="29">
        <v>3</v>
      </c>
    </row>
    <row r="67" spans="1:4" ht="18" customHeight="1" x14ac:dyDescent="0.2">
      <c r="A67" s="31">
        <v>51</v>
      </c>
      <c r="B67" s="27">
        <v>4</v>
      </c>
      <c r="C67" s="28">
        <v>1</v>
      </c>
      <c r="D67" s="29">
        <v>5</v>
      </c>
    </row>
    <row r="68" spans="1:4" ht="18" customHeight="1" x14ac:dyDescent="0.2">
      <c r="A68" s="31">
        <v>52</v>
      </c>
      <c r="B68" s="27">
        <v>1</v>
      </c>
      <c r="C68" s="28">
        <v>3</v>
      </c>
      <c r="D68" s="29">
        <v>4</v>
      </c>
    </row>
    <row r="69" spans="1:4" ht="18" customHeight="1" x14ac:dyDescent="0.2">
      <c r="A69" s="31">
        <v>53</v>
      </c>
      <c r="B69" s="27">
        <v>4</v>
      </c>
      <c r="C69" s="28">
        <v>2</v>
      </c>
      <c r="D69" s="29">
        <v>6</v>
      </c>
    </row>
    <row r="70" spans="1:4" ht="18" customHeight="1" x14ac:dyDescent="0.2">
      <c r="A70" s="31">
        <v>54</v>
      </c>
      <c r="B70" s="27">
        <v>6</v>
      </c>
      <c r="C70" s="28">
        <v>4</v>
      </c>
      <c r="D70" s="29">
        <v>10</v>
      </c>
    </row>
    <row r="71" spans="1:4" ht="18" customHeight="1" x14ac:dyDescent="0.2">
      <c r="A71" s="31" t="s">
        <v>77</v>
      </c>
      <c r="B71" s="27">
        <v>16</v>
      </c>
      <c r="C71" s="28">
        <v>12</v>
      </c>
      <c r="D71" s="29">
        <v>28</v>
      </c>
    </row>
    <row r="72" spans="1:4" ht="18" customHeight="1" x14ac:dyDescent="0.2">
      <c r="A72" s="31">
        <v>55</v>
      </c>
      <c r="B72" s="27">
        <v>2</v>
      </c>
      <c r="C72" s="28">
        <v>2</v>
      </c>
      <c r="D72" s="29">
        <v>4</v>
      </c>
    </row>
    <row r="73" spans="1:4" ht="18" customHeight="1" x14ac:dyDescent="0.2">
      <c r="A73" s="31">
        <v>56</v>
      </c>
      <c r="B73" s="27">
        <v>5</v>
      </c>
      <c r="C73" s="28">
        <v>2</v>
      </c>
      <c r="D73" s="29">
        <v>7</v>
      </c>
    </row>
    <row r="74" spans="1:4" ht="18" customHeight="1" x14ac:dyDescent="0.2">
      <c r="A74" s="31">
        <v>57</v>
      </c>
      <c r="B74" s="27">
        <v>1</v>
      </c>
      <c r="C74" s="28">
        <v>3</v>
      </c>
      <c r="D74" s="29">
        <v>4</v>
      </c>
    </row>
    <row r="75" spans="1:4" ht="18" customHeight="1" x14ac:dyDescent="0.2">
      <c r="A75" s="31">
        <v>58</v>
      </c>
      <c r="B75" s="27">
        <v>2</v>
      </c>
      <c r="C75" s="28">
        <v>4</v>
      </c>
      <c r="D75" s="29">
        <v>6</v>
      </c>
    </row>
    <row r="76" spans="1:4" ht="18" customHeight="1" x14ac:dyDescent="0.2">
      <c r="A76" s="31">
        <v>59</v>
      </c>
      <c r="B76" s="27">
        <v>5</v>
      </c>
      <c r="C76" s="28">
        <v>5</v>
      </c>
      <c r="D76" s="29">
        <v>10</v>
      </c>
    </row>
    <row r="77" spans="1:4" ht="18" customHeight="1" x14ac:dyDescent="0.2">
      <c r="A77" s="31" t="s">
        <v>78</v>
      </c>
      <c r="B77" s="27">
        <v>15</v>
      </c>
      <c r="C77" s="28">
        <v>16</v>
      </c>
      <c r="D77" s="29">
        <v>31</v>
      </c>
    </row>
    <row r="78" spans="1:4" ht="18" customHeight="1" x14ac:dyDescent="0.2">
      <c r="A78" s="31">
        <v>60</v>
      </c>
      <c r="B78" s="27">
        <v>2</v>
      </c>
      <c r="C78" s="28">
        <v>3</v>
      </c>
      <c r="D78" s="29">
        <v>5</v>
      </c>
    </row>
    <row r="79" spans="1:4" ht="18" customHeight="1" x14ac:dyDescent="0.2">
      <c r="A79" s="31">
        <v>61</v>
      </c>
      <c r="B79" s="27">
        <v>1</v>
      </c>
      <c r="C79" s="28">
        <v>3</v>
      </c>
      <c r="D79" s="29">
        <v>4</v>
      </c>
    </row>
    <row r="80" spans="1:4" ht="18" customHeight="1" x14ac:dyDescent="0.2">
      <c r="A80" s="31">
        <v>62</v>
      </c>
      <c r="B80" s="27">
        <v>4</v>
      </c>
      <c r="C80" s="28">
        <v>4</v>
      </c>
      <c r="D80" s="29">
        <v>8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1</v>
      </c>
      <c r="C82" s="28">
        <v>1</v>
      </c>
      <c r="D82" s="29">
        <v>2</v>
      </c>
    </row>
    <row r="83" spans="1:4" ht="18" customHeight="1" x14ac:dyDescent="0.2">
      <c r="A83" s="31" t="s">
        <v>79</v>
      </c>
      <c r="B83" s="27">
        <v>9</v>
      </c>
      <c r="C83" s="28">
        <v>11</v>
      </c>
      <c r="D83" s="29">
        <v>20</v>
      </c>
    </row>
    <row r="84" spans="1:4" ht="18" customHeight="1" x14ac:dyDescent="0.2">
      <c r="A84" s="31" t="s">
        <v>80</v>
      </c>
      <c r="B84" s="27">
        <v>125</v>
      </c>
      <c r="C84" s="28">
        <v>108</v>
      </c>
      <c r="D84" s="29">
        <v>233</v>
      </c>
    </row>
    <row r="85" spans="1:4" ht="18" customHeight="1" x14ac:dyDescent="0.2">
      <c r="A85" s="31">
        <v>65</v>
      </c>
      <c r="B85" s="27">
        <v>0</v>
      </c>
      <c r="C85" s="28">
        <v>2</v>
      </c>
      <c r="D85" s="29">
        <v>2</v>
      </c>
    </row>
    <row r="86" spans="1:4" ht="18" customHeight="1" x14ac:dyDescent="0.2">
      <c r="A86" s="31">
        <v>66</v>
      </c>
      <c r="B86" s="27">
        <v>2</v>
      </c>
      <c r="C86" s="28">
        <v>2</v>
      </c>
      <c r="D86" s="29">
        <v>4</v>
      </c>
    </row>
    <row r="87" spans="1:4" ht="18" customHeight="1" x14ac:dyDescent="0.2">
      <c r="A87" s="31">
        <v>67</v>
      </c>
      <c r="B87" s="27">
        <v>2</v>
      </c>
      <c r="C87" s="28">
        <v>2</v>
      </c>
      <c r="D87" s="29">
        <v>4</v>
      </c>
    </row>
    <row r="88" spans="1:4" ht="18" customHeight="1" x14ac:dyDescent="0.2">
      <c r="A88" s="31">
        <v>68</v>
      </c>
      <c r="B88" s="27">
        <v>1</v>
      </c>
      <c r="C88" s="28">
        <v>4</v>
      </c>
      <c r="D88" s="29">
        <v>5</v>
      </c>
    </row>
    <row r="89" spans="1:4" ht="18" customHeight="1" x14ac:dyDescent="0.2">
      <c r="A89" s="31">
        <v>69</v>
      </c>
      <c r="B89" s="27">
        <v>3</v>
      </c>
      <c r="C89" s="28">
        <v>1</v>
      </c>
      <c r="D89" s="29">
        <v>4</v>
      </c>
    </row>
    <row r="90" spans="1:4" ht="18" customHeight="1" x14ac:dyDescent="0.2">
      <c r="A90" s="31" t="s">
        <v>81</v>
      </c>
      <c r="B90" s="27">
        <v>8</v>
      </c>
      <c r="C90" s="28">
        <v>11</v>
      </c>
      <c r="D90" s="29">
        <v>19</v>
      </c>
    </row>
    <row r="91" spans="1:4" ht="18" customHeight="1" x14ac:dyDescent="0.2">
      <c r="A91" s="31">
        <v>70</v>
      </c>
      <c r="B91" s="27">
        <v>1</v>
      </c>
      <c r="C91" s="28">
        <v>2</v>
      </c>
      <c r="D91" s="29">
        <v>3</v>
      </c>
    </row>
    <row r="92" spans="1:4" ht="18" customHeight="1" x14ac:dyDescent="0.2">
      <c r="A92" s="31">
        <v>71</v>
      </c>
      <c r="B92" s="27">
        <v>1</v>
      </c>
      <c r="C92" s="28">
        <v>1</v>
      </c>
      <c r="D92" s="29">
        <v>2</v>
      </c>
    </row>
    <row r="93" spans="1:4" ht="18" customHeight="1" x14ac:dyDescent="0.2">
      <c r="A93" s="31">
        <v>72</v>
      </c>
      <c r="B93" s="27">
        <v>2</v>
      </c>
      <c r="C93" s="28">
        <v>2</v>
      </c>
      <c r="D93" s="29">
        <v>4</v>
      </c>
    </row>
    <row r="94" spans="1:4" ht="18" customHeight="1" x14ac:dyDescent="0.2">
      <c r="A94" s="31">
        <v>73</v>
      </c>
      <c r="B94" s="27">
        <v>2</v>
      </c>
      <c r="C94" s="28">
        <v>2</v>
      </c>
      <c r="D94" s="29">
        <v>4</v>
      </c>
    </row>
    <row r="95" spans="1:4" ht="18" customHeight="1" x14ac:dyDescent="0.2">
      <c r="A95" s="31">
        <v>74</v>
      </c>
      <c r="B95" s="27">
        <v>2</v>
      </c>
      <c r="C95" s="28">
        <v>4</v>
      </c>
      <c r="D95" s="29">
        <v>6</v>
      </c>
    </row>
    <row r="96" spans="1:4" ht="18" customHeight="1" x14ac:dyDescent="0.2">
      <c r="A96" s="31" t="s">
        <v>82</v>
      </c>
      <c r="B96" s="27">
        <v>8</v>
      </c>
      <c r="C96" s="28">
        <v>11</v>
      </c>
      <c r="D96" s="29">
        <v>19</v>
      </c>
    </row>
    <row r="97" spans="1:4" ht="18" customHeight="1" x14ac:dyDescent="0.2">
      <c r="A97" s="31">
        <v>75</v>
      </c>
      <c r="B97" s="27">
        <v>3</v>
      </c>
      <c r="C97" s="28">
        <v>1</v>
      </c>
      <c r="D97" s="29">
        <v>4</v>
      </c>
    </row>
    <row r="98" spans="1:4" ht="18" customHeight="1" x14ac:dyDescent="0.2">
      <c r="A98" s="31">
        <v>76</v>
      </c>
      <c r="B98" s="27">
        <v>0</v>
      </c>
      <c r="C98" s="28">
        <v>2</v>
      </c>
      <c r="D98" s="29">
        <v>2</v>
      </c>
    </row>
    <row r="99" spans="1:4" ht="18" customHeight="1" x14ac:dyDescent="0.2">
      <c r="A99" s="31">
        <v>77</v>
      </c>
      <c r="B99" s="27">
        <v>3</v>
      </c>
      <c r="C99" s="28">
        <v>1</v>
      </c>
      <c r="D99" s="29">
        <v>4</v>
      </c>
    </row>
    <row r="100" spans="1:4" ht="18" customHeight="1" x14ac:dyDescent="0.2">
      <c r="A100" s="31">
        <v>78</v>
      </c>
      <c r="B100" s="27">
        <v>0</v>
      </c>
      <c r="C100" s="28">
        <v>2</v>
      </c>
      <c r="D100" s="29">
        <v>2</v>
      </c>
    </row>
    <row r="101" spans="1:4" ht="18" customHeight="1" x14ac:dyDescent="0.2">
      <c r="A101" s="31">
        <v>79</v>
      </c>
      <c r="B101" s="27">
        <v>2</v>
      </c>
      <c r="C101" s="28">
        <v>3</v>
      </c>
      <c r="D101" s="29">
        <v>5</v>
      </c>
    </row>
    <row r="102" spans="1:4" ht="18" customHeight="1" x14ac:dyDescent="0.2">
      <c r="A102" s="31" t="s">
        <v>83</v>
      </c>
      <c r="B102" s="27">
        <v>8</v>
      </c>
      <c r="C102" s="28">
        <v>9</v>
      </c>
      <c r="D102" s="29">
        <v>17</v>
      </c>
    </row>
    <row r="103" spans="1:4" ht="18" customHeight="1" x14ac:dyDescent="0.2">
      <c r="A103" s="31">
        <v>80</v>
      </c>
      <c r="B103" s="27">
        <v>1</v>
      </c>
      <c r="C103" s="28">
        <v>4</v>
      </c>
      <c r="D103" s="29">
        <v>5</v>
      </c>
    </row>
    <row r="104" spans="1:4" ht="18" customHeight="1" x14ac:dyDescent="0.2">
      <c r="A104" s="31">
        <v>81</v>
      </c>
      <c r="B104" s="27">
        <v>1</v>
      </c>
      <c r="C104" s="28">
        <v>4</v>
      </c>
      <c r="D104" s="29">
        <v>5</v>
      </c>
    </row>
    <row r="105" spans="1:4" ht="18" customHeight="1" x14ac:dyDescent="0.2">
      <c r="A105" s="31">
        <v>82</v>
      </c>
      <c r="B105" s="27">
        <v>1</v>
      </c>
      <c r="C105" s="28">
        <v>1</v>
      </c>
      <c r="D105" s="29">
        <v>2</v>
      </c>
    </row>
    <row r="106" spans="1:4" ht="18" customHeight="1" x14ac:dyDescent="0.2">
      <c r="A106" s="31">
        <v>83</v>
      </c>
      <c r="B106" s="27">
        <v>4</v>
      </c>
      <c r="C106" s="28">
        <v>3</v>
      </c>
      <c r="D106" s="29">
        <v>7</v>
      </c>
    </row>
    <row r="107" spans="1:4" ht="18" customHeight="1" x14ac:dyDescent="0.2">
      <c r="A107" s="31">
        <v>84</v>
      </c>
      <c r="B107" s="27">
        <v>0</v>
      </c>
      <c r="C107" s="28">
        <v>1</v>
      </c>
      <c r="D107" s="29">
        <v>1</v>
      </c>
    </row>
    <row r="108" spans="1:4" ht="18" customHeight="1" x14ac:dyDescent="0.2">
      <c r="A108" s="31" t="s">
        <v>84</v>
      </c>
      <c r="B108" s="27">
        <v>7</v>
      </c>
      <c r="C108" s="28">
        <v>13</v>
      </c>
      <c r="D108" s="29">
        <v>20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1</v>
      </c>
      <c r="C111" s="28">
        <v>1</v>
      </c>
      <c r="D111" s="29">
        <v>2</v>
      </c>
    </row>
    <row r="112" spans="1:4" ht="18" customHeight="1" x14ac:dyDescent="0.2">
      <c r="A112" s="31">
        <v>88</v>
      </c>
      <c r="B112" s="27">
        <v>2</v>
      </c>
      <c r="C112" s="28">
        <v>0</v>
      </c>
      <c r="D112" s="29">
        <v>2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85</v>
      </c>
      <c r="B114" s="27">
        <v>4</v>
      </c>
      <c r="C114" s="28">
        <v>4</v>
      </c>
      <c r="D114" s="29">
        <v>8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86</v>
      </c>
      <c r="B120" s="27">
        <v>0</v>
      </c>
      <c r="C120" s="28">
        <v>2</v>
      </c>
      <c r="D120" s="29">
        <v>2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114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36</v>
      </c>
      <c r="C130" s="5">
        <v>50</v>
      </c>
      <c r="D130" s="6">
        <v>86</v>
      </c>
    </row>
    <row r="131" spans="1:4" ht="18" customHeight="1" x14ac:dyDescent="0.2">
      <c r="A131" s="33" t="s">
        <v>65</v>
      </c>
      <c r="B131" s="7">
        <v>175</v>
      </c>
      <c r="C131" s="8">
        <v>169</v>
      </c>
      <c r="D131" s="9">
        <v>34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6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7</v>
      </c>
      <c r="C5" s="37">
        <v>6</v>
      </c>
      <c r="D5" s="39">
        <v>13</v>
      </c>
    </row>
    <row r="6" spans="1:4" ht="18" customHeight="1" x14ac:dyDescent="0.2">
      <c r="A6" s="31">
        <v>1</v>
      </c>
      <c r="B6" s="35">
        <v>8</v>
      </c>
      <c r="C6" s="28">
        <v>3</v>
      </c>
      <c r="D6" s="29">
        <v>11</v>
      </c>
    </row>
    <row r="7" spans="1:4" ht="18" customHeight="1" x14ac:dyDescent="0.2">
      <c r="A7" s="31">
        <v>2</v>
      </c>
      <c r="B7" s="35">
        <v>8</v>
      </c>
      <c r="C7" s="28">
        <v>6</v>
      </c>
      <c r="D7" s="29">
        <v>14</v>
      </c>
    </row>
    <row r="8" spans="1:4" ht="18" customHeight="1" x14ac:dyDescent="0.2">
      <c r="A8" s="31">
        <v>3</v>
      </c>
      <c r="B8" s="35">
        <v>8</v>
      </c>
      <c r="C8" s="28">
        <v>8</v>
      </c>
      <c r="D8" s="29">
        <v>16</v>
      </c>
    </row>
    <row r="9" spans="1:4" ht="18" customHeight="1" x14ac:dyDescent="0.2">
      <c r="A9" s="31">
        <v>4</v>
      </c>
      <c r="B9" s="36">
        <v>7</v>
      </c>
      <c r="C9" s="38">
        <v>8</v>
      </c>
      <c r="D9" s="40">
        <v>15</v>
      </c>
    </row>
    <row r="10" spans="1:4" ht="18" customHeight="1" x14ac:dyDescent="0.2">
      <c r="A10" s="31" t="s">
        <v>66</v>
      </c>
      <c r="B10" s="27">
        <v>38</v>
      </c>
      <c r="C10" s="28">
        <v>31</v>
      </c>
      <c r="D10" s="29">
        <v>69</v>
      </c>
    </row>
    <row r="11" spans="1:4" ht="18" customHeight="1" x14ac:dyDescent="0.2">
      <c r="A11" s="31">
        <v>5</v>
      </c>
      <c r="B11" s="35">
        <v>9</v>
      </c>
      <c r="C11" s="28">
        <v>10</v>
      </c>
      <c r="D11" s="29">
        <v>19</v>
      </c>
    </row>
    <row r="12" spans="1:4" ht="18" customHeight="1" x14ac:dyDescent="0.2">
      <c r="A12" s="31">
        <v>6</v>
      </c>
      <c r="B12" s="35">
        <v>10</v>
      </c>
      <c r="C12" s="28">
        <v>4</v>
      </c>
      <c r="D12" s="29">
        <v>14</v>
      </c>
    </row>
    <row r="13" spans="1:4" ht="18" customHeight="1" x14ac:dyDescent="0.2">
      <c r="A13" s="31">
        <v>7</v>
      </c>
      <c r="B13" s="35">
        <v>5</v>
      </c>
      <c r="C13" s="28">
        <v>8</v>
      </c>
      <c r="D13" s="29">
        <v>13</v>
      </c>
    </row>
    <row r="14" spans="1:4" ht="18" customHeight="1" x14ac:dyDescent="0.2">
      <c r="A14" s="31">
        <v>8</v>
      </c>
      <c r="B14" s="35">
        <v>5</v>
      </c>
      <c r="C14" s="28">
        <v>4</v>
      </c>
      <c r="D14" s="29">
        <v>9</v>
      </c>
    </row>
    <row r="15" spans="1:4" ht="18" customHeight="1" x14ac:dyDescent="0.2">
      <c r="A15" s="31">
        <v>9</v>
      </c>
      <c r="B15" s="35">
        <v>1</v>
      </c>
      <c r="C15" s="28">
        <v>6</v>
      </c>
      <c r="D15" s="29">
        <v>7</v>
      </c>
    </row>
    <row r="16" spans="1:4" ht="18" customHeight="1" x14ac:dyDescent="0.2">
      <c r="A16" s="31" t="s">
        <v>67</v>
      </c>
      <c r="B16" s="27">
        <v>30</v>
      </c>
      <c r="C16" s="28">
        <v>32</v>
      </c>
      <c r="D16" s="29">
        <v>62</v>
      </c>
    </row>
    <row r="17" spans="1:4" ht="18" customHeight="1" x14ac:dyDescent="0.2">
      <c r="A17" s="31">
        <v>10</v>
      </c>
      <c r="B17" s="27">
        <v>10</v>
      </c>
      <c r="C17" s="28">
        <v>7</v>
      </c>
      <c r="D17" s="29">
        <v>17</v>
      </c>
    </row>
    <row r="18" spans="1:4" ht="18" customHeight="1" x14ac:dyDescent="0.2">
      <c r="A18" s="31">
        <v>11</v>
      </c>
      <c r="B18" s="27">
        <v>4</v>
      </c>
      <c r="C18" s="28">
        <v>5</v>
      </c>
      <c r="D18" s="29">
        <v>9</v>
      </c>
    </row>
    <row r="19" spans="1:4" ht="18" customHeight="1" x14ac:dyDescent="0.2">
      <c r="A19" s="31">
        <v>12</v>
      </c>
      <c r="B19" s="27">
        <v>7</v>
      </c>
      <c r="C19" s="28">
        <v>5</v>
      </c>
      <c r="D19" s="29">
        <v>12</v>
      </c>
    </row>
    <row r="20" spans="1:4" ht="18" customHeight="1" x14ac:dyDescent="0.2">
      <c r="A20" s="31">
        <v>13</v>
      </c>
      <c r="B20" s="27">
        <v>9</v>
      </c>
      <c r="C20" s="28">
        <v>7</v>
      </c>
      <c r="D20" s="29">
        <v>16</v>
      </c>
    </row>
    <row r="21" spans="1:4" ht="18" customHeight="1" x14ac:dyDescent="0.2">
      <c r="A21" s="31">
        <v>14</v>
      </c>
      <c r="B21" s="27">
        <v>8</v>
      </c>
      <c r="C21" s="28">
        <v>8</v>
      </c>
      <c r="D21" s="29">
        <v>16</v>
      </c>
    </row>
    <row r="22" spans="1:4" ht="18" customHeight="1" x14ac:dyDescent="0.2">
      <c r="A22" s="31" t="s">
        <v>68</v>
      </c>
      <c r="B22" s="27">
        <v>38</v>
      </c>
      <c r="C22" s="28">
        <v>32</v>
      </c>
      <c r="D22" s="29">
        <v>70</v>
      </c>
    </row>
    <row r="23" spans="1:4" ht="18" customHeight="1" x14ac:dyDescent="0.2">
      <c r="A23" s="31" t="s">
        <v>69</v>
      </c>
      <c r="B23" s="27">
        <v>106</v>
      </c>
      <c r="C23" s="28">
        <v>95</v>
      </c>
      <c r="D23" s="29">
        <v>201</v>
      </c>
    </row>
    <row r="24" spans="1:4" ht="18" customHeight="1" x14ac:dyDescent="0.2">
      <c r="A24" s="31">
        <v>15</v>
      </c>
      <c r="B24" s="27">
        <v>3</v>
      </c>
      <c r="C24" s="28">
        <v>6</v>
      </c>
      <c r="D24" s="29">
        <v>9</v>
      </c>
    </row>
    <row r="25" spans="1:4" ht="18" customHeight="1" x14ac:dyDescent="0.2">
      <c r="A25" s="31">
        <v>16</v>
      </c>
      <c r="B25" s="27">
        <v>7</v>
      </c>
      <c r="C25" s="28">
        <v>5</v>
      </c>
      <c r="D25" s="29">
        <v>12</v>
      </c>
    </row>
    <row r="26" spans="1:4" ht="18" customHeight="1" x14ac:dyDescent="0.2">
      <c r="A26" s="31">
        <v>17</v>
      </c>
      <c r="B26" s="27">
        <v>6</v>
      </c>
      <c r="C26" s="28">
        <v>9</v>
      </c>
      <c r="D26" s="29">
        <v>15</v>
      </c>
    </row>
    <row r="27" spans="1:4" ht="18" customHeight="1" x14ac:dyDescent="0.2">
      <c r="A27" s="31">
        <v>18</v>
      </c>
      <c r="B27" s="27">
        <v>15</v>
      </c>
      <c r="C27" s="28">
        <v>12</v>
      </c>
      <c r="D27" s="29">
        <v>27</v>
      </c>
    </row>
    <row r="28" spans="1:4" ht="18" customHeight="1" x14ac:dyDescent="0.2">
      <c r="A28" s="31">
        <v>19</v>
      </c>
      <c r="B28" s="27">
        <v>6</v>
      </c>
      <c r="C28" s="28">
        <v>6</v>
      </c>
      <c r="D28" s="29">
        <v>12</v>
      </c>
    </row>
    <row r="29" spans="1:4" ht="18" customHeight="1" x14ac:dyDescent="0.2">
      <c r="A29" s="31" t="s">
        <v>70</v>
      </c>
      <c r="B29" s="27">
        <v>37</v>
      </c>
      <c r="C29" s="28">
        <v>38</v>
      </c>
      <c r="D29" s="29">
        <v>75</v>
      </c>
    </row>
    <row r="30" spans="1:4" ht="18" customHeight="1" x14ac:dyDescent="0.2">
      <c r="A30" s="31">
        <v>20</v>
      </c>
      <c r="B30" s="27">
        <v>11</v>
      </c>
      <c r="C30" s="28">
        <v>10</v>
      </c>
      <c r="D30" s="29">
        <v>21</v>
      </c>
    </row>
    <row r="31" spans="1:4" ht="18" customHeight="1" x14ac:dyDescent="0.2">
      <c r="A31" s="31">
        <v>21</v>
      </c>
      <c r="B31" s="27">
        <v>5</v>
      </c>
      <c r="C31" s="28">
        <v>14</v>
      </c>
      <c r="D31" s="29">
        <v>19</v>
      </c>
    </row>
    <row r="32" spans="1:4" ht="18" customHeight="1" x14ac:dyDescent="0.2">
      <c r="A32" s="31">
        <v>22</v>
      </c>
      <c r="B32" s="27">
        <v>9</v>
      </c>
      <c r="C32" s="28">
        <v>11</v>
      </c>
      <c r="D32" s="29">
        <v>20</v>
      </c>
    </row>
    <row r="33" spans="1:4" ht="18" customHeight="1" x14ac:dyDescent="0.2">
      <c r="A33" s="31">
        <v>23</v>
      </c>
      <c r="B33" s="27">
        <v>7</v>
      </c>
      <c r="C33" s="28">
        <v>9</v>
      </c>
      <c r="D33" s="29">
        <v>16</v>
      </c>
    </row>
    <row r="34" spans="1:4" ht="18" customHeight="1" x14ac:dyDescent="0.2">
      <c r="A34" s="31">
        <v>24</v>
      </c>
      <c r="B34" s="27">
        <v>11</v>
      </c>
      <c r="C34" s="28">
        <v>14</v>
      </c>
      <c r="D34" s="29">
        <v>25</v>
      </c>
    </row>
    <row r="35" spans="1:4" ht="18" customHeight="1" x14ac:dyDescent="0.2">
      <c r="A35" s="31" t="s">
        <v>71</v>
      </c>
      <c r="B35" s="27">
        <v>43</v>
      </c>
      <c r="C35" s="28">
        <v>58</v>
      </c>
      <c r="D35" s="29">
        <v>101</v>
      </c>
    </row>
    <row r="36" spans="1:4" ht="18" customHeight="1" x14ac:dyDescent="0.2">
      <c r="A36" s="31">
        <v>25</v>
      </c>
      <c r="B36" s="27">
        <v>3</v>
      </c>
      <c r="C36" s="28">
        <v>14</v>
      </c>
      <c r="D36" s="29">
        <v>17</v>
      </c>
    </row>
    <row r="37" spans="1:4" ht="18" customHeight="1" x14ac:dyDescent="0.2">
      <c r="A37" s="31">
        <v>26</v>
      </c>
      <c r="B37" s="27">
        <v>11</v>
      </c>
      <c r="C37" s="28">
        <v>10</v>
      </c>
      <c r="D37" s="29">
        <v>21</v>
      </c>
    </row>
    <row r="38" spans="1:4" ht="18" customHeight="1" x14ac:dyDescent="0.2">
      <c r="A38" s="31">
        <v>27</v>
      </c>
      <c r="B38" s="27">
        <v>12</v>
      </c>
      <c r="C38" s="28">
        <v>13</v>
      </c>
      <c r="D38" s="29">
        <v>25</v>
      </c>
    </row>
    <row r="39" spans="1:4" ht="18" customHeight="1" x14ac:dyDescent="0.2">
      <c r="A39" s="31">
        <v>28</v>
      </c>
      <c r="B39" s="27">
        <v>14</v>
      </c>
      <c r="C39" s="28">
        <v>14</v>
      </c>
      <c r="D39" s="29">
        <v>28</v>
      </c>
    </row>
    <row r="40" spans="1:4" ht="18" customHeight="1" x14ac:dyDescent="0.2">
      <c r="A40" s="31">
        <v>29</v>
      </c>
      <c r="B40" s="27">
        <v>11</v>
      </c>
      <c r="C40" s="28">
        <v>6</v>
      </c>
      <c r="D40" s="29">
        <v>17</v>
      </c>
    </row>
    <row r="41" spans="1:4" ht="18" customHeight="1" x14ac:dyDescent="0.2">
      <c r="A41" s="31" t="s">
        <v>72</v>
      </c>
      <c r="B41" s="27">
        <v>51</v>
      </c>
      <c r="C41" s="28">
        <v>57</v>
      </c>
      <c r="D41" s="29">
        <v>108</v>
      </c>
    </row>
    <row r="42" spans="1:4" ht="18" customHeight="1" x14ac:dyDescent="0.2">
      <c r="A42" s="31">
        <v>30</v>
      </c>
      <c r="B42" s="27">
        <v>11</v>
      </c>
      <c r="C42" s="28">
        <v>8</v>
      </c>
      <c r="D42" s="29">
        <v>19</v>
      </c>
    </row>
    <row r="43" spans="1:4" ht="18" customHeight="1" x14ac:dyDescent="0.2">
      <c r="A43" s="31">
        <v>31</v>
      </c>
      <c r="B43" s="27">
        <v>8</v>
      </c>
      <c r="C43" s="28">
        <v>10</v>
      </c>
      <c r="D43" s="29">
        <v>18</v>
      </c>
    </row>
    <row r="44" spans="1:4" ht="18" customHeight="1" x14ac:dyDescent="0.2">
      <c r="A44" s="31">
        <v>32</v>
      </c>
      <c r="B44" s="27">
        <v>11</v>
      </c>
      <c r="C44" s="28">
        <v>10</v>
      </c>
      <c r="D44" s="29">
        <v>21</v>
      </c>
    </row>
    <row r="45" spans="1:4" ht="18" customHeight="1" x14ac:dyDescent="0.2">
      <c r="A45" s="31">
        <v>33</v>
      </c>
      <c r="B45" s="27">
        <v>12</v>
      </c>
      <c r="C45" s="28">
        <v>7</v>
      </c>
      <c r="D45" s="29">
        <v>19</v>
      </c>
    </row>
    <row r="46" spans="1:4" ht="18" customHeight="1" x14ac:dyDescent="0.2">
      <c r="A46" s="31">
        <v>34</v>
      </c>
      <c r="B46" s="27">
        <v>11</v>
      </c>
      <c r="C46" s="28">
        <v>10</v>
      </c>
      <c r="D46" s="29">
        <v>21</v>
      </c>
    </row>
    <row r="47" spans="1:4" ht="18" customHeight="1" x14ac:dyDescent="0.2">
      <c r="A47" s="31" t="s">
        <v>73</v>
      </c>
      <c r="B47" s="27">
        <v>53</v>
      </c>
      <c r="C47" s="28">
        <v>45</v>
      </c>
      <c r="D47" s="29">
        <v>98</v>
      </c>
    </row>
    <row r="48" spans="1:4" ht="18" customHeight="1" x14ac:dyDescent="0.2">
      <c r="A48" s="31">
        <v>35</v>
      </c>
      <c r="B48" s="27">
        <v>18</v>
      </c>
      <c r="C48" s="28">
        <v>14</v>
      </c>
      <c r="D48" s="29">
        <v>32</v>
      </c>
    </row>
    <row r="49" spans="1:4" ht="18" customHeight="1" x14ac:dyDescent="0.2">
      <c r="A49" s="31">
        <v>36</v>
      </c>
      <c r="B49" s="27">
        <v>11</v>
      </c>
      <c r="C49" s="28">
        <v>9</v>
      </c>
      <c r="D49" s="29">
        <v>20</v>
      </c>
    </row>
    <row r="50" spans="1:4" ht="18" customHeight="1" x14ac:dyDescent="0.2">
      <c r="A50" s="31">
        <v>37</v>
      </c>
      <c r="B50" s="27">
        <v>19</v>
      </c>
      <c r="C50" s="28">
        <v>6</v>
      </c>
      <c r="D50" s="29">
        <v>25</v>
      </c>
    </row>
    <row r="51" spans="1:4" ht="18" customHeight="1" x14ac:dyDescent="0.2">
      <c r="A51" s="31">
        <v>38</v>
      </c>
      <c r="B51" s="27">
        <v>12</v>
      </c>
      <c r="C51" s="28">
        <v>14</v>
      </c>
      <c r="D51" s="29">
        <v>26</v>
      </c>
    </row>
    <row r="52" spans="1:4" ht="18" customHeight="1" x14ac:dyDescent="0.2">
      <c r="A52" s="31">
        <v>39</v>
      </c>
      <c r="B52" s="27">
        <v>10</v>
      </c>
      <c r="C52" s="28">
        <v>4</v>
      </c>
      <c r="D52" s="29">
        <v>14</v>
      </c>
    </row>
    <row r="53" spans="1:4" ht="18" customHeight="1" x14ac:dyDescent="0.2">
      <c r="A53" s="31" t="s">
        <v>74</v>
      </c>
      <c r="B53" s="27">
        <v>70</v>
      </c>
      <c r="C53" s="28">
        <v>47</v>
      </c>
      <c r="D53" s="29">
        <v>117</v>
      </c>
    </row>
    <row r="54" spans="1:4" ht="18" customHeight="1" x14ac:dyDescent="0.2">
      <c r="A54" s="31">
        <v>40</v>
      </c>
      <c r="B54" s="27">
        <v>8</v>
      </c>
      <c r="C54" s="28">
        <v>10</v>
      </c>
      <c r="D54" s="29">
        <v>18</v>
      </c>
    </row>
    <row r="55" spans="1:4" ht="18" customHeight="1" x14ac:dyDescent="0.2">
      <c r="A55" s="31">
        <v>41</v>
      </c>
      <c r="B55" s="27">
        <v>7</v>
      </c>
      <c r="C55" s="28">
        <v>16</v>
      </c>
      <c r="D55" s="29">
        <v>23</v>
      </c>
    </row>
    <row r="56" spans="1:4" ht="18" customHeight="1" x14ac:dyDescent="0.2">
      <c r="A56" s="31">
        <v>42</v>
      </c>
      <c r="B56" s="27">
        <v>11</v>
      </c>
      <c r="C56" s="28">
        <v>10</v>
      </c>
      <c r="D56" s="29">
        <v>21</v>
      </c>
    </row>
    <row r="57" spans="1:4" ht="18" customHeight="1" x14ac:dyDescent="0.2">
      <c r="A57" s="31">
        <v>43</v>
      </c>
      <c r="B57" s="27">
        <v>10</v>
      </c>
      <c r="C57" s="28">
        <v>11</v>
      </c>
      <c r="D57" s="29">
        <v>21</v>
      </c>
    </row>
    <row r="58" spans="1:4" ht="18" customHeight="1" x14ac:dyDescent="0.2">
      <c r="A58" s="31">
        <v>44</v>
      </c>
      <c r="B58" s="27">
        <v>7</v>
      </c>
      <c r="C58" s="28">
        <v>7</v>
      </c>
      <c r="D58" s="29">
        <v>14</v>
      </c>
    </row>
    <row r="59" spans="1:4" ht="18" customHeight="1" x14ac:dyDescent="0.2">
      <c r="A59" s="31" t="s">
        <v>75</v>
      </c>
      <c r="B59" s="27">
        <v>43</v>
      </c>
      <c r="C59" s="28">
        <v>54</v>
      </c>
      <c r="D59" s="29">
        <v>97</v>
      </c>
    </row>
    <row r="60" spans="1:4" ht="18" customHeight="1" x14ac:dyDescent="0.2">
      <c r="A60" s="31">
        <v>45</v>
      </c>
      <c r="B60" s="27">
        <v>8</v>
      </c>
      <c r="C60" s="28">
        <v>9</v>
      </c>
      <c r="D60" s="29">
        <v>17</v>
      </c>
    </row>
    <row r="61" spans="1:4" ht="18" customHeight="1" x14ac:dyDescent="0.2">
      <c r="A61" s="31">
        <v>46</v>
      </c>
      <c r="B61" s="27">
        <v>5</v>
      </c>
      <c r="C61" s="28">
        <v>8</v>
      </c>
      <c r="D61" s="29">
        <v>13</v>
      </c>
    </row>
    <row r="62" spans="1:4" ht="18" customHeight="1" x14ac:dyDescent="0.2">
      <c r="A62" s="31">
        <v>47</v>
      </c>
      <c r="B62" s="27">
        <v>4</v>
      </c>
      <c r="C62" s="28">
        <v>12</v>
      </c>
      <c r="D62" s="29">
        <v>16</v>
      </c>
    </row>
    <row r="63" spans="1:4" ht="18" customHeight="1" x14ac:dyDescent="0.2">
      <c r="A63" s="31">
        <v>48</v>
      </c>
      <c r="B63" s="27">
        <v>7</v>
      </c>
      <c r="C63" s="28">
        <v>5</v>
      </c>
      <c r="D63" s="29">
        <v>12</v>
      </c>
    </row>
    <row r="64" spans="1:4" ht="18" customHeight="1" x14ac:dyDescent="0.2">
      <c r="A64" s="31">
        <v>49</v>
      </c>
      <c r="B64" s="27">
        <v>11</v>
      </c>
      <c r="C64" s="28">
        <v>9</v>
      </c>
      <c r="D64" s="29">
        <v>20</v>
      </c>
    </row>
    <row r="65" spans="1:4" ht="18" customHeight="1" x14ac:dyDescent="0.2">
      <c r="A65" s="31" t="s">
        <v>76</v>
      </c>
      <c r="B65" s="27">
        <v>35</v>
      </c>
      <c r="C65" s="28">
        <v>43</v>
      </c>
      <c r="D65" s="29">
        <v>78</v>
      </c>
    </row>
    <row r="66" spans="1:4" ht="18" customHeight="1" x14ac:dyDescent="0.2">
      <c r="A66" s="31">
        <v>50</v>
      </c>
      <c r="B66" s="27">
        <v>4</v>
      </c>
      <c r="C66" s="28">
        <v>11</v>
      </c>
      <c r="D66" s="29">
        <v>15</v>
      </c>
    </row>
    <row r="67" spans="1:4" ht="18" customHeight="1" x14ac:dyDescent="0.2">
      <c r="A67" s="31">
        <v>51</v>
      </c>
      <c r="B67" s="27">
        <v>14</v>
      </c>
      <c r="C67" s="28">
        <v>11</v>
      </c>
      <c r="D67" s="29">
        <v>25</v>
      </c>
    </row>
    <row r="68" spans="1:4" ht="18" customHeight="1" x14ac:dyDescent="0.2">
      <c r="A68" s="31">
        <v>52</v>
      </c>
      <c r="B68" s="27">
        <v>12</v>
      </c>
      <c r="C68" s="28">
        <v>12</v>
      </c>
      <c r="D68" s="29">
        <v>24</v>
      </c>
    </row>
    <row r="69" spans="1:4" ht="18" customHeight="1" x14ac:dyDescent="0.2">
      <c r="A69" s="31">
        <v>53</v>
      </c>
      <c r="B69" s="27">
        <v>17</v>
      </c>
      <c r="C69" s="28">
        <v>11</v>
      </c>
      <c r="D69" s="29">
        <v>28</v>
      </c>
    </row>
    <row r="70" spans="1:4" ht="18" customHeight="1" x14ac:dyDescent="0.2">
      <c r="A70" s="31">
        <v>54</v>
      </c>
      <c r="B70" s="27">
        <v>15</v>
      </c>
      <c r="C70" s="28">
        <v>11</v>
      </c>
      <c r="D70" s="29">
        <v>26</v>
      </c>
    </row>
    <row r="71" spans="1:4" ht="18" customHeight="1" x14ac:dyDescent="0.2">
      <c r="A71" s="31" t="s">
        <v>77</v>
      </c>
      <c r="B71" s="27">
        <v>62</v>
      </c>
      <c r="C71" s="28">
        <v>56</v>
      </c>
      <c r="D71" s="29">
        <v>118</v>
      </c>
    </row>
    <row r="72" spans="1:4" ht="18" customHeight="1" x14ac:dyDescent="0.2">
      <c r="A72" s="31">
        <v>55</v>
      </c>
      <c r="B72" s="27">
        <v>17</v>
      </c>
      <c r="C72" s="28">
        <v>16</v>
      </c>
      <c r="D72" s="29">
        <v>33</v>
      </c>
    </row>
    <row r="73" spans="1:4" ht="18" customHeight="1" x14ac:dyDescent="0.2">
      <c r="A73" s="31">
        <v>56</v>
      </c>
      <c r="B73" s="27">
        <v>23</v>
      </c>
      <c r="C73" s="28">
        <v>17</v>
      </c>
      <c r="D73" s="29">
        <v>40</v>
      </c>
    </row>
    <row r="74" spans="1:4" ht="18" customHeight="1" x14ac:dyDescent="0.2">
      <c r="A74" s="31">
        <v>57</v>
      </c>
      <c r="B74" s="27">
        <v>16</v>
      </c>
      <c r="C74" s="28">
        <v>15</v>
      </c>
      <c r="D74" s="29">
        <v>31</v>
      </c>
    </row>
    <row r="75" spans="1:4" ht="18" customHeight="1" x14ac:dyDescent="0.2">
      <c r="A75" s="31">
        <v>58</v>
      </c>
      <c r="B75" s="27">
        <v>12</v>
      </c>
      <c r="C75" s="28">
        <v>14</v>
      </c>
      <c r="D75" s="29">
        <v>26</v>
      </c>
    </row>
    <row r="76" spans="1:4" ht="18" customHeight="1" x14ac:dyDescent="0.2">
      <c r="A76" s="31">
        <v>59</v>
      </c>
      <c r="B76" s="27">
        <v>17</v>
      </c>
      <c r="C76" s="28">
        <v>17</v>
      </c>
      <c r="D76" s="29">
        <v>34</v>
      </c>
    </row>
    <row r="77" spans="1:4" ht="18" customHeight="1" x14ac:dyDescent="0.2">
      <c r="A77" s="31" t="s">
        <v>78</v>
      </c>
      <c r="B77" s="27">
        <v>85</v>
      </c>
      <c r="C77" s="28">
        <v>79</v>
      </c>
      <c r="D77" s="29">
        <v>164</v>
      </c>
    </row>
    <row r="78" spans="1:4" ht="18" customHeight="1" x14ac:dyDescent="0.2">
      <c r="A78" s="31">
        <v>60</v>
      </c>
      <c r="B78" s="27">
        <v>13</v>
      </c>
      <c r="C78" s="28">
        <v>21</v>
      </c>
      <c r="D78" s="29">
        <v>34</v>
      </c>
    </row>
    <row r="79" spans="1:4" ht="18" customHeight="1" x14ac:dyDescent="0.2">
      <c r="A79" s="31">
        <v>61</v>
      </c>
      <c r="B79" s="27">
        <v>17</v>
      </c>
      <c r="C79" s="28">
        <v>11</v>
      </c>
      <c r="D79" s="29">
        <v>28</v>
      </c>
    </row>
    <row r="80" spans="1:4" ht="18" customHeight="1" x14ac:dyDescent="0.2">
      <c r="A80" s="31">
        <v>62</v>
      </c>
      <c r="B80" s="27">
        <v>21</v>
      </c>
      <c r="C80" s="28">
        <v>14</v>
      </c>
      <c r="D80" s="29">
        <v>35</v>
      </c>
    </row>
    <row r="81" spans="1:4" ht="18" customHeight="1" x14ac:dyDescent="0.2">
      <c r="A81" s="31">
        <v>63</v>
      </c>
      <c r="B81" s="27">
        <v>9</v>
      </c>
      <c r="C81" s="28">
        <v>7</v>
      </c>
      <c r="D81" s="29">
        <v>16</v>
      </c>
    </row>
    <row r="82" spans="1:4" ht="18" customHeight="1" x14ac:dyDescent="0.2">
      <c r="A82" s="31">
        <v>64</v>
      </c>
      <c r="B82" s="27">
        <v>8</v>
      </c>
      <c r="C82" s="28">
        <v>8</v>
      </c>
      <c r="D82" s="29">
        <v>16</v>
      </c>
    </row>
    <row r="83" spans="1:4" ht="18" customHeight="1" x14ac:dyDescent="0.2">
      <c r="A83" s="31" t="s">
        <v>79</v>
      </c>
      <c r="B83" s="27">
        <v>68</v>
      </c>
      <c r="C83" s="28">
        <v>61</v>
      </c>
      <c r="D83" s="29">
        <v>129</v>
      </c>
    </row>
    <row r="84" spans="1:4" ht="18" customHeight="1" x14ac:dyDescent="0.2">
      <c r="A84" s="31" t="s">
        <v>80</v>
      </c>
      <c r="B84" s="27">
        <v>547</v>
      </c>
      <c r="C84" s="28">
        <v>538</v>
      </c>
      <c r="D84" s="29">
        <v>1085</v>
      </c>
    </row>
    <row r="85" spans="1:4" ht="18" customHeight="1" x14ac:dyDescent="0.2">
      <c r="A85" s="31">
        <v>65</v>
      </c>
      <c r="B85" s="27">
        <v>11</v>
      </c>
      <c r="C85" s="28">
        <v>8</v>
      </c>
      <c r="D85" s="29">
        <v>19</v>
      </c>
    </row>
    <row r="86" spans="1:4" ht="18" customHeight="1" x14ac:dyDescent="0.2">
      <c r="A86" s="31">
        <v>66</v>
      </c>
      <c r="B86" s="27">
        <v>15</v>
      </c>
      <c r="C86" s="28">
        <v>7</v>
      </c>
      <c r="D86" s="29">
        <v>22</v>
      </c>
    </row>
    <row r="87" spans="1:4" ht="18" customHeight="1" x14ac:dyDescent="0.2">
      <c r="A87" s="31">
        <v>67</v>
      </c>
      <c r="B87" s="27">
        <v>9</v>
      </c>
      <c r="C87" s="28">
        <v>14</v>
      </c>
      <c r="D87" s="29">
        <v>23</v>
      </c>
    </row>
    <row r="88" spans="1:4" ht="18" customHeight="1" x14ac:dyDescent="0.2">
      <c r="A88" s="31">
        <v>68</v>
      </c>
      <c r="B88" s="27">
        <v>7</v>
      </c>
      <c r="C88" s="28">
        <v>13</v>
      </c>
      <c r="D88" s="29">
        <v>20</v>
      </c>
    </row>
    <row r="89" spans="1:4" ht="18" customHeight="1" x14ac:dyDescent="0.2">
      <c r="A89" s="31">
        <v>69</v>
      </c>
      <c r="B89" s="27">
        <v>9</v>
      </c>
      <c r="C89" s="28">
        <v>8</v>
      </c>
      <c r="D89" s="29">
        <v>17</v>
      </c>
    </row>
    <row r="90" spans="1:4" ht="18" customHeight="1" x14ac:dyDescent="0.2">
      <c r="A90" s="31" t="s">
        <v>81</v>
      </c>
      <c r="B90" s="27">
        <v>51</v>
      </c>
      <c r="C90" s="28">
        <v>50</v>
      </c>
      <c r="D90" s="29">
        <v>101</v>
      </c>
    </row>
    <row r="91" spans="1:4" ht="18" customHeight="1" x14ac:dyDescent="0.2">
      <c r="A91" s="31">
        <v>70</v>
      </c>
      <c r="B91" s="27">
        <v>10</v>
      </c>
      <c r="C91" s="28">
        <v>9</v>
      </c>
      <c r="D91" s="29">
        <v>19</v>
      </c>
    </row>
    <row r="92" spans="1:4" ht="18" customHeight="1" x14ac:dyDescent="0.2">
      <c r="A92" s="31">
        <v>71</v>
      </c>
      <c r="B92" s="27">
        <v>7</v>
      </c>
      <c r="C92" s="28">
        <v>6</v>
      </c>
      <c r="D92" s="29">
        <v>13</v>
      </c>
    </row>
    <row r="93" spans="1:4" ht="18" customHeight="1" x14ac:dyDescent="0.2">
      <c r="A93" s="31">
        <v>72</v>
      </c>
      <c r="B93" s="27">
        <v>11</v>
      </c>
      <c r="C93" s="28">
        <v>10</v>
      </c>
      <c r="D93" s="29">
        <v>21</v>
      </c>
    </row>
    <row r="94" spans="1:4" ht="18" customHeight="1" x14ac:dyDescent="0.2">
      <c r="A94" s="31">
        <v>73</v>
      </c>
      <c r="B94" s="27">
        <v>7</v>
      </c>
      <c r="C94" s="28">
        <v>10</v>
      </c>
      <c r="D94" s="29">
        <v>17</v>
      </c>
    </row>
    <row r="95" spans="1:4" ht="18" customHeight="1" x14ac:dyDescent="0.2">
      <c r="A95" s="31">
        <v>74</v>
      </c>
      <c r="B95" s="27">
        <v>6</v>
      </c>
      <c r="C95" s="28">
        <v>15</v>
      </c>
      <c r="D95" s="29">
        <v>21</v>
      </c>
    </row>
    <row r="96" spans="1:4" ht="18" customHeight="1" x14ac:dyDescent="0.2">
      <c r="A96" s="31" t="s">
        <v>82</v>
      </c>
      <c r="B96" s="27">
        <v>41</v>
      </c>
      <c r="C96" s="28">
        <v>50</v>
      </c>
      <c r="D96" s="29">
        <v>91</v>
      </c>
    </row>
    <row r="97" spans="1:4" ht="18" customHeight="1" x14ac:dyDescent="0.2">
      <c r="A97" s="31">
        <v>75</v>
      </c>
      <c r="B97" s="27">
        <v>7</v>
      </c>
      <c r="C97" s="28">
        <v>17</v>
      </c>
      <c r="D97" s="29">
        <v>24</v>
      </c>
    </row>
    <row r="98" spans="1:4" ht="18" customHeight="1" x14ac:dyDescent="0.2">
      <c r="A98" s="31">
        <v>76</v>
      </c>
      <c r="B98" s="27">
        <v>4</v>
      </c>
      <c r="C98" s="28">
        <v>11</v>
      </c>
      <c r="D98" s="29">
        <v>15</v>
      </c>
    </row>
    <row r="99" spans="1:4" ht="18" customHeight="1" x14ac:dyDescent="0.2">
      <c r="A99" s="31">
        <v>77</v>
      </c>
      <c r="B99" s="27">
        <v>7</v>
      </c>
      <c r="C99" s="28">
        <v>15</v>
      </c>
      <c r="D99" s="29">
        <v>22</v>
      </c>
    </row>
    <row r="100" spans="1:4" ht="18" customHeight="1" x14ac:dyDescent="0.2">
      <c r="A100" s="31">
        <v>78</v>
      </c>
      <c r="B100" s="27">
        <v>9</v>
      </c>
      <c r="C100" s="28">
        <v>12</v>
      </c>
      <c r="D100" s="29">
        <v>21</v>
      </c>
    </row>
    <row r="101" spans="1:4" ht="18" customHeight="1" x14ac:dyDescent="0.2">
      <c r="A101" s="31">
        <v>79</v>
      </c>
      <c r="B101" s="27">
        <v>11</v>
      </c>
      <c r="C101" s="28">
        <v>9</v>
      </c>
      <c r="D101" s="29">
        <v>20</v>
      </c>
    </row>
    <row r="102" spans="1:4" ht="18" customHeight="1" x14ac:dyDescent="0.2">
      <c r="A102" s="31" t="s">
        <v>83</v>
      </c>
      <c r="B102" s="27">
        <v>38</v>
      </c>
      <c r="C102" s="28">
        <v>64</v>
      </c>
      <c r="D102" s="29">
        <v>102</v>
      </c>
    </row>
    <row r="103" spans="1:4" ht="18" customHeight="1" x14ac:dyDescent="0.2">
      <c r="A103" s="31">
        <v>80</v>
      </c>
      <c r="B103" s="27">
        <v>8</v>
      </c>
      <c r="C103" s="28">
        <v>14</v>
      </c>
      <c r="D103" s="29">
        <v>22</v>
      </c>
    </row>
    <row r="104" spans="1:4" ht="18" customHeight="1" x14ac:dyDescent="0.2">
      <c r="A104" s="31">
        <v>81</v>
      </c>
      <c r="B104" s="27">
        <v>12</v>
      </c>
      <c r="C104" s="28">
        <v>16</v>
      </c>
      <c r="D104" s="29">
        <v>28</v>
      </c>
    </row>
    <row r="105" spans="1:4" ht="18" customHeight="1" x14ac:dyDescent="0.2">
      <c r="A105" s="31">
        <v>82</v>
      </c>
      <c r="B105" s="27">
        <v>4</v>
      </c>
      <c r="C105" s="28">
        <v>18</v>
      </c>
      <c r="D105" s="29">
        <v>22</v>
      </c>
    </row>
    <row r="106" spans="1:4" ht="18" customHeight="1" x14ac:dyDescent="0.2">
      <c r="A106" s="31">
        <v>83</v>
      </c>
      <c r="B106" s="27">
        <v>14</v>
      </c>
      <c r="C106" s="28">
        <v>9</v>
      </c>
      <c r="D106" s="29">
        <v>23</v>
      </c>
    </row>
    <row r="107" spans="1:4" ht="18" customHeight="1" x14ac:dyDescent="0.2">
      <c r="A107" s="31">
        <v>84</v>
      </c>
      <c r="B107" s="27">
        <v>1</v>
      </c>
      <c r="C107" s="28">
        <v>6</v>
      </c>
      <c r="D107" s="29">
        <v>7</v>
      </c>
    </row>
    <row r="108" spans="1:4" ht="18" customHeight="1" x14ac:dyDescent="0.2">
      <c r="A108" s="31" t="s">
        <v>84</v>
      </c>
      <c r="B108" s="27">
        <v>39</v>
      </c>
      <c r="C108" s="28">
        <v>63</v>
      </c>
      <c r="D108" s="29">
        <v>102</v>
      </c>
    </row>
    <row r="109" spans="1:4" ht="18" customHeight="1" x14ac:dyDescent="0.2">
      <c r="A109" s="31">
        <v>85</v>
      </c>
      <c r="B109" s="27">
        <v>6</v>
      </c>
      <c r="C109" s="28">
        <v>4</v>
      </c>
      <c r="D109" s="29">
        <v>10</v>
      </c>
    </row>
    <row r="110" spans="1:4" ht="18" customHeight="1" x14ac:dyDescent="0.2">
      <c r="A110" s="31">
        <v>86</v>
      </c>
      <c r="B110" s="27">
        <v>3</v>
      </c>
      <c r="C110" s="28">
        <v>10</v>
      </c>
      <c r="D110" s="29">
        <v>13</v>
      </c>
    </row>
    <row r="111" spans="1:4" ht="18" customHeight="1" x14ac:dyDescent="0.2">
      <c r="A111" s="31">
        <v>87</v>
      </c>
      <c r="B111" s="27">
        <v>4</v>
      </c>
      <c r="C111" s="28">
        <v>13</v>
      </c>
      <c r="D111" s="29">
        <v>17</v>
      </c>
    </row>
    <row r="112" spans="1:4" ht="18" customHeight="1" x14ac:dyDescent="0.2">
      <c r="A112" s="31">
        <v>88</v>
      </c>
      <c r="B112" s="27">
        <v>5</v>
      </c>
      <c r="C112" s="28">
        <v>5</v>
      </c>
      <c r="D112" s="29">
        <v>10</v>
      </c>
    </row>
    <row r="113" spans="1:4" ht="18" customHeight="1" x14ac:dyDescent="0.2">
      <c r="A113" s="31">
        <v>89</v>
      </c>
      <c r="B113" s="27">
        <v>5</v>
      </c>
      <c r="C113" s="28">
        <v>3</v>
      </c>
      <c r="D113" s="29">
        <v>8</v>
      </c>
    </row>
    <row r="114" spans="1:4" ht="18" customHeight="1" x14ac:dyDescent="0.2">
      <c r="A114" s="31" t="s">
        <v>85</v>
      </c>
      <c r="B114" s="27">
        <v>23</v>
      </c>
      <c r="C114" s="28">
        <v>35</v>
      </c>
      <c r="D114" s="29">
        <v>58</v>
      </c>
    </row>
    <row r="115" spans="1:4" ht="18" customHeight="1" x14ac:dyDescent="0.2">
      <c r="A115" s="31">
        <v>90</v>
      </c>
      <c r="B115" s="27">
        <v>4</v>
      </c>
      <c r="C115" s="28">
        <v>2</v>
      </c>
      <c r="D115" s="29">
        <v>6</v>
      </c>
    </row>
    <row r="116" spans="1:4" ht="18" customHeight="1" x14ac:dyDescent="0.2">
      <c r="A116" s="31">
        <v>91</v>
      </c>
      <c r="B116" s="27">
        <v>3</v>
      </c>
      <c r="C116" s="28">
        <v>2</v>
      </c>
      <c r="D116" s="29">
        <v>5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86</v>
      </c>
      <c r="B120" s="27">
        <v>8</v>
      </c>
      <c r="C120" s="28">
        <v>9</v>
      </c>
      <c r="D120" s="29">
        <v>17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2</v>
      </c>
      <c r="C126" s="28">
        <v>3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34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90</v>
      </c>
      <c r="B130" s="4">
        <v>202</v>
      </c>
      <c r="C130" s="5">
        <v>274</v>
      </c>
      <c r="D130" s="6">
        <v>476</v>
      </c>
    </row>
    <row r="131" spans="1:4" ht="18" customHeight="1" x14ac:dyDescent="0.2">
      <c r="A131" s="33" t="s">
        <v>65</v>
      </c>
      <c r="B131" s="7">
        <v>855</v>
      </c>
      <c r="C131" s="8">
        <v>907</v>
      </c>
      <c r="D131" s="9">
        <v>176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5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5</v>
      </c>
      <c r="C5" s="37">
        <v>3</v>
      </c>
      <c r="D5" s="39">
        <v>8</v>
      </c>
    </row>
    <row r="6" spans="1:4" ht="18" customHeight="1" x14ac:dyDescent="0.2">
      <c r="A6" s="31">
        <v>1</v>
      </c>
      <c r="B6" s="35">
        <v>2</v>
      </c>
      <c r="C6" s="28">
        <v>2</v>
      </c>
      <c r="D6" s="29">
        <v>4</v>
      </c>
    </row>
    <row r="7" spans="1:4" ht="18" customHeight="1" x14ac:dyDescent="0.2">
      <c r="A7" s="31">
        <v>2</v>
      </c>
      <c r="B7" s="35">
        <v>4</v>
      </c>
      <c r="C7" s="28">
        <v>2</v>
      </c>
      <c r="D7" s="29">
        <v>6</v>
      </c>
    </row>
    <row r="8" spans="1:4" ht="18" customHeight="1" x14ac:dyDescent="0.2">
      <c r="A8" s="31">
        <v>3</v>
      </c>
      <c r="B8" s="35">
        <v>8</v>
      </c>
      <c r="C8" s="28">
        <v>8</v>
      </c>
      <c r="D8" s="29">
        <v>16</v>
      </c>
    </row>
    <row r="9" spans="1:4" ht="18" customHeight="1" x14ac:dyDescent="0.2">
      <c r="A9" s="31">
        <v>4</v>
      </c>
      <c r="B9" s="36">
        <v>2</v>
      </c>
      <c r="C9" s="38">
        <v>4</v>
      </c>
      <c r="D9" s="40">
        <v>6</v>
      </c>
    </row>
    <row r="10" spans="1:4" ht="18" customHeight="1" x14ac:dyDescent="0.2">
      <c r="A10" s="31" t="s">
        <v>66</v>
      </c>
      <c r="B10" s="27">
        <v>21</v>
      </c>
      <c r="C10" s="28">
        <v>19</v>
      </c>
      <c r="D10" s="29">
        <v>40</v>
      </c>
    </row>
    <row r="11" spans="1:4" ht="18" customHeight="1" x14ac:dyDescent="0.2">
      <c r="A11" s="31">
        <v>5</v>
      </c>
      <c r="B11" s="35">
        <v>5</v>
      </c>
      <c r="C11" s="28">
        <v>3</v>
      </c>
      <c r="D11" s="29">
        <v>8</v>
      </c>
    </row>
    <row r="12" spans="1:4" ht="18" customHeight="1" x14ac:dyDescent="0.2">
      <c r="A12" s="31">
        <v>6</v>
      </c>
      <c r="B12" s="35">
        <v>4</v>
      </c>
      <c r="C12" s="28">
        <v>3</v>
      </c>
      <c r="D12" s="29">
        <v>7</v>
      </c>
    </row>
    <row r="13" spans="1:4" ht="18" customHeight="1" x14ac:dyDescent="0.2">
      <c r="A13" s="31">
        <v>7</v>
      </c>
      <c r="B13" s="35">
        <v>2</v>
      </c>
      <c r="C13" s="28">
        <v>4</v>
      </c>
      <c r="D13" s="29">
        <v>6</v>
      </c>
    </row>
    <row r="14" spans="1:4" ht="18" customHeight="1" x14ac:dyDescent="0.2">
      <c r="A14" s="31">
        <v>8</v>
      </c>
      <c r="B14" s="35">
        <v>3</v>
      </c>
      <c r="C14" s="28">
        <v>6</v>
      </c>
      <c r="D14" s="29">
        <v>9</v>
      </c>
    </row>
    <row r="15" spans="1:4" ht="18" customHeight="1" x14ac:dyDescent="0.2">
      <c r="A15" s="31">
        <v>9</v>
      </c>
      <c r="B15" s="35">
        <v>3</v>
      </c>
      <c r="C15" s="28">
        <v>2</v>
      </c>
      <c r="D15" s="29">
        <v>5</v>
      </c>
    </row>
    <row r="16" spans="1:4" ht="18" customHeight="1" x14ac:dyDescent="0.2">
      <c r="A16" s="31" t="s">
        <v>67</v>
      </c>
      <c r="B16" s="27">
        <v>17</v>
      </c>
      <c r="C16" s="28">
        <v>18</v>
      </c>
      <c r="D16" s="29">
        <v>35</v>
      </c>
    </row>
    <row r="17" spans="1:4" ht="18" customHeight="1" x14ac:dyDescent="0.2">
      <c r="A17" s="31">
        <v>10</v>
      </c>
      <c r="B17" s="27">
        <v>6</v>
      </c>
      <c r="C17" s="28">
        <v>2</v>
      </c>
      <c r="D17" s="29">
        <v>8</v>
      </c>
    </row>
    <row r="18" spans="1:4" ht="18" customHeight="1" x14ac:dyDescent="0.2">
      <c r="A18" s="31">
        <v>11</v>
      </c>
      <c r="B18" s="27">
        <v>6</v>
      </c>
      <c r="C18" s="28">
        <v>4</v>
      </c>
      <c r="D18" s="29">
        <v>10</v>
      </c>
    </row>
    <row r="19" spans="1:4" ht="18" customHeight="1" x14ac:dyDescent="0.2">
      <c r="A19" s="31">
        <v>12</v>
      </c>
      <c r="B19" s="27">
        <v>10</v>
      </c>
      <c r="C19" s="28">
        <v>5</v>
      </c>
      <c r="D19" s="29">
        <v>15</v>
      </c>
    </row>
    <row r="20" spans="1:4" ht="18" customHeight="1" x14ac:dyDescent="0.2">
      <c r="A20" s="31">
        <v>13</v>
      </c>
      <c r="B20" s="27">
        <v>6</v>
      </c>
      <c r="C20" s="28">
        <v>7</v>
      </c>
      <c r="D20" s="29">
        <v>13</v>
      </c>
    </row>
    <row r="21" spans="1:4" ht="18" customHeight="1" x14ac:dyDescent="0.2">
      <c r="A21" s="31">
        <v>14</v>
      </c>
      <c r="B21" s="27">
        <v>3</v>
      </c>
      <c r="C21" s="28">
        <v>4</v>
      </c>
      <c r="D21" s="29">
        <v>7</v>
      </c>
    </row>
    <row r="22" spans="1:4" ht="18" customHeight="1" x14ac:dyDescent="0.2">
      <c r="A22" s="31" t="s">
        <v>68</v>
      </c>
      <c r="B22" s="27">
        <v>31</v>
      </c>
      <c r="C22" s="28">
        <v>22</v>
      </c>
      <c r="D22" s="29">
        <v>53</v>
      </c>
    </row>
    <row r="23" spans="1:4" ht="18" customHeight="1" x14ac:dyDescent="0.2">
      <c r="A23" s="31" t="s">
        <v>69</v>
      </c>
      <c r="B23" s="27">
        <v>69</v>
      </c>
      <c r="C23" s="28">
        <v>59</v>
      </c>
      <c r="D23" s="29">
        <v>128</v>
      </c>
    </row>
    <row r="24" spans="1:4" ht="18" customHeight="1" x14ac:dyDescent="0.2">
      <c r="A24" s="31">
        <v>15</v>
      </c>
      <c r="B24" s="27">
        <v>7</v>
      </c>
      <c r="C24" s="28">
        <v>6</v>
      </c>
      <c r="D24" s="29">
        <v>13</v>
      </c>
    </row>
    <row r="25" spans="1:4" ht="18" customHeight="1" x14ac:dyDescent="0.2">
      <c r="A25" s="31">
        <v>16</v>
      </c>
      <c r="B25" s="27">
        <v>4</v>
      </c>
      <c r="C25" s="28">
        <v>3</v>
      </c>
      <c r="D25" s="29">
        <v>7</v>
      </c>
    </row>
    <row r="26" spans="1:4" ht="18" customHeight="1" x14ac:dyDescent="0.2">
      <c r="A26" s="31">
        <v>17</v>
      </c>
      <c r="B26" s="27">
        <v>6</v>
      </c>
      <c r="C26" s="28">
        <v>5</v>
      </c>
      <c r="D26" s="29">
        <v>11</v>
      </c>
    </row>
    <row r="27" spans="1:4" ht="18" customHeight="1" x14ac:dyDescent="0.2">
      <c r="A27" s="31">
        <v>18</v>
      </c>
      <c r="B27" s="27">
        <v>8</v>
      </c>
      <c r="C27" s="28">
        <v>2</v>
      </c>
      <c r="D27" s="29">
        <v>10</v>
      </c>
    </row>
    <row r="28" spans="1:4" ht="18" customHeight="1" x14ac:dyDescent="0.2">
      <c r="A28" s="31">
        <v>19</v>
      </c>
      <c r="B28" s="27">
        <v>9</v>
      </c>
      <c r="C28" s="28">
        <v>5</v>
      </c>
      <c r="D28" s="29">
        <v>14</v>
      </c>
    </row>
    <row r="29" spans="1:4" ht="18" customHeight="1" x14ac:dyDescent="0.2">
      <c r="A29" s="31" t="s">
        <v>70</v>
      </c>
      <c r="B29" s="27">
        <v>34</v>
      </c>
      <c r="C29" s="28">
        <v>21</v>
      </c>
      <c r="D29" s="29">
        <v>55</v>
      </c>
    </row>
    <row r="30" spans="1:4" ht="18" customHeight="1" x14ac:dyDescent="0.2">
      <c r="A30" s="31">
        <v>20</v>
      </c>
      <c r="B30" s="27">
        <v>6</v>
      </c>
      <c r="C30" s="28">
        <v>5</v>
      </c>
      <c r="D30" s="29">
        <v>11</v>
      </c>
    </row>
    <row r="31" spans="1:4" ht="18" customHeight="1" x14ac:dyDescent="0.2">
      <c r="A31" s="31">
        <v>21</v>
      </c>
      <c r="B31" s="27">
        <v>6</v>
      </c>
      <c r="C31" s="28">
        <v>7</v>
      </c>
      <c r="D31" s="29">
        <v>13</v>
      </c>
    </row>
    <row r="32" spans="1:4" ht="18" customHeight="1" x14ac:dyDescent="0.2">
      <c r="A32" s="31">
        <v>22</v>
      </c>
      <c r="B32" s="27">
        <v>4</v>
      </c>
      <c r="C32" s="28">
        <v>8</v>
      </c>
      <c r="D32" s="29">
        <v>12</v>
      </c>
    </row>
    <row r="33" spans="1:4" ht="18" customHeight="1" x14ac:dyDescent="0.2">
      <c r="A33" s="31">
        <v>23</v>
      </c>
      <c r="B33" s="27">
        <v>6</v>
      </c>
      <c r="C33" s="28">
        <v>7</v>
      </c>
      <c r="D33" s="29">
        <v>13</v>
      </c>
    </row>
    <row r="34" spans="1:4" ht="18" customHeight="1" x14ac:dyDescent="0.2">
      <c r="A34" s="31">
        <v>24</v>
      </c>
      <c r="B34" s="27">
        <v>4</v>
      </c>
      <c r="C34" s="28">
        <v>7</v>
      </c>
      <c r="D34" s="29">
        <v>11</v>
      </c>
    </row>
    <row r="35" spans="1:4" ht="18" customHeight="1" x14ac:dyDescent="0.2">
      <c r="A35" s="31" t="s">
        <v>71</v>
      </c>
      <c r="B35" s="27">
        <v>26</v>
      </c>
      <c r="C35" s="28">
        <v>34</v>
      </c>
      <c r="D35" s="29">
        <v>60</v>
      </c>
    </row>
    <row r="36" spans="1:4" ht="18" customHeight="1" x14ac:dyDescent="0.2">
      <c r="A36" s="31">
        <v>25</v>
      </c>
      <c r="B36" s="27">
        <v>6</v>
      </c>
      <c r="C36" s="28">
        <v>3</v>
      </c>
      <c r="D36" s="29">
        <v>9</v>
      </c>
    </row>
    <row r="37" spans="1:4" ht="18" customHeight="1" x14ac:dyDescent="0.2">
      <c r="A37" s="31">
        <v>26</v>
      </c>
      <c r="B37" s="27">
        <v>9</v>
      </c>
      <c r="C37" s="28">
        <v>4</v>
      </c>
      <c r="D37" s="29">
        <v>13</v>
      </c>
    </row>
    <row r="38" spans="1:4" ht="18" customHeight="1" x14ac:dyDescent="0.2">
      <c r="A38" s="31">
        <v>27</v>
      </c>
      <c r="B38" s="27">
        <v>4</v>
      </c>
      <c r="C38" s="28">
        <v>4</v>
      </c>
      <c r="D38" s="29">
        <v>8</v>
      </c>
    </row>
    <row r="39" spans="1:4" ht="18" customHeight="1" x14ac:dyDescent="0.2">
      <c r="A39" s="31">
        <v>28</v>
      </c>
      <c r="B39" s="27">
        <v>1</v>
      </c>
      <c r="C39" s="28">
        <v>6</v>
      </c>
      <c r="D39" s="29">
        <v>7</v>
      </c>
    </row>
    <row r="40" spans="1:4" ht="18" customHeight="1" x14ac:dyDescent="0.2">
      <c r="A40" s="31">
        <v>29</v>
      </c>
      <c r="B40" s="27">
        <v>7</v>
      </c>
      <c r="C40" s="28">
        <v>5</v>
      </c>
      <c r="D40" s="29">
        <v>12</v>
      </c>
    </row>
    <row r="41" spans="1:4" ht="18" customHeight="1" x14ac:dyDescent="0.2">
      <c r="A41" s="31" t="s">
        <v>72</v>
      </c>
      <c r="B41" s="27">
        <v>27</v>
      </c>
      <c r="C41" s="28">
        <v>22</v>
      </c>
      <c r="D41" s="29">
        <v>49</v>
      </c>
    </row>
    <row r="42" spans="1:4" ht="18" customHeight="1" x14ac:dyDescent="0.2">
      <c r="A42" s="31">
        <v>30</v>
      </c>
      <c r="B42" s="27">
        <v>9</v>
      </c>
      <c r="C42" s="28">
        <v>7</v>
      </c>
      <c r="D42" s="29">
        <v>16</v>
      </c>
    </row>
    <row r="43" spans="1:4" ht="18" customHeight="1" x14ac:dyDescent="0.2">
      <c r="A43" s="31">
        <v>31</v>
      </c>
      <c r="B43" s="27">
        <v>9</v>
      </c>
      <c r="C43" s="28">
        <v>1</v>
      </c>
      <c r="D43" s="29">
        <v>10</v>
      </c>
    </row>
    <row r="44" spans="1:4" ht="18" customHeight="1" x14ac:dyDescent="0.2">
      <c r="A44" s="31">
        <v>32</v>
      </c>
      <c r="B44" s="27">
        <v>8</v>
      </c>
      <c r="C44" s="28">
        <v>5</v>
      </c>
      <c r="D44" s="29">
        <v>13</v>
      </c>
    </row>
    <row r="45" spans="1:4" ht="18" customHeight="1" x14ac:dyDescent="0.2">
      <c r="A45" s="31">
        <v>33</v>
      </c>
      <c r="B45" s="27">
        <v>5</v>
      </c>
      <c r="C45" s="28">
        <v>6</v>
      </c>
      <c r="D45" s="29">
        <v>11</v>
      </c>
    </row>
    <row r="46" spans="1:4" ht="18" customHeight="1" x14ac:dyDescent="0.2">
      <c r="A46" s="31">
        <v>34</v>
      </c>
      <c r="B46" s="27">
        <v>8</v>
      </c>
      <c r="C46" s="28">
        <v>5</v>
      </c>
      <c r="D46" s="29">
        <v>13</v>
      </c>
    </row>
    <row r="47" spans="1:4" ht="18" customHeight="1" x14ac:dyDescent="0.2">
      <c r="A47" s="31" t="s">
        <v>73</v>
      </c>
      <c r="B47" s="27">
        <v>39</v>
      </c>
      <c r="C47" s="28">
        <v>24</v>
      </c>
      <c r="D47" s="29">
        <v>63</v>
      </c>
    </row>
    <row r="48" spans="1:4" ht="18" customHeight="1" x14ac:dyDescent="0.2">
      <c r="A48" s="31">
        <v>35</v>
      </c>
      <c r="B48" s="27">
        <v>6</v>
      </c>
      <c r="C48" s="28">
        <v>9</v>
      </c>
      <c r="D48" s="29">
        <v>15</v>
      </c>
    </row>
    <row r="49" spans="1:4" ht="18" customHeight="1" x14ac:dyDescent="0.2">
      <c r="A49" s="31">
        <v>36</v>
      </c>
      <c r="B49" s="27">
        <v>10</v>
      </c>
      <c r="C49" s="28">
        <v>7</v>
      </c>
      <c r="D49" s="29">
        <v>17</v>
      </c>
    </row>
    <row r="50" spans="1:4" ht="18" customHeight="1" x14ac:dyDescent="0.2">
      <c r="A50" s="31">
        <v>37</v>
      </c>
      <c r="B50" s="27">
        <v>6</v>
      </c>
      <c r="C50" s="28">
        <v>3</v>
      </c>
      <c r="D50" s="29">
        <v>9</v>
      </c>
    </row>
    <row r="51" spans="1:4" ht="18" customHeight="1" x14ac:dyDescent="0.2">
      <c r="A51" s="31">
        <v>38</v>
      </c>
      <c r="B51" s="27">
        <v>6</v>
      </c>
      <c r="C51" s="28">
        <v>9</v>
      </c>
      <c r="D51" s="29">
        <v>15</v>
      </c>
    </row>
    <row r="52" spans="1:4" ht="18" customHeight="1" x14ac:dyDescent="0.2">
      <c r="A52" s="31">
        <v>39</v>
      </c>
      <c r="B52" s="27">
        <v>7</v>
      </c>
      <c r="C52" s="28">
        <v>6</v>
      </c>
      <c r="D52" s="29">
        <v>13</v>
      </c>
    </row>
    <row r="53" spans="1:4" ht="18" customHeight="1" x14ac:dyDescent="0.2">
      <c r="A53" s="31" t="s">
        <v>74</v>
      </c>
      <c r="B53" s="27">
        <v>35</v>
      </c>
      <c r="C53" s="28">
        <v>34</v>
      </c>
      <c r="D53" s="29">
        <v>69</v>
      </c>
    </row>
    <row r="54" spans="1:4" ht="18" customHeight="1" x14ac:dyDescent="0.2">
      <c r="A54" s="31">
        <v>40</v>
      </c>
      <c r="B54" s="27">
        <v>5</v>
      </c>
      <c r="C54" s="28">
        <v>9</v>
      </c>
      <c r="D54" s="29">
        <v>14</v>
      </c>
    </row>
    <row r="55" spans="1:4" ht="18" customHeight="1" x14ac:dyDescent="0.2">
      <c r="A55" s="31">
        <v>41</v>
      </c>
      <c r="B55" s="27">
        <v>6</v>
      </c>
      <c r="C55" s="28">
        <v>6</v>
      </c>
      <c r="D55" s="29">
        <v>12</v>
      </c>
    </row>
    <row r="56" spans="1:4" ht="18" customHeight="1" x14ac:dyDescent="0.2">
      <c r="A56" s="31">
        <v>42</v>
      </c>
      <c r="B56" s="27">
        <v>9</v>
      </c>
      <c r="C56" s="28">
        <v>3</v>
      </c>
      <c r="D56" s="29">
        <v>12</v>
      </c>
    </row>
    <row r="57" spans="1:4" ht="18" customHeight="1" x14ac:dyDescent="0.2">
      <c r="A57" s="31">
        <v>43</v>
      </c>
      <c r="B57" s="27">
        <v>3</v>
      </c>
      <c r="C57" s="28">
        <v>5</v>
      </c>
      <c r="D57" s="29">
        <v>8</v>
      </c>
    </row>
    <row r="58" spans="1:4" ht="18" customHeight="1" x14ac:dyDescent="0.2">
      <c r="A58" s="31">
        <v>44</v>
      </c>
      <c r="B58" s="27">
        <v>5</v>
      </c>
      <c r="C58" s="28">
        <v>7</v>
      </c>
      <c r="D58" s="29">
        <v>12</v>
      </c>
    </row>
    <row r="59" spans="1:4" ht="18" customHeight="1" x14ac:dyDescent="0.2">
      <c r="A59" s="31" t="s">
        <v>75</v>
      </c>
      <c r="B59" s="27">
        <v>28</v>
      </c>
      <c r="C59" s="28">
        <v>30</v>
      </c>
      <c r="D59" s="29">
        <v>58</v>
      </c>
    </row>
    <row r="60" spans="1:4" ht="18" customHeight="1" x14ac:dyDescent="0.2">
      <c r="A60" s="31">
        <v>45</v>
      </c>
      <c r="B60" s="27">
        <v>6</v>
      </c>
      <c r="C60" s="28">
        <v>7</v>
      </c>
      <c r="D60" s="29">
        <v>13</v>
      </c>
    </row>
    <row r="61" spans="1:4" ht="18" customHeight="1" x14ac:dyDescent="0.2">
      <c r="A61" s="31">
        <v>46</v>
      </c>
      <c r="B61" s="27">
        <v>7</v>
      </c>
      <c r="C61" s="28">
        <v>5</v>
      </c>
      <c r="D61" s="29">
        <v>12</v>
      </c>
    </row>
    <row r="62" spans="1:4" ht="18" customHeight="1" x14ac:dyDescent="0.2">
      <c r="A62" s="31">
        <v>47</v>
      </c>
      <c r="B62" s="27">
        <v>4</v>
      </c>
      <c r="C62" s="28">
        <v>1</v>
      </c>
      <c r="D62" s="29">
        <v>5</v>
      </c>
    </row>
    <row r="63" spans="1:4" ht="18" customHeight="1" x14ac:dyDescent="0.2">
      <c r="A63" s="31">
        <v>48</v>
      </c>
      <c r="B63" s="27">
        <v>9</v>
      </c>
      <c r="C63" s="28">
        <v>11</v>
      </c>
      <c r="D63" s="29">
        <v>20</v>
      </c>
    </row>
    <row r="64" spans="1:4" ht="18" customHeight="1" x14ac:dyDescent="0.2">
      <c r="A64" s="31">
        <v>49</v>
      </c>
      <c r="B64" s="27">
        <v>3</v>
      </c>
      <c r="C64" s="28">
        <v>6</v>
      </c>
      <c r="D64" s="29">
        <v>9</v>
      </c>
    </row>
    <row r="65" spans="1:4" ht="18" customHeight="1" x14ac:dyDescent="0.2">
      <c r="A65" s="31" t="s">
        <v>76</v>
      </c>
      <c r="B65" s="27">
        <v>29</v>
      </c>
      <c r="C65" s="28">
        <v>30</v>
      </c>
      <c r="D65" s="29">
        <v>59</v>
      </c>
    </row>
    <row r="66" spans="1:4" ht="18" customHeight="1" x14ac:dyDescent="0.2">
      <c r="A66" s="31">
        <v>50</v>
      </c>
      <c r="B66" s="27">
        <v>5</v>
      </c>
      <c r="C66" s="28">
        <v>8</v>
      </c>
      <c r="D66" s="29">
        <v>13</v>
      </c>
    </row>
    <row r="67" spans="1:4" ht="18" customHeight="1" x14ac:dyDescent="0.2">
      <c r="A67" s="31">
        <v>51</v>
      </c>
      <c r="B67" s="27">
        <v>7</v>
      </c>
      <c r="C67" s="28">
        <v>3</v>
      </c>
      <c r="D67" s="29">
        <v>10</v>
      </c>
    </row>
    <row r="68" spans="1:4" ht="18" customHeight="1" x14ac:dyDescent="0.2">
      <c r="A68" s="31">
        <v>52</v>
      </c>
      <c r="B68" s="27">
        <v>4</v>
      </c>
      <c r="C68" s="28">
        <v>4</v>
      </c>
      <c r="D68" s="29">
        <v>8</v>
      </c>
    </row>
    <row r="69" spans="1:4" ht="18" customHeight="1" x14ac:dyDescent="0.2">
      <c r="A69" s="31">
        <v>53</v>
      </c>
      <c r="B69" s="27">
        <v>5</v>
      </c>
      <c r="C69" s="28">
        <v>8</v>
      </c>
      <c r="D69" s="29">
        <v>13</v>
      </c>
    </row>
    <row r="70" spans="1:4" ht="18" customHeight="1" x14ac:dyDescent="0.2">
      <c r="A70" s="31">
        <v>54</v>
      </c>
      <c r="B70" s="27">
        <v>7</v>
      </c>
      <c r="C70" s="28">
        <v>11</v>
      </c>
      <c r="D70" s="29">
        <v>18</v>
      </c>
    </row>
    <row r="71" spans="1:4" ht="18" customHeight="1" x14ac:dyDescent="0.2">
      <c r="A71" s="31" t="s">
        <v>77</v>
      </c>
      <c r="B71" s="27">
        <v>28</v>
      </c>
      <c r="C71" s="28">
        <v>34</v>
      </c>
      <c r="D71" s="29">
        <v>62</v>
      </c>
    </row>
    <row r="72" spans="1:4" ht="18" customHeight="1" x14ac:dyDescent="0.2">
      <c r="A72" s="31">
        <v>55</v>
      </c>
      <c r="B72" s="27">
        <v>12</v>
      </c>
      <c r="C72" s="28">
        <v>9</v>
      </c>
      <c r="D72" s="29">
        <v>21</v>
      </c>
    </row>
    <row r="73" spans="1:4" ht="18" customHeight="1" x14ac:dyDescent="0.2">
      <c r="A73" s="31">
        <v>56</v>
      </c>
      <c r="B73" s="27">
        <v>7</v>
      </c>
      <c r="C73" s="28">
        <v>5</v>
      </c>
      <c r="D73" s="29">
        <v>12</v>
      </c>
    </row>
    <row r="74" spans="1:4" ht="18" customHeight="1" x14ac:dyDescent="0.2">
      <c r="A74" s="31">
        <v>57</v>
      </c>
      <c r="B74" s="27">
        <v>9</v>
      </c>
      <c r="C74" s="28">
        <v>10</v>
      </c>
      <c r="D74" s="29">
        <v>19</v>
      </c>
    </row>
    <row r="75" spans="1:4" ht="18" customHeight="1" x14ac:dyDescent="0.2">
      <c r="A75" s="31">
        <v>58</v>
      </c>
      <c r="B75" s="27">
        <v>11</v>
      </c>
      <c r="C75" s="28">
        <v>12</v>
      </c>
      <c r="D75" s="29">
        <v>23</v>
      </c>
    </row>
    <row r="76" spans="1:4" ht="18" customHeight="1" x14ac:dyDescent="0.2">
      <c r="A76" s="31">
        <v>59</v>
      </c>
      <c r="B76" s="27">
        <v>7</v>
      </c>
      <c r="C76" s="28">
        <v>11</v>
      </c>
      <c r="D76" s="29">
        <v>18</v>
      </c>
    </row>
    <row r="77" spans="1:4" ht="18" customHeight="1" x14ac:dyDescent="0.2">
      <c r="A77" s="31" t="s">
        <v>78</v>
      </c>
      <c r="B77" s="27">
        <v>46</v>
      </c>
      <c r="C77" s="28">
        <v>47</v>
      </c>
      <c r="D77" s="29">
        <v>93</v>
      </c>
    </row>
    <row r="78" spans="1:4" ht="18" customHeight="1" x14ac:dyDescent="0.2">
      <c r="A78" s="31">
        <v>60</v>
      </c>
      <c r="B78" s="27">
        <v>12</v>
      </c>
      <c r="C78" s="28">
        <v>16</v>
      </c>
      <c r="D78" s="29">
        <v>28</v>
      </c>
    </row>
    <row r="79" spans="1:4" ht="18" customHeight="1" x14ac:dyDescent="0.2">
      <c r="A79" s="31">
        <v>61</v>
      </c>
      <c r="B79" s="27">
        <v>12</v>
      </c>
      <c r="C79" s="28">
        <v>14</v>
      </c>
      <c r="D79" s="29">
        <v>26</v>
      </c>
    </row>
    <row r="80" spans="1:4" ht="18" customHeight="1" x14ac:dyDescent="0.2">
      <c r="A80" s="31">
        <v>62</v>
      </c>
      <c r="B80" s="27">
        <v>11</v>
      </c>
      <c r="C80" s="28">
        <v>18</v>
      </c>
      <c r="D80" s="29">
        <v>29</v>
      </c>
    </row>
    <row r="81" spans="1:4" ht="18" customHeight="1" x14ac:dyDescent="0.2">
      <c r="A81" s="31">
        <v>63</v>
      </c>
      <c r="B81" s="27">
        <v>12</v>
      </c>
      <c r="C81" s="28">
        <v>7</v>
      </c>
      <c r="D81" s="29">
        <v>19</v>
      </c>
    </row>
    <row r="82" spans="1:4" ht="18" customHeight="1" x14ac:dyDescent="0.2">
      <c r="A82" s="31">
        <v>64</v>
      </c>
      <c r="B82" s="27">
        <v>12</v>
      </c>
      <c r="C82" s="28">
        <v>6</v>
      </c>
      <c r="D82" s="29">
        <v>18</v>
      </c>
    </row>
    <row r="83" spans="1:4" ht="18" customHeight="1" x14ac:dyDescent="0.2">
      <c r="A83" s="31" t="s">
        <v>79</v>
      </c>
      <c r="B83" s="27">
        <v>59</v>
      </c>
      <c r="C83" s="28">
        <v>61</v>
      </c>
      <c r="D83" s="29">
        <v>120</v>
      </c>
    </row>
    <row r="84" spans="1:4" ht="18" customHeight="1" x14ac:dyDescent="0.2">
      <c r="A84" s="31" t="s">
        <v>80</v>
      </c>
      <c r="B84" s="27">
        <v>351</v>
      </c>
      <c r="C84" s="28">
        <v>337</v>
      </c>
      <c r="D84" s="29">
        <v>688</v>
      </c>
    </row>
    <row r="85" spans="1:4" ht="18" customHeight="1" x14ac:dyDescent="0.2">
      <c r="A85" s="31">
        <v>65</v>
      </c>
      <c r="B85" s="27">
        <v>9</v>
      </c>
      <c r="C85" s="28">
        <v>14</v>
      </c>
      <c r="D85" s="29">
        <v>23</v>
      </c>
    </row>
    <row r="86" spans="1:4" ht="18" customHeight="1" x14ac:dyDescent="0.2">
      <c r="A86" s="31">
        <v>66</v>
      </c>
      <c r="B86" s="27">
        <v>7</v>
      </c>
      <c r="C86" s="28">
        <v>7</v>
      </c>
      <c r="D86" s="29">
        <v>14</v>
      </c>
    </row>
    <row r="87" spans="1:4" ht="18" customHeight="1" x14ac:dyDescent="0.2">
      <c r="A87" s="31">
        <v>67</v>
      </c>
      <c r="B87" s="27">
        <v>9</v>
      </c>
      <c r="C87" s="28">
        <v>11</v>
      </c>
      <c r="D87" s="29">
        <v>20</v>
      </c>
    </row>
    <row r="88" spans="1:4" ht="18" customHeight="1" x14ac:dyDescent="0.2">
      <c r="A88" s="31">
        <v>68</v>
      </c>
      <c r="B88" s="27">
        <v>10</v>
      </c>
      <c r="C88" s="28">
        <v>14</v>
      </c>
      <c r="D88" s="29">
        <v>24</v>
      </c>
    </row>
    <row r="89" spans="1:4" ht="18" customHeight="1" x14ac:dyDescent="0.2">
      <c r="A89" s="31">
        <v>69</v>
      </c>
      <c r="B89" s="27">
        <v>6</v>
      </c>
      <c r="C89" s="28">
        <v>7</v>
      </c>
      <c r="D89" s="29">
        <v>13</v>
      </c>
    </row>
    <row r="90" spans="1:4" ht="18" customHeight="1" x14ac:dyDescent="0.2">
      <c r="A90" s="31" t="s">
        <v>81</v>
      </c>
      <c r="B90" s="27">
        <v>41</v>
      </c>
      <c r="C90" s="28">
        <v>53</v>
      </c>
      <c r="D90" s="29">
        <v>94</v>
      </c>
    </row>
    <row r="91" spans="1:4" ht="18" customHeight="1" x14ac:dyDescent="0.2">
      <c r="A91" s="31">
        <v>70</v>
      </c>
      <c r="B91" s="27">
        <v>7</v>
      </c>
      <c r="C91" s="28">
        <v>8</v>
      </c>
      <c r="D91" s="29">
        <v>15</v>
      </c>
    </row>
    <row r="92" spans="1:4" ht="18" customHeight="1" x14ac:dyDescent="0.2">
      <c r="A92" s="31">
        <v>71</v>
      </c>
      <c r="B92" s="27">
        <v>5</v>
      </c>
      <c r="C92" s="28">
        <v>14</v>
      </c>
      <c r="D92" s="29">
        <v>19</v>
      </c>
    </row>
    <row r="93" spans="1:4" ht="18" customHeight="1" x14ac:dyDescent="0.2">
      <c r="A93" s="31">
        <v>72</v>
      </c>
      <c r="B93" s="27">
        <v>8</v>
      </c>
      <c r="C93" s="28">
        <v>4</v>
      </c>
      <c r="D93" s="29">
        <v>12</v>
      </c>
    </row>
    <row r="94" spans="1:4" ht="18" customHeight="1" x14ac:dyDescent="0.2">
      <c r="A94" s="31">
        <v>73</v>
      </c>
      <c r="B94" s="27">
        <v>7</v>
      </c>
      <c r="C94" s="28">
        <v>15</v>
      </c>
      <c r="D94" s="29">
        <v>22</v>
      </c>
    </row>
    <row r="95" spans="1:4" ht="18" customHeight="1" x14ac:dyDescent="0.2">
      <c r="A95" s="31">
        <v>74</v>
      </c>
      <c r="B95" s="27">
        <v>4</v>
      </c>
      <c r="C95" s="28">
        <v>7</v>
      </c>
      <c r="D95" s="29">
        <v>11</v>
      </c>
    </row>
    <row r="96" spans="1:4" ht="18" customHeight="1" x14ac:dyDescent="0.2">
      <c r="A96" s="31" t="s">
        <v>82</v>
      </c>
      <c r="B96" s="27">
        <v>31</v>
      </c>
      <c r="C96" s="28">
        <v>48</v>
      </c>
      <c r="D96" s="29">
        <v>79</v>
      </c>
    </row>
    <row r="97" spans="1:4" ht="18" customHeight="1" x14ac:dyDescent="0.2">
      <c r="A97" s="31">
        <v>75</v>
      </c>
      <c r="B97" s="27">
        <v>11</v>
      </c>
      <c r="C97" s="28">
        <v>7</v>
      </c>
      <c r="D97" s="29">
        <v>18</v>
      </c>
    </row>
    <row r="98" spans="1:4" ht="18" customHeight="1" x14ac:dyDescent="0.2">
      <c r="A98" s="31">
        <v>76</v>
      </c>
      <c r="B98" s="27">
        <v>11</v>
      </c>
      <c r="C98" s="28">
        <v>15</v>
      </c>
      <c r="D98" s="29">
        <v>26</v>
      </c>
    </row>
    <row r="99" spans="1:4" ht="18" customHeight="1" x14ac:dyDescent="0.2">
      <c r="A99" s="31">
        <v>77</v>
      </c>
      <c r="B99" s="27">
        <v>7</v>
      </c>
      <c r="C99" s="28">
        <v>12</v>
      </c>
      <c r="D99" s="29">
        <v>19</v>
      </c>
    </row>
    <row r="100" spans="1:4" ht="18" customHeight="1" x14ac:dyDescent="0.2">
      <c r="A100" s="31">
        <v>78</v>
      </c>
      <c r="B100" s="27">
        <v>4</v>
      </c>
      <c r="C100" s="28">
        <v>13</v>
      </c>
      <c r="D100" s="29">
        <v>17</v>
      </c>
    </row>
    <row r="101" spans="1:4" ht="18" customHeight="1" x14ac:dyDescent="0.2">
      <c r="A101" s="31">
        <v>79</v>
      </c>
      <c r="B101" s="27">
        <v>5</v>
      </c>
      <c r="C101" s="28">
        <v>12</v>
      </c>
      <c r="D101" s="29">
        <v>17</v>
      </c>
    </row>
    <row r="102" spans="1:4" ht="18" customHeight="1" x14ac:dyDescent="0.2">
      <c r="A102" s="31" t="s">
        <v>83</v>
      </c>
      <c r="B102" s="27">
        <v>38</v>
      </c>
      <c r="C102" s="28">
        <v>59</v>
      </c>
      <c r="D102" s="29">
        <v>97</v>
      </c>
    </row>
    <row r="103" spans="1:4" ht="18" customHeight="1" x14ac:dyDescent="0.2">
      <c r="A103" s="31">
        <v>80</v>
      </c>
      <c r="B103" s="27">
        <v>6</v>
      </c>
      <c r="C103" s="28">
        <v>9</v>
      </c>
      <c r="D103" s="29">
        <v>15</v>
      </c>
    </row>
    <row r="104" spans="1:4" ht="18" customHeight="1" x14ac:dyDescent="0.2">
      <c r="A104" s="31">
        <v>81</v>
      </c>
      <c r="B104" s="27">
        <v>5</v>
      </c>
      <c r="C104" s="28">
        <v>6</v>
      </c>
      <c r="D104" s="29">
        <v>11</v>
      </c>
    </row>
    <row r="105" spans="1:4" ht="18" customHeight="1" x14ac:dyDescent="0.2">
      <c r="A105" s="31">
        <v>82</v>
      </c>
      <c r="B105" s="27">
        <v>8</v>
      </c>
      <c r="C105" s="28">
        <v>7</v>
      </c>
      <c r="D105" s="29">
        <v>15</v>
      </c>
    </row>
    <row r="106" spans="1:4" ht="18" customHeight="1" x14ac:dyDescent="0.2">
      <c r="A106" s="31">
        <v>83</v>
      </c>
      <c r="B106" s="27">
        <v>8</v>
      </c>
      <c r="C106" s="28">
        <v>10</v>
      </c>
      <c r="D106" s="29">
        <v>18</v>
      </c>
    </row>
    <row r="107" spans="1:4" ht="18" customHeight="1" x14ac:dyDescent="0.2">
      <c r="A107" s="31">
        <v>84</v>
      </c>
      <c r="B107" s="27">
        <v>3</v>
      </c>
      <c r="C107" s="28">
        <v>3</v>
      </c>
      <c r="D107" s="29">
        <v>6</v>
      </c>
    </row>
    <row r="108" spans="1:4" ht="18" customHeight="1" x14ac:dyDescent="0.2">
      <c r="A108" s="31" t="s">
        <v>84</v>
      </c>
      <c r="B108" s="27">
        <v>30</v>
      </c>
      <c r="C108" s="28">
        <v>35</v>
      </c>
      <c r="D108" s="29">
        <v>65</v>
      </c>
    </row>
    <row r="109" spans="1:4" ht="18" customHeight="1" x14ac:dyDescent="0.2">
      <c r="A109" s="31">
        <v>85</v>
      </c>
      <c r="B109" s="27">
        <v>4</v>
      </c>
      <c r="C109" s="28">
        <v>9</v>
      </c>
      <c r="D109" s="29">
        <v>13</v>
      </c>
    </row>
    <row r="110" spans="1:4" ht="18" customHeight="1" x14ac:dyDescent="0.2">
      <c r="A110" s="31">
        <v>86</v>
      </c>
      <c r="B110" s="27">
        <v>3</v>
      </c>
      <c r="C110" s="28">
        <v>5</v>
      </c>
      <c r="D110" s="29">
        <v>8</v>
      </c>
    </row>
    <row r="111" spans="1:4" ht="18" customHeight="1" x14ac:dyDescent="0.2">
      <c r="A111" s="31">
        <v>87</v>
      </c>
      <c r="B111" s="27">
        <v>0</v>
      </c>
      <c r="C111" s="28">
        <v>5</v>
      </c>
      <c r="D111" s="29">
        <v>5</v>
      </c>
    </row>
    <row r="112" spans="1:4" ht="18" customHeight="1" x14ac:dyDescent="0.2">
      <c r="A112" s="31">
        <v>88</v>
      </c>
      <c r="B112" s="27">
        <v>4</v>
      </c>
      <c r="C112" s="28">
        <v>3</v>
      </c>
      <c r="D112" s="29">
        <v>7</v>
      </c>
    </row>
    <row r="113" spans="1:4" ht="18" customHeight="1" x14ac:dyDescent="0.2">
      <c r="A113" s="31">
        <v>89</v>
      </c>
      <c r="B113" s="27">
        <v>2</v>
      </c>
      <c r="C113" s="28">
        <v>4</v>
      </c>
      <c r="D113" s="29">
        <v>6</v>
      </c>
    </row>
    <row r="114" spans="1:4" ht="18" customHeight="1" x14ac:dyDescent="0.2">
      <c r="A114" s="31" t="s">
        <v>85</v>
      </c>
      <c r="B114" s="27">
        <v>13</v>
      </c>
      <c r="C114" s="28">
        <v>26</v>
      </c>
      <c r="D114" s="29">
        <v>39</v>
      </c>
    </row>
    <row r="115" spans="1:4" ht="18" customHeight="1" x14ac:dyDescent="0.2">
      <c r="A115" s="31">
        <v>90</v>
      </c>
      <c r="B115" s="27">
        <v>0</v>
      </c>
      <c r="C115" s="28">
        <v>4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86</v>
      </c>
      <c r="B120" s="27">
        <v>2</v>
      </c>
      <c r="C120" s="28">
        <v>14</v>
      </c>
      <c r="D120" s="29">
        <v>16</v>
      </c>
    </row>
    <row r="121" spans="1:4" ht="18" customHeight="1" x14ac:dyDescent="0.2">
      <c r="A121" s="31">
        <v>95</v>
      </c>
      <c r="B121" s="27">
        <v>1</v>
      </c>
      <c r="C121" s="28">
        <v>1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87</v>
      </c>
      <c r="B126" s="27">
        <v>1</v>
      </c>
      <c r="C126" s="28">
        <v>5</v>
      </c>
      <c r="D126" s="29">
        <v>6</v>
      </c>
    </row>
    <row r="127" spans="1:4" ht="18" customHeight="1" x14ac:dyDescent="0.2">
      <c r="A127" s="31">
        <v>100</v>
      </c>
      <c r="B127" s="27">
        <v>1</v>
      </c>
      <c r="C127" s="28">
        <v>0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90</v>
      </c>
      <c r="B130" s="4">
        <v>157</v>
      </c>
      <c r="C130" s="5">
        <v>240</v>
      </c>
      <c r="D130" s="6">
        <v>397</v>
      </c>
    </row>
    <row r="131" spans="1:4" ht="18" customHeight="1" x14ac:dyDescent="0.2">
      <c r="A131" s="33" t="s">
        <v>65</v>
      </c>
      <c r="B131" s="7">
        <v>577</v>
      </c>
      <c r="C131" s="8">
        <v>636</v>
      </c>
      <c r="D131" s="9">
        <v>121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44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1</v>
      </c>
      <c r="C6" s="28">
        <v>3</v>
      </c>
      <c r="D6" s="29">
        <v>4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66</v>
      </c>
      <c r="B10" s="27">
        <v>3</v>
      </c>
      <c r="C10" s="28">
        <v>5</v>
      </c>
      <c r="D10" s="29">
        <v>8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1</v>
      </c>
      <c r="C14" s="28">
        <v>1</v>
      </c>
      <c r="D14" s="29">
        <v>2</v>
      </c>
    </row>
    <row r="15" spans="1:4" ht="18" customHeight="1" x14ac:dyDescent="0.2">
      <c r="A15" s="31">
        <v>9</v>
      </c>
      <c r="B15" s="35">
        <v>1</v>
      </c>
      <c r="C15" s="28">
        <v>0</v>
      </c>
      <c r="D15" s="29">
        <v>1</v>
      </c>
    </row>
    <row r="16" spans="1:4" ht="18" customHeight="1" x14ac:dyDescent="0.2">
      <c r="A16" s="31" t="s">
        <v>67</v>
      </c>
      <c r="B16" s="27">
        <v>3</v>
      </c>
      <c r="C16" s="28">
        <v>2</v>
      </c>
      <c r="D16" s="29">
        <v>5</v>
      </c>
    </row>
    <row r="17" spans="1:4" ht="18" customHeight="1" x14ac:dyDescent="0.2">
      <c r="A17" s="31">
        <v>10</v>
      </c>
      <c r="B17" s="27">
        <v>0</v>
      </c>
      <c r="C17" s="28">
        <v>2</v>
      </c>
      <c r="D17" s="29">
        <v>2</v>
      </c>
    </row>
    <row r="18" spans="1:4" ht="18" customHeight="1" x14ac:dyDescent="0.2">
      <c r="A18" s="31">
        <v>11</v>
      </c>
      <c r="B18" s="27">
        <v>3</v>
      </c>
      <c r="C18" s="28">
        <v>1</v>
      </c>
      <c r="D18" s="29">
        <v>4</v>
      </c>
    </row>
    <row r="19" spans="1:4" ht="18" customHeight="1" x14ac:dyDescent="0.2">
      <c r="A19" s="31">
        <v>12</v>
      </c>
      <c r="B19" s="27">
        <v>3</v>
      </c>
      <c r="C19" s="28">
        <v>1</v>
      </c>
      <c r="D19" s="29">
        <v>4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2</v>
      </c>
      <c r="C21" s="28">
        <v>3</v>
      </c>
      <c r="D21" s="29">
        <v>5</v>
      </c>
    </row>
    <row r="22" spans="1:4" ht="18" customHeight="1" x14ac:dyDescent="0.2">
      <c r="A22" s="31" t="s">
        <v>68</v>
      </c>
      <c r="B22" s="27">
        <v>8</v>
      </c>
      <c r="C22" s="28">
        <v>8</v>
      </c>
      <c r="D22" s="29">
        <v>16</v>
      </c>
    </row>
    <row r="23" spans="1:4" ht="18" customHeight="1" x14ac:dyDescent="0.2">
      <c r="A23" s="31" t="s">
        <v>69</v>
      </c>
      <c r="B23" s="27">
        <v>14</v>
      </c>
      <c r="C23" s="28">
        <v>15</v>
      </c>
      <c r="D23" s="29">
        <v>29</v>
      </c>
    </row>
    <row r="24" spans="1:4" ht="18" customHeight="1" x14ac:dyDescent="0.2">
      <c r="A24" s="31">
        <v>15</v>
      </c>
      <c r="B24" s="27">
        <v>1</v>
      </c>
      <c r="C24" s="28">
        <v>4</v>
      </c>
      <c r="D24" s="29">
        <v>5</v>
      </c>
    </row>
    <row r="25" spans="1:4" ht="18" customHeight="1" x14ac:dyDescent="0.2">
      <c r="A25" s="31">
        <v>16</v>
      </c>
      <c r="B25" s="27">
        <v>1</v>
      </c>
      <c r="C25" s="28">
        <v>3</v>
      </c>
      <c r="D25" s="29">
        <v>4</v>
      </c>
    </row>
    <row r="26" spans="1:4" ht="18" customHeight="1" x14ac:dyDescent="0.2">
      <c r="A26" s="31">
        <v>17</v>
      </c>
      <c r="B26" s="27">
        <v>2</v>
      </c>
      <c r="C26" s="28">
        <v>0</v>
      </c>
      <c r="D26" s="29">
        <v>2</v>
      </c>
    </row>
    <row r="27" spans="1:4" ht="18" customHeight="1" x14ac:dyDescent="0.2">
      <c r="A27" s="31">
        <v>18</v>
      </c>
      <c r="B27" s="27">
        <v>2</v>
      </c>
      <c r="C27" s="28">
        <v>4</v>
      </c>
      <c r="D27" s="29">
        <v>6</v>
      </c>
    </row>
    <row r="28" spans="1:4" ht="18" customHeight="1" x14ac:dyDescent="0.2">
      <c r="A28" s="31">
        <v>19</v>
      </c>
      <c r="B28" s="27">
        <v>1</v>
      </c>
      <c r="C28" s="28">
        <v>4</v>
      </c>
      <c r="D28" s="29">
        <v>5</v>
      </c>
    </row>
    <row r="29" spans="1:4" ht="18" customHeight="1" x14ac:dyDescent="0.2">
      <c r="A29" s="31" t="s">
        <v>70</v>
      </c>
      <c r="B29" s="27">
        <v>7</v>
      </c>
      <c r="C29" s="28">
        <v>15</v>
      </c>
      <c r="D29" s="29">
        <v>22</v>
      </c>
    </row>
    <row r="30" spans="1:4" ht="18" customHeight="1" x14ac:dyDescent="0.2">
      <c r="A30" s="31">
        <v>20</v>
      </c>
      <c r="B30" s="27">
        <v>2</v>
      </c>
      <c r="C30" s="28">
        <v>2</v>
      </c>
      <c r="D30" s="29">
        <v>4</v>
      </c>
    </row>
    <row r="31" spans="1:4" ht="18" customHeight="1" x14ac:dyDescent="0.2">
      <c r="A31" s="31">
        <v>21</v>
      </c>
      <c r="B31" s="27">
        <v>3</v>
      </c>
      <c r="C31" s="28">
        <v>2</v>
      </c>
      <c r="D31" s="29">
        <v>5</v>
      </c>
    </row>
    <row r="32" spans="1:4" ht="18" customHeight="1" x14ac:dyDescent="0.2">
      <c r="A32" s="31">
        <v>22</v>
      </c>
      <c r="B32" s="27">
        <v>2</v>
      </c>
      <c r="C32" s="28">
        <v>3</v>
      </c>
      <c r="D32" s="29">
        <v>5</v>
      </c>
    </row>
    <row r="33" spans="1:4" ht="18" customHeight="1" x14ac:dyDescent="0.2">
      <c r="A33" s="31">
        <v>23</v>
      </c>
      <c r="B33" s="27">
        <v>2</v>
      </c>
      <c r="C33" s="28">
        <v>2</v>
      </c>
      <c r="D33" s="29">
        <v>4</v>
      </c>
    </row>
    <row r="34" spans="1:4" ht="18" customHeight="1" x14ac:dyDescent="0.2">
      <c r="A34" s="31">
        <v>24</v>
      </c>
      <c r="B34" s="27">
        <v>5</v>
      </c>
      <c r="C34" s="28">
        <v>2</v>
      </c>
      <c r="D34" s="29">
        <v>7</v>
      </c>
    </row>
    <row r="35" spans="1:4" ht="18" customHeight="1" x14ac:dyDescent="0.2">
      <c r="A35" s="31" t="s">
        <v>71</v>
      </c>
      <c r="B35" s="27">
        <v>14</v>
      </c>
      <c r="C35" s="28">
        <v>11</v>
      </c>
      <c r="D35" s="29">
        <v>25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3</v>
      </c>
      <c r="C37" s="28">
        <v>1</v>
      </c>
      <c r="D37" s="29">
        <v>4</v>
      </c>
    </row>
    <row r="38" spans="1:4" ht="18" customHeight="1" x14ac:dyDescent="0.2">
      <c r="A38" s="31">
        <v>27</v>
      </c>
      <c r="B38" s="27">
        <v>1</v>
      </c>
      <c r="C38" s="28">
        <v>3</v>
      </c>
      <c r="D38" s="29">
        <v>4</v>
      </c>
    </row>
    <row r="39" spans="1:4" ht="18" customHeight="1" x14ac:dyDescent="0.2">
      <c r="A39" s="31">
        <v>28</v>
      </c>
      <c r="B39" s="27">
        <v>0</v>
      </c>
      <c r="C39" s="28">
        <v>2</v>
      </c>
      <c r="D39" s="29">
        <v>2</v>
      </c>
    </row>
    <row r="40" spans="1:4" ht="18" customHeight="1" x14ac:dyDescent="0.2">
      <c r="A40" s="31">
        <v>29</v>
      </c>
      <c r="B40" s="27">
        <v>2</v>
      </c>
      <c r="C40" s="28">
        <v>3</v>
      </c>
      <c r="D40" s="29">
        <v>5</v>
      </c>
    </row>
    <row r="41" spans="1:4" ht="18" customHeight="1" x14ac:dyDescent="0.2">
      <c r="A41" s="31" t="s">
        <v>72</v>
      </c>
      <c r="B41" s="27">
        <v>6</v>
      </c>
      <c r="C41" s="28">
        <v>10</v>
      </c>
      <c r="D41" s="29">
        <v>16</v>
      </c>
    </row>
    <row r="42" spans="1:4" ht="18" customHeight="1" x14ac:dyDescent="0.2">
      <c r="A42" s="31">
        <v>30</v>
      </c>
      <c r="B42" s="27">
        <v>1</v>
      </c>
      <c r="C42" s="28">
        <v>2</v>
      </c>
      <c r="D42" s="29">
        <v>3</v>
      </c>
    </row>
    <row r="43" spans="1:4" ht="18" customHeight="1" x14ac:dyDescent="0.2">
      <c r="A43" s="31">
        <v>31</v>
      </c>
      <c r="B43" s="27">
        <v>2</v>
      </c>
      <c r="C43" s="28">
        <v>0</v>
      </c>
      <c r="D43" s="29">
        <v>2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1</v>
      </c>
      <c r="D45" s="29">
        <v>1</v>
      </c>
    </row>
    <row r="46" spans="1:4" ht="18" customHeight="1" x14ac:dyDescent="0.2">
      <c r="A46" s="31">
        <v>34</v>
      </c>
      <c r="B46" s="27">
        <v>1</v>
      </c>
      <c r="C46" s="28">
        <v>3</v>
      </c>
      <c r="D46" s="29">
        <v>4</v>
      </c>
    </row>
    <row r="47" spans="1:4" ht="18" customHeight="1" x14ac:dyDescent="0.2">
      <c r="A47" s="31" t="s">
        <v>73</v>
      </c>
      <c r="B47" s="27">
        <v>5</v>
      </c>
      <c r="C47" s="28">
        <v>6</v>
      </c>
      <c r="D47" s="29">
        <v>11</v>
      </c>
    </row>
    <row r="48" spans="1:4" ht="18" customHeight="1" x14ac:dyDescent="0.2">
      <c r="A48" s="31">
        <v>35</v>
      </c>
      <c r="B48" s="27">
        <v>1</v>
      </c>
      <c r="C48" s="28">
        <v>3</v>
      </c>
      <c r="D48" s="29">
        <v>4</v>
      </c>
    </row>
    <row r="49" spans="1:4" ht="18" customHeight="1" x14ac:dyDescent="0.2">
      <c r="A49" s="31">
        <v>36</v>
      </c>
      <c r="B49" s="27">
        <v>4</v>
      </c>
      <c r="C49" s="28">
        <v>1</v>
      </c>
      <c r="D49" s="29">
        <v>5</v>
      </c>
    </row>
    <row r="50" spans="1:4" ht="18" customHeight="1" x14ac:dyDescent="0.2">
      <c r="A50" s="31">
        <v>37</v>
      </c>
      <c r="B50" s="27">
        <v>2</v>
      </c>
      <c r="C50" s="28">
        <v>4</v>
      </c>
      <c r="D50" s="29">
        <v>6</v>
      </c>
    </row>
    <row r="51" spans="1:4" ht="18" customHeight="1" x14ac:dyDescent="0.2">
      <c r="A51" s="31">
        <v>38</v>
      </c>
      <c r="B51" s="27">
        <v>1</v>
      </c>
      <c r="C51" s="28">
        <v>2</v>
      </c>
      <c r="D51" s="29">
        <v>3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74</v>
      </c>
      <c r="B53" s="27">
        <v>10</v>
      </c>
      <c r="C53" s="28">
        <v>11</v>
      </c>
      <c r="D53" s="29">
        <v>21</v>
      </c>
    </row>
    <row r="54" spans="1:4" ht="18" customHeight="1" x14ac:dyDescent="0.2">
      <c r="A54" s="31">
        <v>40</v>
      </c>
      <c r="B54" s="27">
        <v>2</v>
      </c>
      <c r="C54" s="28">
        <v>0</v>
      </c>
      <c r="D54" s="29">
        <v>2</v>
      </c>
    </row>
    <row r="55" spans="1:4" ht="18" customHeight="1" x14ac:dyDescent="0.2">
      <c r="A55" s="31">
        <v>41</v>
      </c>
      <c r="B55" s="27">
        <v>2</v>
      </c>
      <c r="C55" s="28">
        <v>2</v>
      </c>
      <c r="D55" s="29">
        <v>4</v>
      </c>
    </row>
    <row r="56" spans="1:4" ht="18" customHeight="1" x14ac:dyDescent="0.2">
      <c r="A56" s="31">
        <v>42</v>
      </c>
      <c r="B56" s="27">
        <v>1</v>
      </c>
      <c r="C56" s="28">
        <v>3</v>
      </c>
      <c r="D56" s="29">
        <v>4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75</v>
      </c>
      <c r="B59" s="27">
        <v>5</v>
      </c>
      <c r="C59" s="28">
        <v>7</v>
      </c>
      <c r="D59" s="29">
        <v>12</v>
      </c>
    </row>
    <row r="60" spans="1:4" ht="18" customHeight="1" x14ac:dyDescent="0.2">
      <c r="A60" s="31">
        <v>45</v>
      </c>
      <c r="B60" s="27">
        <v>2</v>
      </c>
      <c r="C60" s="28">
        <v>2</v>
      </c>
      <c r="D60" s="29">
        <v>4</v>
      </c>
    </row>
    <row r="61" spans="1:4" ht="18" customHeight="1" x14ac:dyDescent="0.2">
      <c r="A61" s="31">
        <v>46</v>
      </c>
      <c r="B61" s="27">
        <v>1</v>
      </c>
      <c r="C61" s="28">
        <v>2</v>
      </c>
      <c r="D61" s="29">
        <v>3</v>
      </c>
    </row>
    <row r="62" spans="1:4" ht="18" customHeight="1" x14ac:dyDescent="0.2">
      <c r="A62" s="31">
        <v>47</v>
      </c>
      <c r="B62" s="27">
        <v>3</v>
      </c>
      <c r="C62" s="28">
        <v>1</v>
      </c>
      <c r="D62" s="29">
        <v>4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3</v>
      </c>
      <c r="C64" s="28">
        <v>3</v>
      </c>
      <c r="D64" s="29">
        <v>6</v>
      </c>
    </row>
    <row r="65" spans="1:4" ht="18" customHeight="1" x14ac:dyDescent="0.2">
      <c r="A65" s="31" t="s">
        <v>76</v>
      </c>
      <c r="B65" s="27">
        <v>10</v>
      </c>
      <c r="C65" s="28">
        <v>8</v>
      </c>
      <c r="D65" s="29">
        <v>18</v>
      </c>
    </row>
    <row r="66" spans="1:4" ht="18" customHeight="1" x14ac:dyDescent="0.2">
      <c r="A66" s="31">
        <v>50</v>
      </c>
      <c r="B66" s="27">
        <v>2</v>
      </c>
      <c r="C66" s="28">
        <v>3</v>
      </c>
      <c r="D66" s="29">
        <v>5</v>
      </c>
    </row>
    <row r="67" spans="1:4" ht="18" customHeight="1" x14ac:dyDescent="0.2">
      <c r="A67" s="31">
        <v>51</v>
      </c>
      <c r="B67" s="27">
        <v>4</v>
      </c>
      <c r="C67" s="28">
        <v>5</v>
      </c>
      <c r="D67" s="29">
        <v>9</v>
      </c>
    </row>
    <row r="68" spans="1:4" ht="18" customHeight="1" x14ac:dyDescent="0.2">
      <c r="A68" s="31">
        <v>52</v>
      </c>
      <c r="B68" s="27">
        <v>3</v>
      </c>
      <c r="C68" s="28">
        <v>3</v>
      </c>
      <c r="D68" s="29">
        <v>6</v>
      </c>
    </row>
    <row r="69" spans="1:4" ht="18" customHeight="1" x14ac:dyDescent="0.2">
      <c r="A69" s="31">
        <v>53</v>
      </c>
      <c r="B69" s="27">
        <v>2</v>
      </c>
      <c r="C69" s="28">
        <v>4</v>
      </c>
      <c r="D69" s="29">
        <v>6</v>
      </c>
    </row>
    <row r="70" spans="1:4" ht="18" customHeight="1" x14ac:dyDescent="0.2">
      <c r="A70" s="31">
        <v>54</v>
      </c>
      <c r="B70" s="27">
        <v>3</v>
      </c>
      <c r="C70" s="28">
        <v>3</v>
      </c>
      <c r="D70" s="29">
        <v>6</v>
      </c>
    </row>
    <row r="71" spans="1:4" ht="18" customHeight="1" x14ac:dyDescent="0.2">
      <c r="A71" s="31" t="s">
        <v>77</v>
      </c>
      <c r="B71" s="27">
        <v>14</v>
      </c>
      <c r="C71" s="28">
        <v>18</v>
      </c>
      <c r="D71" s="29">
        <v>32</v>
      </c>
    </row>
    <row r="72" spans="1:4" ht="18" customHeight="1" x14ac:dyDescent="0.2">
      <c r="A72" s="31">
        <v>55</v>
      </c>
      <c r="B72" s="27">
        <v>4</v>
      </c>
      <c r="C72" s="28">
        <v>6</v>
      </c>
      <c r="D72" s="29">
        <v>10</v>
      </c>
    </row>
    <row r="73" spans="1:4" ht="18" customHeight="1" x14ac:dyDescent="0.2">
      <c r="A73" s="31">
        <v>56</v>
      </c>
      <c r="B73" s="27">
        <v>2</v>
      </c>
      <c r="C73" s="28">
        <v>3</v>
      </c>
      <c r="D73" s="29">
        <v>5</v>
      </c>
    </row>
    <row r="74" spans="1:4" ht="18" customHeight="1" x14ac:dyDescent="0.2">
      <c r="A74" s="31">
        <v>57</v>
      </c>
      <c r="B74" s="27">
        <v>2</v>
      </c>
      <c r="C74" s="28">
        <v>2</v>
      </c>
      <c r="D74" s="29">
        <v>4</v>
      </c>
    </row>
    <row r="75" spans="1:4" ht="18" customHeight="1" x14ac:dyDescent="0.2">
      <c r="A75" s="31">
        <v>58</v>
      </c>
      <c r="B75" s="27">
        <v>6</v>
      </c>
      <c r="C75" s="28">
        <v>5</v>
      </c>
      <c r="D75" s="29">
        <v>11</v>
      </c>
    </row>
    <row r="76" spans="1:4" ht="18" customHeight="1" x14ac:dyDescent="0.2">
      <c r="A76" s="31">
        <v>59</v>
      </c>
      <c r="B76" s="27">
        <v>9</v>
      </c>
      <c r="C76" s="28">
        <v>6</v>
      </c>
      <c r="D76" s="29">
        <v>15</v>
      </c>
    </row>
    <row r="77" spans="1:4" ht="18" customHeight="1" x14ac:dyDescent="0.2">
      <c r="A77" s="31" t="s">
        <v>78</v>
      </c>
      <c r="B77" s="27">
        <v>23</v>
      </c>
      <c r="C77" s="28">
        <v>22</v>
      </c>
      <c r="D77" s="29">
        <v>45</v>
      </c>
    </row>
    <row r="78" spans="1:4" ht="18" customHeight="1" x14ac:dyDescent="0.2">
      <c r="A78" s="31">
        <v>60</v>
      </c>
      <c r="B78" s="27">
        <v>3</v>
      </c>
      <c r="C78" s="28">
        <v>4</v>
      </c>
      <c r="D78" s="29">
        <v>7</v>
      </c>
    </row>
    <row r="79" spans="1:4" ht="18" customHeight="1" x14ac:dyDescent="0.2">
      <c r="A79" s="31">
        <v>61</v>
      </c>
      <c r="B79" s="27">
        <v>7</v>
      </c>
      <c r="C79" s="28">
        <v>3</v>
      </c>
      <c r="D79" s="29">
        <v>10</v>
      </c>
    </row>
    <row r="80" spans="1:4" ht="18" customHeight="1" x14ac:dyDescent="0.2">
      <c r="A80" s="31">
        <v>62</v>
      </c>
      <c r="B80" s="27">
        <v>3</v>
      </c>
      <c r="C80" s="28">
        <v>4</v>
      </c>
      <c r="D80" s="29">
        <v>7</v>
      </c>
    </row>
    <row r="81" spans="1:4" ht="18" customHeight="1" x14ac:dyDescent="0.2">
      <c r="A81" s="31">
        <v>63</v>
      </c>
      <c r="B81" s="27">
        <v>1</v>
      </c>
      <c r="C81" s="28">
        <v>2</v>
      </c>
      <c r="D81" s="29">
        <v>3</v>
      </c>
    </row>
    <row r="82" spans="1:4" ht="18" customHeight="1" x14ac:dyDescent="0.2">
      <c r="A82" s="31">
        <v>64</v>
      </c>
      <c r="B82" s="27">
        <v>4</v>
      </c>
      <c r="C82" s="28">
        <v>4</v>
      </c>
      <c r="D82" s="29">
        <v>8</v>
      </c>
    </row>
    <row r="83" spans="1:4" ht="18" customHeight="1" x14ac:dyDescent="0.2">
      <c r="A83" s="31" t="s">
        <v>79</v>
      </c>
      <c r="B83" s="27">
        <v>18</v>
      </c>
      <c r="C83" s="28">
        <v>17</v>
      </c>
      <c r="D83" s="29">
        <v>35</v>
      </c>
    </row>
    <row r="84" spans="1:4" ht="18" customHeight="1" x14ac:dyDescent="0.2">
      <c r="A84" s="31" t="s">
        <v>80</v>
      </c>
      <c r="B84" s="27">
        <v>112</v>
      </c>
      <c r="C84" s="28">
        <v>125</v>
      </c>
      <c r="D84" s="29">
        <v>237</v>
      </c>
    </row>
    <row r="85" spans="1:4" ht="18" customHeight="1" x14ac:dyDescent="0.2">
      <c r="A85" s="31">
        <v>65</v>
      </c>
      <c r="B85" s="27">
        <v>4</v>
      </c>
      <c r="C85" s="28">
        <v>4</v>
      </c>
      <c r="D85" s="29">
        <v>8</v>
      </c>
    </row>
    <row r="86" spans="1:4" ht="18" customHeight="1" x14ac:dyDescent="0.2">
      <c r="A86" s="31">
        <v>66</v>
      </c>
      <c r="B86" s="27">
        <v>6</v>
      </c>
      <c r="C86" s="28">
        <v>2</v>
      </c>
      <c r="D86" s="29">
        <v>8</v>
      </c>
    </row>
    <row r="87" spans="1:4" ht="18" customHeight="1" x14ac:dyDescent="0.2">
      <c r="A87" s="31">
        <v>67</v>
      </c>
      <c r="B87" s="27">
        <v>2</v>
      </c>
      <c r="C87" s="28">
        <v>6</v>
      </c>
      <c r="D87" s="29">
        <v>8</v>
      </c>
    </row>
    <row r="88" spans="1:4" ht="18" customHeight="1" x14ac:dyDescent="0.2">
      <c r="A88" s="31">
        <v>68</v>
      </c>
      <c r="B88" s="27">
        <v>6</v>
      </c>
      <c r="C88" s="28">
        <v>3</v>
      </c>
      <c r="D88" s="29">
        <v>9</v>
      </c>
    </row>
    <row r="89" spans="1:4" ht="18" customHeight="1" x14ac:dyDescent="0.2">
      <c r="A89" s="31">
        <v>69</v>
      </c>
      <c r="B89" s="27">
        <v>0</v>
      </c>
      <c r="C89" s="28">
        <v>4</v>
      </c>
      <c r="D89" s="29">
        <v>4</v>
      </c>
    </row>
    <row r="90" spans="1:4" ht="18" customHeight="1" x14ac:dyDescent="0.2">
      <c r="A90" s="31" t="s">
        <v>81</v>
      </c>
      <c r="B90" s="27">
        <v>18</v>
      </c>
      <c r="C90" s="28">
        <v>19</v>
      </c>
      <c r="D90" s="29">
        <v>37</v>
      </c>
    </row>
    <row r="91" spans="1:4" ht="18" customHeight="1" x14ac:dyDescent="0.2">
      <c r="A91" s="31">
        <v>70</v>
      </c>
      <c r="B91" s="27">
        <v>2</v>
      </c>
      <c r="C91" s="28">
        <v>1</v>
      </c>
      <c r="D91" s="29">
        <v>3</v>
      </c>
    </row>
    <row r="92" spans="1:4" ht="18" customHeight="1" x14ac:dyDescent="0.2">
      <c r="A92" s="31">
        <v>71</v>
      </c>
      <c r="B92" s="27">
        <v>4</v>
      </c>
      <c r="C92" s="28">
        <v>5</v>
      </c>
      <c r="D92" s="29">
        <v>9</v>
      </c>
    </row>
    <row r="93" spans="1:4" ht="18" customHeight="1" x14ac:dyDescent="0.2">
      <c r="A93" s="31">
        <v>72</v>
      </c>
      <c r="B93" s="27">
        <v>0</v>
      </c>
      <c r="C93" s="28">
        <v>2</v>
      </c>
      <c r="D93" s="29">
        <v>2</v>
      </c>
    </row>
    <row r="94" spans="1:4" ht="18" customHeight="1" x14ac:dyDescent="0.2">
      <c r="A94" s="31">
        <v>73</v>
      </c>
      <c r="B94" s="27">
        <v>4</v>
      </c>
      <c r="C94" s="28">
        <v>3</v>
      </c>
      <c r="D94" s="29">
        <v>7</v>
      </c>
    </row>
    <row r="95" spans="1:4" ht="18" customHeight="1" x14ac:dyDescent="0.2">
      <c r="A95" s="31">
        <v>74</v>
      </c>
      <c r="B95" s="27">
        <v>1</v>
      </c>
      <c r="C95" s="28">
        <v>4</v>
      </c>
      <c r="D95" s="29">
        <v>5</v>
      </c>
    </row>
    <row r="96" spans="1:4" ht="18" customHeight="1" x14ac:dyDescent="0.2">
      <c r="A96" s="31" t="s">
        <v>82</v>
      </c>
      <c r="B96" s="27">
        <v>11</v>
      </c>
      <c r="C96" s="28">
        <v>15</v>
      </c>
      <c r="D96" s="29">
        <v>26</v>
      </c>
    </row>
    <row r="97" spans="1:4" ht="18" customHeight="1" x14ac:dyDescent="0.2">
      <c r="A97" s="31">
        <v>75</v>
      </c>
      <c r="B97" s="27">
        <v>2</v>
      </c>
      <c r="C97" s="28">
        <v>1</v>
      </c>
      <c r="D97" s="29">
        <v>3</v>
      </c>
    </row>
    <row r="98" spans="1:4" ht="18" customHeight="1" x14ac:dyDescent="0.2">
      <c r="A98" s="31">
        <v>76</v>
      </c>
      <c r="B98" s="27">
        <v>2</v>
      </c>
      <c r="C98" s="28">
        <v>8</v>
      </c>
      <c r="D98" s="29">
        <v>10</v>
      </c>
    </row>
    <row r="99" spans="1:4" ht="18" customHeight="1" x14ac:dyDescent="0.2">
      <c r="A99" s="31">
        <v>77</v>
      </c>
      <c r="B99" s="27">
        <v>5</v>
      </c>
      <c r="C99" s="28">
        <v>4</v>
      </c>
      <c r="D99" s="29">
        <v>9</v>
      </c>
    </row>
    <row r="100" spans="1:4" ht="18" customHeight="1" x14ac:dyDescent="0.2">
      <c r="A100" s="31">
        <v>78</v>
      </c>
      <c r="B100" s="27">
        <v>3</v>
      </c>
      <c r="C100" s="28">
        <v>4</v>
      </c>
      <c r="D100" s="29">
        <v>7</v>
      </c>
    </row>
    <row r="101" spans="1:4" ht="18" customHeight="1" x14ac:dyDescent="0.2">
      <c r="A101" s="31">
        <v>79</v>
      </c>
      <c r="B101" s="27">
        <v>1</v>
      </c>
      <c r="C101" s="28">
        <v>1</v>
      </c>
      <c r="D101" s="29">
        <v>2</v>
      </c>
    </row>
    <row r="102" spans="1:4" ht="18" customHeight="1" x14ac:dyDescent="0.2">
      <c r="A102" s="31" t="s">
        <v>83</v>
      </c>
      <c r="B102" s="27">
        <v>13</v>
      </c>
      <c r="C102" s="28">
        <v>18</v>
      </c>
      <c r="D102" s="29">
        <v>31</v>
      </c>
    </row>
    <row r="103" spans="1:4" ht="18" customHeight="1" x14ac:dyDescent="0.2">
      <c r="A103" s="31">
        <v>80</v>
      </c>
      <c r="B103" s="27">
        <v>4</v>
      </c>
      <c r="C103" s="28">
        <v>6</v>
      </c>
      <c r="D103" s="29">
        <v>10</v>
      </c>
    </row>
    <row r="104" spans="1:4" ht="18" customHeight="1" x14ac:dyDescent="0.2">
      <c r="A104" s="31">
        <v>81</v>
      </c>
      <c r="B104" s="27">
        <v>4</v>
      </c>
      <c r="C104" s="28">
        <v>5</v>
      </c>
      <c r="D104" s="29">
        <v>9</v>
      </c>
    </row>
    <row r="105" spans="1:4" ht="18" customHeight="1" x14ac:dyDescent="0.2">
      <c r="A105" s="31">
        <v>82</v>
      </c>
      <c r="B105" s="27">
        <v>2</v>
      </c>
      <c r="C105" s="28">
        <v>0</v>
      </c>
      <c r="D105" s="29">
        <v>2</v>
      </c>
    </row>
    <row r="106" spans="1:4" ht="18" customHeight="1" x14ac:dyDescent="0.2">
      <c r="A106" s="31">
        <v>83</v>
      </c>
      <c r="B106" s="27">
        <v>5</v>
      </c>
      <c r="C106" s="28">
        <v>8</v>
      </c>
      <c r="D106" s="29">
        <v>13</v>
      </c>
    </row>
    <row r="107" spans="1:4" ht="18" customHeight="1" x14ac:dyDescent="0.2">
      <c r="A107" s="31">
        <v>84</v>
      </c>
      <c r="B107" s="27">
        <v>2</v>
      </c>
      <c r="C107" s="28">
        <v>2</v>
      </c>
      <c r="D107" s="29">
        <v>4</v>
      </c>
    </row>
    <row r="108" spans="1:4" ht="18" customHeight="1" x14ac:dyDescent="0.2">
      <c r="A108" s="31" t="s">
        <v>84</v>
      </c>
      <c r="B108" s="27">
        <v>17</v>
      </c>
      <c r="C108" s="28">
        <v>21</v>
      </c>
      <c r="D108" s="29">
        <v>38</v>
      </c>
    </row>
    <row r="109" spans="1:4" ht="18" customHeight="1" x14ac:dyDescent="0.2">
      <c r="A109" s="31">
        <v>85</v>
      </c>
      <c r="B109" s="27">
        <v>4</v>
      </c>
      <c r="C109" s="28">
        <v>3</v>
      </c>
      <c r="D109" s="29">
        <v>7</v>
      </c>
    </row>
    <row r="110" spans="1:4" ht="18" customHeight="1" x14ac:dyDescent="0.2">
      <c r="A110" s="31">
        <v>86</v>
      </c>
      <c r="B110" s="27">
        <v>0</v>
      </c>
      <c r="C110" s="28">
        <v>4</v>
      </c>
      <c r="D110" s="29">
        <v>4</v>
      </c>
    </row>
    <row r="111" spans="1:4" ht="18" customHeight="1" x14ac:dyDescent="0.2">
      <c r="A111" s="31">
        <v>87</v>
      </c>
      <c r="B111" s="27">
        <v>2</v>
      </c>
      <c r="C111" s="28">
        <v>2</v>
      </c>
      <c r="D111" s="29">
        <v>4</v>
      </c>
    </row>
    <row r="112" spans="1:4" ht="18" customHeight="1" x14ac:dyDescent="0.2">
      <c r="A112" s="31">
        <v>88</v>
      </c>
      <c r="B112" s="27">
        <v>2</v>
      </c>
      <c r="C112" s="28">
        <v>2</v>
      </c>
      <c r="D112" s="29">
        <v>4</v>
      </c>
    </row>
    <row r="113" spans="1:4" ht="18" customHeight="1" x14ac:dyDescent="0.2">
      <c r="A113" s="31">
        <v>89</v>
      </c>
      <c r="B113" s="27">
        <v>0</v>
      </c>
      <c r="C113" s="28">
        <v>3</v>
      </c>
      <c r="D113" s="29">
        <v>3</v>
      </c>
    </row>
    <row r="114" spans="1:4" ht="18" customHeight="1" x14ac:dyDescent="0.2">
      <c r="A114" s="31" t="s">
        <v>85</v>
      </c>
      <c r="B114" s="27">
        <v>8</v>
      </c>
      <c r="C114" s="28">
        <v>14</v>
      </c>
      <c r="D114" s="29">
        <v>22</v>
      </c>
    </row>
    <row r="115" spans="1:4" ht="18" customHeight="1" x14ac:dyDescent="0.2">
      <c r="A115" s="31">
        <v>90</v>
      </c>
      <c r="B115" s="27">
        <v>0</v>
      </c>
      <c r="C115" s="28">
        <v>3</v>
      </c>
      <c r="D115" s="29">
        <v>3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86</v>
      </c>
      <c r="B120" s="27">
        <v>2</v>
      </c>
      <c r="C120" s="28">
        <v>5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0</v>
      </c>
      <c r="C126" s="28">
        <v>3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90</v>
      </c>
      <c r="B130" s="4">
        <v>69</v>
      </c>
      <c r="C130" s="5">
        <v>96</v>
      </c>
      <c r="D130" s="6">
        <v>165</v>
      </c>
    </row>
    <row r="131" spans="1:4" ht="18" customHeight="1" x14ac:dyDescent="0.2">
      <c r="A131" s="33" t="s">
        <v>65</v>
      </c>
      <c r="B131" s="7">
        <v>195</v>
      </c>
      <c r="C131" s="8">
        <v>236</v>
      </c>
      <c r="D131" s="9">
        <v>43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>
    <pageSetUpPr fitToPage="1"/>
  </sheetPr>
  <dimension ref="A1:D131"/>
  <sheetViews>
    <sheetView workbookViewId="0">
      <pane ySplit="4" topLeftCell="A59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27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30">
        <v>0</v>
      </c>
      <c r="B5" s="34">
        <v>5</v>
      </c>
      <c r="C5" s="37">
        <v>3</v>
      </c>
      <c r="D5" s="39">
        <v>8</v>
      </c>
    </row>
    <row r="6" spans="1:4" ht="18" customHeight="1" x14ac:dyDescent="0.2">
      <c r="A6" s="31">
        <v>1</v>
      </c>
      <c r="B6" s="35">
        <v>3</v>
      </c>
      <c r="C6" s="28">
        <v>5</v>
      </c>
      <c r="D6" s="29">
        <v>8</v>
      </c>
    </row>
    <row r="7" spans="1:4" ht="18" customHeight="1" x14ac:dyDescent="0.2">
      <c r="A7" s="31">
        <v>2</v>
      </c>
      <c r="B7" s="35">
        <v>4</v>
      </c>
      <c r="C7" s="28">
        <v>2</v>
      </c>
      <c r="D7" s="29">
        <v>6</v>
      </c>
    </row>
    <row r="8" spans="1:4" ht="18" customHeight="1" x14ac:dyDescent="0.2">
      <c r="A8" s="31">
        <v>3</v>
      </c>
      <c r="B8" s="35">
        <v>9</v>
      </c>
      <c r="C8" s="28">
        <v>10</v>
      </c>
      <c r="D8" s="29">
        <v>19</v>
      </c>
    </row>
    <row r="9" spans="1:4" ht="18" customHeight="1" x14ac:dyDescent="0.2">
      <c r="A9" s="31">
        <v>4</v>
      </c>
      <c r="B9" s="36">
        <v>3</v>
      </c>
      <c r="C9" s="38">
        <v>4</v>
      </c>
      <c r="D9" s="40">
        <v>7</v>
      </c>
    </row>
    <row r="10" spans="1:4" ht="18" customHeight="1" x14ac:dyDescent="0.2">
      <c r="A10" s="31" t="s">
        <v>66</v>
      </c>
      <c r="B10" s="27">
        <v>24</v>
      </c>
      <c r="C10" s="28">
        <v>24</v>
      </c>
      <c r="D10" s="29">
        <v>48</v>
      </c>
    </row>
    <row r="11" spans="1:4" ht="18" customHeight="1" x14ac:dyDescent="0.2">
      <c r="A11" s="31">
        <v>5</v>
      </c>
      <c r="B11" s="35">
        <v>5</v>
      </c>
      <c r="C11" s="28">
        <v>3</v>
      </c>
      <c r="D11" s="29">
        <v>8</v>
      </c>
    </row>
    <row r="12" spans="1:4" ht="18" customHeight="1" x14ac:dyDescent="0.2">
      <c r="A12" s="31">
        <v>6</v>
      </c>
      <c r="B12" s="35">
        <v>4</v>
      </c>
      <c r="C12" s="28">
        <v>4</v>
      </c>
      <c r="D12" s="29">
        <v>8</v>
      </c>
    </row>
    <row r="13" spans="1:4" ht="18" customHeight="1" x14ac:dyDescent="0.2">
      <c r="A13" s="31">
        <v>7</v>
      </c>
      <c r="B13" s="35">
        <v>3</v>
      </c>
      <c r="C13" s="28">
        <v>4</v>
      </c>
      <c r="D13" s="29">
        <v>7</v>
      </c>
    </row>
    <row r="14" spans="1:4" ht="18" customHeight="1" x14ac:dyDescent="0.2">
      <c r="A14" s="31">
        <v>8</v>
      </c>
      <c r="B14" s="35">
        <v>4</v>
      </c>
      <c r="C14" s="28">
        <v>7</v>
      </c>
      <c r="D14" s="29">
        <v>11</v>
      </c>
    </row>
    <row r="15" spans="1:4" ht="18" customHeight="1" x14ac:dyDescent="0.2">
      <c r="A15" s="31">
        <v>9</v>
      </c>
      <c r="B15" s="35">
        <v>4</v>
      </c>
      <c r="C15" s="28">
        <v>2</v>
      </c>
      <c r="D15" s="29">
        <v>6</v>
      </c>
    </row>
    <row r="16" spans="1:4" ht="18" customHeight="1" x14ac:dyDescent="0.2">
      <c r="A16" s="31" t="s">
        <v>67</v>
      </c>
      <c r="B16" s="27">
        <v>20</v>
      </c>
      <c r="C16" s="28">
        <v>20</v>
      </c>
      <c r="D16" s="29">
        <v>40</v>
      </c>
    </row>
    <row r="17" spans="1:4" ht="18" customHeight="1" x14ac:dyDescent="0.2">
      <c r="A17" s="31">
        <v>10</v>
      </c>
      <c r="B17" s="27">
        <v>6</v>
      </c>
      <c r="C17" s="28">
        <v>4</v>
      </c>
      <c r="D17" s="29">
        <v>10</v>
      </c>
    </row>
    <row r="18" spans="1:4" ht="18" customHeight="1" x14ac:dyDescent="0.2">
      <c r="A18" s="31">
        <v>11</v>
      </c>
      <c r="B18" s="27">
        <v>9</v>
      </c>
      <c r="C18" s="28">
        <v>5</v>
      </c>
      <c r="D18" s="29">
        <v>14</v>
      </c>
    </row>
    <row r="19" spans="1:4" ht="18" customHeight="1" x14ac:dyDescent="0.2">
      <c r="A19" s="31">
        <v>12</v>
      </c>
      <c r="B19" s="27">
        <v>13</v>
      </c>
      <c r="C19" s="28">
        <v>6</v>
      </c>
      <c r="D19" s="29">
        <v>19</v>
      </c>
    </row>
    <row r="20" spans="1:4" ht="18" customHeight="1" x14ac:dyDescent="0.2">
      <c r="A20" s="31">
        <v>13</v>
      </c>
      <c r="B20" s="27">
        <v>6</v>
      </c>
      <c r="C20" s="28">
        <v>8</v>
      </c>
      <c r="D20" s="29">
        <v>14</v>
      </c>
    </row>
    <row r="21" spans="1:4" ht="18" customHeight="1" x14ac:dyDescent="0.2">
      <c r="A21" s="31">
        <v>14</v>
      </c>
      <c r="B21" s="27">
        <v>5</v>
      </c>
      <c r="C21" s="28">
        <v>7</v>
      </c>
      <c r="D21" s="29">
        <v>12</v>
      </c>
    </row>
    <row r="22" spans="1:4" ht="18" customHeight="1" x14ac:dyDescent="0.2">
      <c r="A22" s="31" t="s">
        <v>68</v>
      </c>
      <c r="B22" s="27">
        <v>39</v>
      </c>
      <c r="C22" s="28">
        <v>30</v>
      </c>
      <c r="D22" s="29">
        <v>69</v>
      </c>
    </row>
    <row r="23" spans="1:4" ht="18" customHeight="1" x14ac:dyDescent="0.2">
      <c r="A23" s="31" t="s">
        <v>69</v>
      </c>
      <c r="B23" s="27">
        <v>83</v>
      </c>
      <c r="C23" s="28">
        <v>74</v>
      </c>
      <c r="D23" s="29">
        <v>157</v>
      </c>
    </row>
    <row r="24" spans="1:4" ht="18" customHeight="1" x14ac:dyDescent="0.2">
      <c r="A24" s="31">
        <v>15</v>
      </c>
      <c r="B24" s="27">
        <v>8</v>
      </c>
      <c r="C24" s="28">
        <v>10</v>
      </c>
      <c r="D24" s="29">
        <v>18</v>
      </c>
    </row>
    <row r="25" spans="1:4" ht="18" customHeight="1" x14ac:dyDescent="0.2">
      <c r="A25" s="31">
        <v>16</v>
      </c>
      <c r="B25" s="27">
        <v>5</v>
      </c>
      <c r="C25" s="28">
        <v>6</v>
      </c>
      <c r="D25" s="29">
        <v>11</v>
      </c>
    </row>
    <row r="26" spans="1:4" ht="18" customHeight="1" x14ac:dyDescent="0.2">
      <c r="A26" s="31">
        <v>17</v>
      </c>
      <c r="B26" s="27">
        <v>8</v>
      </c>
      <c r="C26" s="28">
        <v>5</v>
      </c>
      <c r="D26" s="29">
        <v>13</v>
      </c>
    </row>
    <row r="27" spans="1:4" ht="18" customHeight="1" x14ac:dyDescent="0.2">
      <c r="A27" s="31">
        <v>18</v>
      </c>
      <c r="B27" s="27">
        <v>10</v>
      </c>
      <c r="C27" s="28">
        <v>6</v>
      </c>
      <c r="D27" s="29">
        <v>16</v>
      </c>
    </row>
    <row r="28" spans="1:4" ht="18" customHeight="1" x14ac:dyDescent="0.2">
      <c r="A28" s="31">
        <v>19</v>
      </c>
      <c r="B28" s="27">
        <v>10</v>
      </c>
      <c r="C28" s="28">
        <v>9</v>
      </c>
      <c r="D28" s="29">
        <v>19</v>
      </c>
    </row>
    <row r="29" spans="1:4" ht="18" customHeight="1" x14ac:dyDescent="0.2">
      <c r="A29" s="31" t="s">
        <v>70</v>
      </c>
      <c r="B29" s="27">
        <v>41</v>
      </c>
      <c r="C29" s="28">
        <v>36</v>
      </c>
      <c r="D29" s="29">
        <v>77</v>
      </c>
    </row>
    <row r="30" spans="1:4" ht="18" customHeight="1" x14ac:dyDescent="0.2">
      <c r="A30" s="31">
        <v>20</v>
      </c>
      <c r="B30" s="27">
        <v>8</v>
      </c>
      <c r="C30" s="28">
        <v>7</v>
      </c>
      <c r="D30" s="29">
        <v>15</v>
      </c>
    </row>
    <row r="31" spans="1:4" ht="18" customHeight="1" x14ac:dyDescent="0.2">
      <c r="A31" s="31">
        <v>21</v>
      </c>
      <c r="B31" s="27">
        <v>9</v>
      </c>
      <c r="C31" s="28">
        <v>9</v>
      </c>
      <c r="D31" s="29">
        <v>18</v>
      </c>
    </row>
    <row r="32" spans="1:4" ht="18" customHeight="1" x14ac:dyDescent="0.2">
      <c r="A32" s="31">
        <v>22</v>
      </c>
      <c r="B32" s="27">
        <v>6</v>
      </c>
      <c r="C32" s="28">
        <v>11</v>
      </c>
      <c r="D32" s="29">
        <v>17</v>
      </c>
    </row>
    <row r="33" spans="1:4" ht="18" customHeight="1" x14ac:dyDescent="0.2">
      <c r="A33" s="31">
        <v>23</v>
      </c>
      <c r="B33" s="27">
        <v>8</v>
      </c>
      <c r="C33" s="28">
        <v>9</v>
      </c>
      <c r="D33" s="29">
        <v>17</v>
      </c>
    </row>
    <row r="34" spans="1:4" ht="18" customHeight="1" x14ac:dyDescent="0.2">
      <c r="A34" s="31">
        <v>24</v>
      </c>
      <c r="B34" s="27">
        <v>9</v>
      </c>
      <c r="C34" s="28">
        <v>9</v>
      </c>
      <c r="D34" s="29">
        <v>18</v>
      </c>
    </row>
    <row r="35" spans="1:4" ht="18" customHeight="1" x14ac:dyDescent="0.2">
      <c r="A35" s="31" t="s">
        <v>71</v>
      </c>
      <c r="B35" s="27">
        <v>40</v>
      </c>
      <c r="C35" s="28">
        <v>45</v>
      </c>
      <c r="D35" s="29">
        <v>85</v>
      </c>
    </row>
    <row r="36" spans="1:4" ht="18" customHeight="1" x14ac:dyDescent="0.2">
      <c r="A36" s="31">
        <v>25</v>
      </c>
      <c r="B36" s="27">
        <v>6</v>
      </c>
      <c r="C36" s="28">
        <v>4</v>
      </c>
      <c r="D36" s="29">
        <v>10</v>
      </c>
    </row>
    <row r="37" spans="1:4" ht="18" customHeight="1" x14ac:dyDescent="0.2">
      <c r="A37" s="31">
        <v>26</v>
      </c>
      <c r="B37" s="27">
        <v>12</v>
      </c>
      <c r="C37" s="28">
        <v>5</v>
      </c>
      <c r="D37" s="29">
        <v>17</v>
      </c>
    </row>
    <row r="38" spans="1:4" ht="18" customHeight="1" x14ac:dyDescent="0.2">
      <c r="A38" s="31">
        <v>27</v>
      </c>
      <c r="B38" s="27">
        <v>5</v>
      </c>
      <c r="C38" s="28">
        <v>7</v>
      </c>
      <c r="D38" s="29">
        <v>12</v>
      </c>
    </row>
    <row r="39" spans="1:4" ht="18" customHeight="1" x14ac:dyDescent="0.2">
      <c r="A39" s="31">
        <v>28</v>
      </c>
      <c r="B39" s="27">
        <v>1</v>
      </c>
      <c r="C39" s="28">
        <v>8</v>
      </c>
      <c r="D39" s="29">
        <v>9</v>
      </c>
    </row>
    <row r="40" spans="1:4" ht="18" customHeight="1" x14ac:dyDescent="0.2">
      <c r="A40" s="31">
        <v>29</v>
      </c>
      <c r="B40" s="27">
        <v>9</v>
      </c>
      <c r="C40" s="28">
        <v>8</v>
      </c>
      <c r="D40" s="29">
        <v>17</v>
      </c>
    </row>
    <row r="41" spans="1:4" ht="18" customHeight="1" x14ac:dyDescent="0.2">
      <c r="A41" s="31" t="s">
        <v>72</v>
      </c>
      <c r="B41" s="27">
        <v>33</v>
      </c>
      <c r="C41" s="28">
        <v>32</v>
      </c>
      <c r="D41" s="29">
        <v>65</v>
      </c>
    </row>
    <row r="42" spans="1:4" ht="18" customHeight="1" x14ac:dyDescent="0.2">
      <c r="A42" s="31">
        <v>30</v>
      </c>
      <c r="B42" s="27">
        <v>10</v>
      </c>
      <c r="C42" s="28">
        <v>9</v>
      </c>
      <c r="D42" s="29">
        <v>19</v>
      </c>
    </row>
    <row r="43" spans="1:4" ht="18" customHeight="1" x14ac:dyDescent="0.2">
      <c r="A43" s="31">
        <v>31</v>
      </c>
      <c r="B43" s="27">
        <v>11</v>
      </c>
      <c r="C43" s="28">
        <v>1</v>
      </c>
      <c r="D43" s="29">
        <v>12</v>
      </c>
    </row>
    <row r="44" spans="1:4" ht="18" customHeight="1" x14ac:dyDescent="0.2">
      <c r="A44" s="31">
        <v>32</v>
      </c>
      <c r="B44" s="27">
        <v>9</v>
      </c>
      <c r="C44" s="28">
        <v>5</v>
      </c>
      <c r="D44" s="29">
        <v>14</v>
      </c>
    </row>
    <row r="45" spans="1:4" ht="18" customHeight="1" x14ac:dyDescent="0.2">
      <c r="A45" s="31">
        <v>33</v>
      </c>
      <c r="B45" s="27">
        <v>5</v>
      </c>
      <c r="C45" s="28">
        <v>7</v>
      </c>
      <c r="D45" s="29">
        <v>12</v>
      </c>
    </row>
    <row r="46" spans="1:4" ht="18" customHeight="1" x14ac:dyDescent="0.2">
      <c r="A46" s="31">
        <v>34</v>
      </c>
      <c r="B46" s="27">
        <v>9</v>
      </c>
      <c r="C46" s="28">
        <v>8</v>
      </c>
      <c r="D46" s="29">
        <v>17</v>
      </c>
    </row>
    <row r="47" spans="1:4" ht="18" customHeight="1" x14ac:dyDescent="0.2">
      <c r="A47" s="31" t="s">
        <v>73</v>
      </c>
      <c r="B47" s="27">
        <v>44</v>
      </c>
      <c r="C47" s="28">
        <v>30</v>
      </c>
      <c r="D47" s="29">
        <v>74</v>
      </c>
    </row>
    <row r="48" spans="1:4" ht="18" customHeight="1" x14ac:dyDescent="0.2">
      <c r="A48" s="31">
        <v>35</v>
      </c>
      <c r="B48" s="27">
        <v>7</v>
      </c>
      <c r="C48" s="28">
        <v>12</v>
      </c>
      <c r="D48" s="29">
        <v>19</v>
      </c>
    </row>
    <row r="49" spans="1:4" ht="18" customHeight="1" x14ac:dyDescent="0.2">
      <c r="A49" s="31">
        <v>36</v>
      </c>
      <c r="B49" s="27">
        <v>14</v>
      </c>
      <c r="C49" s="28">
        <v>8</v>
      </c>
      <c r="D49" s="29">
        <v>22</v>
      </c>
    </row>
    <row r="50" spans="1:4" ht="18" customHeight="1" x14ac:dyDescent="0.2">
      <c r="A50" s="31">
        <v>37</v>
      </c>
      <c r="B50" s="27">
        <v>8</v>
      </c>
      <c r="C50" s="28">
        <v>7</v>
      </c>
      <c r="D50" s="29">
        <v>15</v>
      </c>
    </row>
    <row r="51" spans="1:4" ht="18" customHeight="1" x14ac:dyDescent="0.2">
      <c r="A51" s="31">
        <v>38</v>
      </c>
      <c r="B51" s="27">
        <v>7</v>
      </c>
      <c r="C51" s="28">
        <v>11</v>
      </c>
      <c r="D51" s="29">
        <v>18</v>
      </c>
    </row>
    <row r="52" spans="1:4" ht="18" customHeight="1" x14ac:dyDescent="0.2">
      <c r="A52" s="31">
        <v>39</v>
      </c>
      <c r="B52" s="27">
        <v>9</v>
      </c>
      <c r="C52" s="28">
        <v>7</v>
      </c>
      <c r="D52" s="29">
        <v>16</v>
      </c>
    </row>
    <row r="53" spans="1:4" ht="18" customHeight="1" x14ac:dyDescent="0.2">
      <c r="A53" s="31" t="s">
        <v>74</v>
      </c>
      <c r="B53" s="27">
        <v>45</v>
      </c>
      <c r="C53" s="28">
        <v>45</v>
      </c>
      <c r="D53" s="29">
        <v>90</v>
      </c>
    </row>
    <row r="54" spans="1:4" ht="18" customHeight="1" x14ac:dyDescent="0.2">
      <c r="A54" s="31">
        <v>40</v>
      </c>
      <c r="B54" s="27">
        <v>7</v>
      </c>
      <c r="C54" s="28">
        <v>9</v>
      </c>
      <c r="D54" s="29">
        <v>16</v>
      </c>
    </row>
    <row r="55" spans="1:4" ht="18" customHeight="1" x14ac:dyDescent="0.2">
      <c r="A55" s="31">
        <v>41</v>
      </c>
      <c r="B55" s="27">
        <v>8</v>
      </c>
      <c r="C55" s="28">
        <v>8</v>
      </c>
      <c r="D55" s="29">
        <v>16</v>
      </c>
    </row>
    <row r="56" spans="1:4" ht="18" customHeight="1" x14ac:dyDescent="0.2">
      <c r="A56" s="31">
        <v>42</v>
      </c>
      <c r="B56" s="27">
        <v>10</v>
      </c>
      <c r="C56" s="28">
        <v>6</v>
      </c>
      <c r="D56" s="29">
        <v>16</v>
      </c>
    </row>
    <row r="57" spans="1:4" ht="18" customHeight="1" x14ac:dyDescent="0.2">
      <c r="A57" s="31">
        <v>43</v>
      </c>
      <c r="B57" s="27">
        <v>3</v>
      </c>
      <c r="C57" s="28">
        <v>6</v>
      </c>
      <c r="D57" s="29">
        <v>9</v>
      </c>
    </row>
    <row r="58" spans="1:4" ht="18" customHeight="1" x14ac:dyDescent="0.2">
      <c r="A58" s="31">
        <v>44</v>
      </c>
      <c r="B58" s="27">
        <v>5</v>
      </c>
      <c r="C58" s="28">
        <v>8</v>
      </c>
      <c r="D58" s="29">
        <v>13</v>
      </c>
    </row>
    <row r="59" spans="1:4" ht="18" customHeight="1" x14ac:dyDescent="0.2">
      <c r="A59" s="31" t="s">
        <v>75</v>
      </c>
      <c r="B59" s="27">
        <v>33</v>
      </c>
      <c r="C59" s="28">
        <v>37</v>
      </c>
      <c r="D59" s="29">
        <v>70</v>
      </c>
    </row>
    <row r="60" spans="1:4" ht="18" customHeight="1" x14ac:dyDescent="0.2">
      <c r="A60" s="31">
        <v>45</v>
      </c>
      <c r="B60" s="27">
        <v>8</v>
      </c>
      <c r="C60" s="28">
        <v>9</v>
      </c>
      <c r="D60" s="29">
        <v>17</v>
      </c>
    </row>
    <row r="61" spans="1:4" ht="18" customHeight="1" x14ac:dyDescent="0.2">
      <c r="A61" s="31">
        <v>46</v>
      </c>
      <c r="B61" s="27">
        <v>8</v>
      </c>
      <c r="C61" s="28">
        <v>7</v>
      </c>
      <c r="D61" s="29">
        <v>15</v>
      </c>
    </row>
    <row r="62" spans="1:4" ht="18" customHeight="1" x14ac:dyDescent="0.2">
      <c r="A62" s="31">
        <v>47</v>
      </c>
      <c r="B62" s="27">
        <v>7</v>
      </c>
      <c r="C62" s="28">
        <v>2</v>
      </c>
      <c r="D62" s="29">
        <v>9</v>
      </c>
    </row>
    <row r="63" spans="1:4" ht="18" customHeight="1" x14ac:dyDescent="0.2">
      <c r="A63" s="31">
        <v>48</v>
      </c>
      <c r="B63" s="27">
        <v>10</v>
      </c>
      <c r="C63" s="28">
        <v>11</v>
      </c>
      <c r="D63" s="29">
        <v>21</v>
      </c>
    </row>
    <row r="64" spans="1:4" ht="18" customHeight="1" x14ac:dyDescent="0.2">
      <c r="A64" s="31">
        <v>49</v>
      </c>
      <c r="B64" s="27">
        <v>6</v>
      </c>
      <c r="C64" s="28">
        <v>9</v>
      </c>
      <c r="D64" s="29">
        <v>15</v>
      </c>
    </row>
    <row r="65" spans="1:4" ht="18" customHeight="1" x14ac:dyDescent="0.2">
      <c r="A65" s="31" t="s">
        <v>76</v>
      </c>
      <c r="B65" s="27">
        <v>39</v>
      </c>
      <c r="C65" s="28">
        <v>38</v>
      </c>
      <c r="D65" s="29">
        <v>77</v>
      </c>
    </row>
    <row r="66" spans="1:4" ht="18" customHeight="1" x14ac:dyDescent="0.2">
      <c r="A66" s="31">
        <v>50</v>
      </c>
      <c r="B66" s="27">
        <v>7</v>
      </c>
      <c r="C66" s="28">
        <v>11</v>
      </c>
      <c r="D66" s="29">
        <v>18</v>
      </c>
    </row>
    <row r="67" spans="1:4" ht="18" customHeight="1" x14ac:dyDescent="0.2">
      <c r="A67" s="31">
        <v>51</v>
      </c>
      <c r="B67" s="27">
        <v>11</v>
      </c>
      <c r="C67" s="28">
        <v>8</v>
      </c>
      <c r="D67" s="29">
        <v>19</v>
      </c>
    </row>
    <row r="68" spans="1:4" ht="18" customHeight="1" x14ac:dyDescent="0.2">
      <c r="A68" s="31">
        <v>52</v>
      </c>
      <c r="B68" s="27">
        <v>7</v>
      </c>
      <c r="C68" s="28">
        <v>7</v>
      </c>
      <c r="D68" s="29">
        <v>14</v>
      </c>
    </row>
    <row r="69" spans="1:4" ht="18" customHeight="1" x14ac:dyDescent="0.2">
      <c r="A69" s="31">
        <v>53</v>
      </c>
      <c r="B69" s="27">
        <v>7</v>
      </c>
      <c r="C69" s="28">
        <v>12</v>
      </c>
      <c r="D69" s="29">
        <v>19</v>
      </c>
    </row>
    <row r="70" spans="1:4" ht="18" customHeight="1" x14ac:dyDescent="0.2">
      <c r="A70" s="31">
        <v>54</v>
      </c>
      <c r="B70" s="27">
        <v>10</v>
      </c>
      <c r="C70" s="28">
        <v>14</v>
      </c>
      <c r="D70" s="29">
        <v>24</v>
      </c>
    </row>
    <row r="71" spans="1:4" ht="18" customHeight="1" x14ac:dyDescent="0.2">
      <c r="A71" s="31" t="s">
        <v>77</v>
      </c>
      <c r="B71" s="27">
        <v>42</v>
      </c>
      <c r="C71" s="28">
        <v>52</v>
      </c>
      <c r="D71" s="29">
        <v>94</v>
      </c>
    </row>
    <row r="72" spans="1:4" ht="18" customHeight="1" x14ac:dyDescent="0.2">
      <c r="A72" s="31">
        <v>55</v>
      </c>
      <c r="B72" s="27">
        <v>16</v>
      </c>
      <c r="C72" s="28">
        <v>15</v>
      </c>
      <c r="D72" s="29">
        <v>31</v>
      </c>
    </row>
    <row r="73" spans="1:4" ht="18" customHeight="1" x14ac:dyDescent="0.2">
      <c r="A73" s="31">
        <v>56</v>
      </c>
      <c r="B73" s="27">
        <v>9</v>
      </c>
      <c r="C73" s="28">
        <v>8</v>
      </c>
      <c r="D73" s="29">
        <v>17</v>
      </c>
    </row>
    <row r="74" spans="1:4" ht="18" customHeight="1" x14ac:dyDescent="0.2">
      <c r="A74" s="31">
        <v>57</v>
      </c>
      <c r="B74" s="27">
        <v>11</v>
      </c>
      <c r="C74" s="28">
        <v>12</v>
      </c>
      <c r="D74" s="29">
        <v>23</v>
      </c>
    </row>
    <row r="75" spans="1:4" ht="18" customHeight="1" x14ac:dyDescent="0.2">
      <c r="A75" s="31">
        <v>58</v>
      </c>
      <c r="B75" s="27">
        <v>17</v>
      </c>
      <c r="C75" s="28">
        <v>17</v>
      </c>
      <c r="D75" s="29">
        <v>34</v>
      </c>
    </row>
    <row r="76" spans="1:4" ht="18" customHeight="1" x14ac:dyDescent="0.2">
      <c r="A76" s="31">
        <v>59</v>
      </c>
      <c r="B76" s="27">
        <v>16</v>
      </c>
      <c r="C76" s="28">
        <v>17</v>
      </c>
      <c r="D76" s="29">
        <v>33</v>
      </c>
    </row>
    <row r="77" spans="1:4" ht="18" customHeight="1" x14ac:dyDescent="0.2">
      <c r="A77" s="31" t="s">
        <v>78</v>
      </c>
      <c r="B77" s="27">
        <v>69</v>
      </c>
      <c r="C77" s="28">
        <v>69</v>
      </c>
      <c r="D77" s="29">
        <v>138</v>
      </c>
    </row>
    <row r="78" spans="1:4" ht="18" customHeight="1" x14ac:dyDescent="0.2">
      <c r="A78" s="31">
        <v>60</v>
      </c>
      <c r="B78" s="27">
        <v>15</v>
      </c>
      <c r="C78" s="28">
        <v>20</v>
      </c>
      <c r="D78" s="29">
        <v>35</v>
      </c>
    </row>
    <row r="79" spans="1:4" ht="18" customHeight="1" x14ac:dyDescent="0.2">
      <c r="A79" s="31">
        <v>61</v>
      </c>
      <c r="B79" s="27">
        <v>19</v>
      </c>
      <c r="C79" s="28">
        <v>17</v>
      </c>
      <c r="D79" s="29">
        <v>36</v>
      </c>
    </row>
    <row r="80" spans="1:4" ht="18" customHeight="1" x14ac:dyDescent="0.2">
      <c r="A80" s="31">
        <v>62</v>
      </c>
      <c r="B80" s="27">
        <v>14</v>
      </c>
      <c r="C80" s="28">
        <v>22</v>
      </c>
      <c r="D80" s="29">
        <v>36</v>
      </c>
    </row>
    <row r="81" spans="1:4" ht="18" customHeight="1" x14ac:dyDescent="0.2">
      <c r="A81" s="31">
        <v>63</v>
      </c>
      <c r="B81" s="27">
        <v>13</v>
      </c>
      <c r="C81" s="28">
        <v>9</v>
      </c>
      <c r="D81" s="29">
        <v>22</v>
      </c>
    </row>
    <row r="82" spans="1:4" ht="18" customHeight="1" x14ac:dyDescent="0.2">
      <c r="A82" s="31">
        <v>64</v>
      </c>
      <c r="B82" s="27">
        <v>16</v>
      </c>
      <c r="C82" s="28">
        <v>10</v>
      </c>
      <c r="D82" s="29">
        <v>26</v>
      </c>
    </row>
    <row r="83" spans="1:4" ht="18" customHeight="1" x14ac:dyDescent="0.2">
      <c r="A83" s="31" t="s">
        <v>79</v>
      </c>
      <c r="B83" s="27">
        <v>77</v>
      </c>
      <c r="C83" s="28">
        <v>78</v>
      </c>
      <c r="D83" s="29">
        <v>155</v>
      </c>
    </row>
    <row r="84" spans="1:4" ht="18" customHeight="1" x14ac:dyDescent="0.2">
      <c r="A84" s="31" t="s">
        <v>80</v>
      </c>
      <c r="B84" s="27">
        <v>463</v>
      </c>
      <c r="C84" s="28">
        <v>462</v>
      </c>
      <c r="D84" s="29">
        <v>925</v>
      </c>
    </row>
    <row r="85" spans="1:4" ht="18" customHeight="1" x14ac:dyDescent="0.2">
      <c r="A85" s="31">
        <v>65</v>
      </c>
      <c r="B85" s="27">
        <v>13</v>
      </c>
      <c r="C85" s="28">
        <v>18</v>
      </c>
      <c r="D85" s="29">
        <v>31</v>
      </c>
    </row>
    <row r="86" spans="1:4" ht="18" customHeight="1" x14ac:dyDescent="0.2">
      <c r="A86" s="31">
        <v>66</v>
      </c>
      <c r="B86" s="27">
        <v>13</v>
      </c>
      <c r="C86" s="28">
        <v>9</v>
      </c>
      <c r="D86" s="29">
        <v>22</v>
      </c>
    </row>
    <row r="87" spans="1:4" ht="18" customHeight="1" x14ac:dyDescent="0.2">
      <c r="A87" s="31">
        <v>67</v>
      </c>
      <c r="B87" s="27">
        <v>11</v>
      </c>
      <c r="C87" s="28">
        <v>17</v>
      </c>
      <c r="D87" s="29">
        <v>28</v>
      </c>
    </row>
    <row r="88" spans="1:4" ht="18" customHeight="1" x14ac:dyDescent="0.2">
      <c r="A88" s="31">
        <v>68</v>
      </c>
      <c r="B88" s="27">
        <v>16</v>
      </c>
      <c r="C88" s="28">
        <v>17</v>
      </c>
      <c r="D88" s="29">
        <v>33</v>
      </c>
    </row>
    <row r="89" spans="1:4" ht="18" customHeight="1" x14ac:dyDescent="0.2">
      <c r="A89" s="31">
        <v>69</v>
      </c>
      <c r="B89" s="27">
        <v>6</v>
      </c>
      <c r="C89" s="28">
        <v>11</v>
      </c>
      <c r="D89" s="29">
        <v>17</v>
      </c>
    </row>
    <row r="90" spans="1:4" ht="18" customHeight="1" x14ac:dyDescent="0.2">
      <c r="A90" s="31" t="s">
        <v>81</v>
      </c>
      <c r="B90" s="27">
        <v>59</v>
      </c>
      <c r="C90" s="28">
        <v>72</v>
      </c>
      <c r="D90" s="29">
        <v>131</v>
      </c>
    </row>
    <row r="91" spans="1:4" ht="18" customHeight="1" x14ac:dyDescent="0.2">
      <c r="A91" s="31">
        <v>70</v>
      </c>
      <c r="B91" s="27">
        <v>9</v>
      </c>
      <c r="C91" s="28">
        <v>9</v>
      </c>
      <c r="D91" s="29">
        <v>18</v>
      </c>
    </row>
    <row r="92" spans="1:4" ht="18" customHeight="1" x14ac:dyDescent="0.2">
      <c r="A92" s="31">
        <v>71</v>
      </c>
      <c r="B92" s="27">
        <v>9</v>
      </c>
      <c r="C92" s="28">
        <v>19</v>
      </c>
      <c r="D92" s="29">
        <v>28</v>
      </c>
    </row>
    <row r="93" spans="1:4" ht="18" customHeight="1" x14ac:dyDescent="0.2">
      <c r="A93" s="31">
        <v>72</v>
      </c>
      <c r="B93" s="27">
        <v>8</v>
      </c>
      <c r="C93" s="28">
        <v>6</v>
      </c>
      <c r="D93" s="29">
        <v>14</v>
      </c>
    </row>
    <row r="94" spans="1:4" ht="18" customHeight="1" x14ac:dyDescent="0.2">
      <c r="A94" s="31">
        <v>73</v>
      </c>
      <c r="B94" s="27">
        <v>11</v>
      </c>
      <c r="C94" s="28">
        <v>18</v>
      </c>
      <c r="D94" s="29">
        <v>29</v>
      </c>
    </row>
    <row r="95" spans="1:4" ht="18" customHeight="1" x14ac:dyDescent="0.2">
      <c r="A95" s="31">
        <v>74</v>
      </c>
      <c r="B95" s="27">
        <v>5</v>
      </c>
      <c r="C95" s="28">
        <v>11</v>
      </c>
      <c r="D95" s="29">
        <v>16</v>
      </c>
    </row>
    <row r="96" spans="1:4" ht="18" customHeight="1" x14ac:dyDescent="0.2">
      <c r="A96" s="31" t="s">
        <v>82</v>
      </c>
      <c r="B96" s="27">
        <v>42</v>
      </c>
      <c r="C96" s="28">
        <v>63</v>
      </c>
      <c r="D96" s="29">
        <v>105</v>
      </c>
    </row>
    <row r="97" spans="1:4" ht="18" customHeight="1" x14ac:dyDescent="0.2">
      <c r="A97" s="31">
        <v>75</v>
      </c>
      <c r="B97" s="27">
        <v>13</v>
      </c>
      <c r="C97" s="28">
        <v>8</v>
      </c>
      <c r="D97" s="29">
        <v>21</v>
      </c>
    </row>
    <row r="98" spans="1:4" ht="18" customHeight="1" x14ac:dyDescent="0.2">
      <c r="A98" s="31">
        <v>76</v>
      </c>
      <c r="B98" s="27">
        <v>13</v>
      </c>
      <c r="C98" s="28">
        <v>23</v>
      </c>
      <c r="D98" s="29">
        <v>36</v>
      </c>
    </row>
    <row r="99" spans="1:4" ht="18" customHeight="1" x14ac:dyDescent="0.2">
      <c r="A99" s="31">
        <v>77</v>
      </c>
      <c r="B99" s="27">
        <v>12</v>
      </c>
      <c r="C99" s="28">
        <v>16</v>
      </c>
      <c r="D99" s="29">
        <v>28</v>
      </c>
    </row>
    <row r="100" spans="1:4" ht="18" customHeight="1" x14ac:dyDescent="0.2">
      <c r="A100" s="31">
        <v>78</v>
      </c>
      <c r="B100" s="27">
        <v>7</v>
      </c>
      <c r="C100" s="28">
        <v>17</v>
      </c>
      <c r="D100" s="29">
        <v>24</v>
      </c>
    </row>
    <row r="101" spans="1:4" ht="18" customHeight="1" x14ac:dyDescent="0.2">
      <c r="A101" s="31">
        <v>79</v>
      </c>
      <c r="B101" s="27">
        <v>6</v>
      </c>
      <c r="C101" s="28">
        <v>13</v>
      </c>
      <c r="D101" s="29">
        <v>19</v>
      </c>
    </row>
    <row r="102" spans="1:4" ht="18" customHeight="1" x14ac:dyDescent="0.2">
      <c r="A102" s="31" t="s">
        <v>83</v>
      </c>
      <c r="B102" s="27">
        <v>51</v>
      </c>
      <c r="C102" s="28">
        <v>77</v>
      </c>
      <c r="D102" s="29">
        <v>128</v>
      </c>
    </row>
    <row r="103" spans="1:4" ht="18" customHeight="1" x14ac:dyDescent="0.2">
      <c r="A103" s="31">
        <v>80</v>
      </c>
      <c r="B103" s="27">
        <v>10</v>
      </c>
      <c r="C103" s="28">
        <v>15</v>
      </c>
      <c r="D103" s="29">
        <v>25</v>
      </c>
    </row>
    <row r="104" spans="1:4" ht="18" customHeight="1" x14ac:dyDescent="0.2">
      <c r="A104" s="31">
        <v>81</v>
      </c>
      <c r="B104" s="27">
        <v>9</v>
      </c>
      <c r="C104" s="28">
        <v>11</v>
      </c>
      <c r="D104" s="29">
        <v>20</v>
      </c>
    </row>
    <row r="105" spans="1:4" ht="18" customHeight="1" x14ac:dyDescent="0.2">
      <c r="A105" s="31">
        <v>82</v>
      </c>
      <c r="B105" s="27">
        <v>10</v>
      </c>
      <c r="C105" s="28">
        <v>7</v>
      </c>
      <c r="D105" s="29">
        <v>17</v>
      </c>
    </row>
    <row r="106" spans="1:4" ht="18" customHeight="1" x14ac:dyDescent="0.2">
      <c r="A106" s="31">
        <v>83</v>
      </c>
      <c r="B106" s="27">
        <v>13</v>
      </c>
      <c r="C106" s="28">
        <v>18</v>
      </c>
      <c r="D106" s="29">
        <v>31</v>
      </c>
    </row>
    <row r="107" spans="1:4" ht="18" customHeight="1" x14ac:dyDescent="0.2">
      <c r="A107" s="31">
        <v>84</v>
      </c>
      <c r="B107" s="27">
        <v>5</v>
      </c>
      <c r="C107" s="28">
        <v>5</v>
      </c>
      <c r="D107" s="29">
        <v>10</v>
      </c>
    </row>
    <row r="108" spans="1:4" ht="18" customHeight="1" x14ac:dyDescent="0.2">
      <c r="A108" s="31" t="s">
        <v>84</v>
      </c>
      <c r="B108" s="27">
        <v>47</v>
      </c>
      <c r="C108" s="28">
        <v>56</v>
      </c>
      <c r="D108" s="29">
        <v>103</v>
      </c>
    </row>
    <row r="109" spans="1:4" ht="18" customHeight="1" x14ac:dyDescent="0.2">
      <c r="A109" s="31">
        <v>85</v>
      </c>
      <c r="B109" s="27">
        <v>8</v>
      </c>
      <c r="C109" s="28">
        <v>12</v>
      </c>
      <c r="D109" s="29">
        <v>20</v>
      </c>
    </row>
    <row r="110" spans="1:4" ht="18" customHeight="1" x14ac:dyDescent="0.2">
      <c r="A110" s="31">
        <v>86</v>
      </c>
      <c r="B110" s="27">
        <v>3</v>
      </c>
      <c r="C110" s="28">
        <v>9</v>
      </c>
      <c r="D110" s="29">
        <v>12</v>
      </c>
    </row>
    <row r="111" spans="1:4" ht="18" customHeight="1" x14ac:dyDescent="0.2">
      <c r="A111" s="31">
        <v>87</v>
      </c>
      <c r="B111" s="27">
        <v>2</v>
      </c>
      <c r="C111" s="28">
        <v>7</v>
      </c>
      <c r="D111" s="29">
        <v>9</v>
      </c>
    </row>
    <row r="112" spans="1:4" ht="18" customHeight="1" x14ac:dyDescent="0.2">
      <c r="A112" s="31">
        <v>88</v>
      </c>
      <c r="B112" s="27">
        <v>6</v>
      </c>
      <c r="C112" s="28">
        <v>5</v>
      </c>
      <c r="D112" s="29">
        <v>11</v>
      </c>
    </row>
    <row r="113" spans="1:4" ht="18" customHeight="1" x14ac:dyDescent="0.2">
      <c r="A113" s="31">
        <v>89</v>
      </c>
      <c r="B113" s="27">
        <v>2</v>
      </c>
      <c r="C113" s="28">
        <v>7</v>
      </c>
      <c r="D113" s="29">
        <v>9</v>
      </c>
    </row>
    <row r="114" spans="1:4" ht="18" customHeight="1" x14ac:dyDescent="0.2">
      <c r="A114" s="31" t="s">
        <v>85</v>
      </c>
      <c r="B114" s="27">
        <v>21</v>
      </c>
      <c r="C114" s="28">
        <v>40</v>
      </c>
      <c r="D114" s="29">
        <v>61</v>
      </c>
    </row>
    <row r="115" spans="1:4" ht="18" customHeight="1" x14ac:dyDescent="0.2">
      <c r="A115" s="31">
        <v>90</v>
      </c>
      <c r="B115" s="27">
        <v>0</v>
      </c>
      <c r="C115" s="28">
        <v>7</v>
      </c>
      <c r="D115" s="29">
        <v>7</v>
      </c>
    </row>
    <row r="116" spans="1:4" ht="18" customHeight="1" x14ac:dyDescent="0.2">
      <c r="A116" s="31">
        <v>91</v>
      </c>
      <c r="B116" s="27">
        <v>2</v>
      </c>
      <c r="C116" s="28">
        <v>4</v>
      </c>
      <c r="D116" s="29">
        <v>6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86</v>
      </c>
      <c r="B120" s="27">
        <v>4</v>
      </c>
      <c r="C120" s="28">
        <v>19</v>
      </c>
      <c r="D120" s="29">
        <v>23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87</v>
      </c>
      <c r="B126" s="27">
        <v>1</v>
      </c>
      <c r="C126" s="28">
        <v>8</v>
      </c>
      <c r="D126" s="29">
        <v>9</v>
      </c>
    </row>
    <row r="127" spans="1:4" ht="18" customHeight="1" x14ac:dyDescent="0.2">
      <c r="A127" s="31">
        <v>100</v>
      </c>
      <c r="B127" s="27">
        <v>1</v>
      </c>
      <c r="C127" s="28">
        <v>1</v>
      </c>
      <c r="D127" s="29">
        <v>2</v>
      </c>
    </row>
    <row r="128" spans="1:4" ht="18" customHeight="1" x14ac:dyDescent="0.2">
      <c r="A128" s="32" t="s">
        <v>88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89</v>
      </c>
      <c r="B129" s="27">
        <v>1</v>
      </c>
      <c r="C129" s="28">
        <v>1</v>
      </c>
      <c r="D129" s="29">
        <v>2</v>
      </c>
    </row>
    <row r="130" spans="1:4" ht="18" customHeight="1" x14ac:dyDescent="0.2">
      <c r="A130" s="31" t="s">
        <v>90</v>
      </c>
      <c r="B130" s="4">
        <v>226</v>
      </c>
      <c r="C130" s="5">
        <v>336</v>
      </c>
      <c r="D130" s="6">
        <v>562</v>
      </c>
    </row>
    <row r="131" spans="1:4" ht="18" customHeight="1" x14ac:dyDescent="0.2">
      <c r="A131" s="33" t="s">
        <v>65</v>
      </c>
      <c r="B131" s="7">
        <v>772</v>
      </c>
      <c r="C131" s="8">
        <v>872</v>
      </c>
      <c r="D131" s="9">
        <v>164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pageSetUpPr fitToPage="1"/>
  </sheetPr>
  <dimension ref="A1:D131"/>
  <sheetViews>
    <sheetView workbookViewId="0">
      <pane ySplit="4" topLeftCell="A5" activePane="bottomLeft" state="frozen"/>
      <selection activeCell="C16" sqref="C1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46" t="s">
        <v>123</v>
      </c>
      <c r="B1" s="46"/>
      <c r="C1" s="46"/>
      <c r="D1" s="46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47" t="s">
        <v>146</v>
      </c>
      <c r="C3" s="47"/>
      <c r="D3" s="47"/>
    </row>
    <row r="4" spans="1:4" ht="18" customHeight="1" x14ac:dyDescent="0.2">
      <c r="A4" s="3" t="s">
        <v>63</v>
      </c>
      <c r="B4" s="21" t="s">
        <v>60</v>
      </c>
      <c r="C4" s="22" t="s">
        <v>61</v>
      </c>
      <c r="D4" s="23" t="s">
        <v>62</v>
      </c>
    </row>
    <row r="5" spans="1:4" ht="18" customHeight="1" x14ac:dyDescent="0.2">
      <c r="A5" s="10">
        <v>0</v>
      </c>
      <c r="B5" s="11">
        <v>6</v>
      </c>
      <c r="C5" s="12">
        <v>8</v>
      </c>
      <c r="D5" s="13">
        <v>14</v>
      </c>
    </row>
    <row r="6" spans="1:4" ht="18" customHeight="1" x14ac:dyDescent="0.2">
      <c r="A6" s="14">
        <v>1</v>
      </c>
      <c r="B6" s="15">
        <v>10</v>
      </c>
      <c r="C6" s="16">
        <v>5</v>
      </c>
      <c r="D6" s="17">
        <v>15</v>
      </c>
    </row>
    <row r="7" spans="1:4" ht="18" customHeight="1" x14ac:dyDescent="0.2">
      <c r="A7" s="14">
        <v>2</v>
      </c>
      <c r="B7" s="15">
        <v>6</v>
      </c>
      <c r="C7" s="16">
        <v>8</v>
      </c>
      <c r="D7" s="17">
        <v>14</v>
      </c>
    </row>
    <row r="8" spans="1:4" ht="18" customHeight="1" x14ac:dyDescent="0.2">
      <c r="A8" s="14">
        <v>3</v>
      </c>
      <c r="B8" s="15">
        <v>3</v>
      </c>
      <c r="C8" s="16">
        <v>11</v>
      </c>
      <c r="D8" s="17">
        <v>14</v>
      </c>
    </row>
    <row r="9" spans="1:4" ht="18" customHeight="1" x14ac:dyDescent="0.2">
      <c r="A9" s="14">
        <v>4</v>
      </c>
      <c r="B9" s="15">
        <v>10</v>
      </c>
      <c r="C9" s="16">
        <v>11</v>
      </c>
      <c r="D9" s="17">
        <v>21</v>
      </c>
    </row>
    <row r="10" spans="1:4" ht="18" customHeight="1" x14ac:dyDescent="0.2">
      <c r="A10" s="18" t="s">
        <v>66</v>
      </c>
      <c r="B10" s="15">
        <v>35</v>
      </c>
      <c r="C10" s="16">
        <v>43</v>
      </c>
      <c r="D10" s="17">
        <v>78</v>
      </c>
    </row>
    <row r="11" spans="1:4" ht="18" customHeight="1" x14ac:dyDescent="0.2">
      <c r="A11" s="14">
        <v>5</v>
      </c>
      <c r="B11" s="15">
        <v>4</v>
      </c>
      <c r="C11" s="16">
        <v>12</v>
      </c>
      <c r="D11" s="17">
        <v>16</v>
      </c>
    </row>
    <row r="12" spans="1:4" ht="18" customHeight="1" x14ac:dyDescent="0.2">
      <c r="A12" s="14">
        <v>6</v>
      </c>
      <c r="B12" s="15">
        <v>10</v>
      </c>
      <c r="C12" s="16">
        <v>4</v>
      </c>
      <c r="D12" s="17">
        <v>14</v>
      </c>
    </row>
    <row r="13" spans="1:4" ht="18" customHeight="1" x14ac:dyDescent="0.2">
      <c r="A13" s="14">
        <v>7</v>
      </c>
      <c r="B13" s="15">
        <v>9</v>
      </c>
      <c r="C13" s="16">
        <v>0</v>
      </c>
      <c r="D13" s="17">
        <v>9</v>
      </c>
    </row>
    <row r="14" spans="1:4" ht="18" customHeight="1" x14ac:dyDescent="0.2">
      <c r="A14" s="14">
        <v>8</v>
      </c>
      <c r="B14" s="15">
        <v>10</v>
      </c>
      <c r="C14" s="16">
        <v>5</v>
      </c>
      <c r="D14" s="17">
        <v>15</v>
      </c>
    </row>
    <row r="15" spans="1:4" ht="18" customHeight="1" x14ac:dyDescent="0.2">
      <c r="A15" s="14">
        <v>9</v>
      </c>
      <c r="B15" s="15">
        <v>8</v>
      </c>
      <c r="C15" s="16">
        <v>5</v>
      </c>
      <c r="D15" s="17">
        <v>13</v>
      </c>
    </row>
    <row r="16" spans="1:4" ht="18" customHeight="1" x14ac:dyDescent="0.2">
      <c r="A16" s="18" t="s">
        <v>67</v>
      </c>
      <c r="B16" s="15">
        <v>41</v>
      </c>
      <c r="C16" s="16">
        <v>26</v>
      </c>
      <c r="D16" s="17">
        <v>67</v>
      </c>
    </row>
    <row r="17" spans="1:4" ht="18" customHeight="1" x14ac:dyDescent="0.2">
      <c r="A17" s="14">
        <v>10</v>
      </c>
      <c r="B17" s="15">
        <v>3</v>
      </c>
      <c r="C17" s="16">
        <v>7</v>
      </c>
      <c r="D17" s="17">
        <v>10</v>
      </c>
    </row>
    <row r="18" spans="1:4" ht="18" customHeight="1" x14ac:dyDescent="0.2">
      <c r="A18" s="14">
        <v>11</v>
      </c>
      <c r="B18" s="15">
        <v>5</v>
      </c>
      <c r="C18" s="16">
        <v>5</v>
      </c>
      <c r="D18" s="17">
        <v>10</v>
      </c>
    </row>
    <row r="19" spans="1:4" ht="18" customHeight="1" x14ac:dyDescent="0.2">
      <c r="A19" s="14">
        <v>12</v>
      </c>
      <c r="B19" s="15">
        <v>10</v>
      </c>
      <c r="C19" s="16">
        <v>11</v>
      </c>
      <c r="D19" s="17">
        <v>21</v>
      </c>
    </row>
    <row r="20" spans="1:4" ht="18" customHeight="1" x14ac:dyDescent="0.2">
      <c r="A20" s="14">
        <v>13</v>
      </c>
      <c r="B20" s="15">
        <v>6</v>
      </c>
      <c r="C20" s="16">
        <v>7</v>
      </c>
      <c r="D20" s="17">
        <v>13</v>
      </c>
    </row>
    <row r="21" spans="1:4" ht="18" customHeight="1" x14ac:dyDescent="0.2">
      <c r="A21" s="14">
        <v>14</v>
      </c>
      <c r="B21" s="15">
        <v>11</v>
      </c>
      <c r="C21" s="16">
        <v>10</v>
      </c>
      <c r="D21" s="17">
        <v>21</v>
      </c>
    </row>
    <row r="22" spans="1:4" ht="18" customHeight="1" x14ac:dyDescent="0.2">
      <c r="A22" s="18" t="s">
        <v>68</v>
      </c>
      <c r="B22" s="15">
        <v>35</v>
      </c>
      <c r="C22" s="16">
        <v>40</v>
      </c>
      <c r="D22" s="17">
        <v>75</v>
      </c>
    </row>
    <row r="23" spans="1:4" ht="18" customHeight="1" x14ac:dyDescent="0.2">
      <c r="A23" s="18" t="s">
        <v>69</v>
      </c>
      <c r="B23" s="15">
        <v>111</v>
      </c>
      <c r="C23" s="16">
        <v>109</v>
      </c>
      <c r="D23" s="17">
        <v>220</v>
      </c>
    </row>
    <row r="24" spans="1:4" ht="18" customHeight="1" x14ac:dyDescent="0.2">
      <c r="A24" s="14">
        <v>15</v>
      </c>
      <c r="B24" s="15">
        <v>12</v>
      </c>
      <c r="C24" s="16">
        <v>11</v>
      </c>
      <c r="D24" s="17">
        <v>23</v>
      </c>
    </row>
    <row r="25" spans="1:4" ht="18" customHeight="1" x14ac:dyDescent="0.2">
      <c r="A25" s="14">
        <v>16</v>
      </c>
      <c r="B25" s="15">
        <v>12</v>
      </c>
      <c r="C25" s="16">
        <v>5</v>
      </c>
      <c r="D25" s="17">
        <v>17</v>
      </c>
    </row>
    <row r="26" spans="1:4" ht="18" customHeight="1" x14ac:dyDescent="0.2">
      <c r="A26" s="14">
        <v>17</v>
      </c>
      <c r="B26" s="15">
        <v>9</v>
      </c>
      <c r="C26" s="16">
        <v>13</v>
      </c>
      <c r="D26" s="17">
        <v>22</v>
      </c>
    </row>
    <row r="27" spans="1:4" ht="18" customHeight="1" x14ac:dyDescent="0.2">
      <c r="A27" s="14">
        <v>18</v>
      </c>
      <c r="B27" s="15">
        <v>8</v>
      </c>
      <c r="C27" s="16">
        <v>9</v>
      </c>
      <c r="D27" s="17">
        <v>17</v>
      </c>
    </row>
    <row r="28" spans="1:4" ht="18" customHeight="1" x14ac:dyDescent="0.2">
      <c r="A28" s="14">
        <v>19</v>
      </c>
      <c r="B28" s="15">
        <v>13</v>
      </c>
      <c r="C28" s="16">
        <v>16</v>
      </c>
      <c r="D28" s="17">
        <v>29</v>
      </c>
    </row>
    <row r="29" spans="1:4" ht="18" customHeight="1" x14ac:dyDescent="0.2">
      <c r="A29" s="18" t="s">
        <v>70</v>
      </c>
      <c r="B29" s="15">
        <v>54</v>
      </c>
      <c r="C29" s="16">
        <v>54</v>
      </c>
      <c r="D29" s="17">
        <v>108</v>
      </c>
    </row>
    <row r="30" spans="1:4" ht="18" customHeight="1" x14ac:dyDescent="0.2">
      <c r="A30" s="14">
        <v>20</v>
      </c>
      <c r="B30" s="15">
        <v>10</v>
      </c>
      <c r="C30" s="16">
        <v>10</v>
      </c>
      <c r="D30" s="17">
        <v>20</v>
      </c>
    </row>
    <row r="31" spans="1:4" ht="18" customHeight="1" x14ac:dyDescent="0.2">
      <c r="A31" s="14">
        <v>21</v>
      </c>
      <c r="B31" s="15">
        <v>8</v>
      </c>
      <c r="C31" s="16">
        <v>12</v>
      </c>
      <c r="D31" s="17">
        <v>20</v>
      </c>
    </row>
    <row r="32" spans="1:4" ht="18" customHeight="1" x14ac:dyDescent="0.2">
      <c r="A32" s="14">
        <v>22</v>
      </c>
      <c r="B32" s="15">
        <v>18</v>
      </c>
      <c r="C32" s="16">
        <v>12</v>
      </c>
      <c r="D32" s="17">
        <v>30</v>
      </c>
    </row>
    <row r="33" spans="1:4" ht="18" customHeight="1" x14ac:dyDescent="0.2">
      <c r="A33" s="14">
        <v>23</v>
      </c>
      <c r="B33" s="15">
        <v>13</v>
      </c>
      <c r="C33" s="16">
        <v>17</v>
      </c>
      <c r="D33" s="17">
        <v>30</v>
      </c>
    </row>
    <row r="34" spans="1:4" ht="18" customHeight="1" x14ac:dyDescent="0.2">
      <c r="A34" s="14">
        <v>24</v>
      </c>
      <c r="B34" s="15">
        <v>13</v>
      </c>
      <c r="C34" s="16">
        <v>11</v>
      </c>
      <c r="D34" s="17">
        <v>24</v>
      </c>
    </row>
    <row r="35" spans="1:4" ht="18" customHeight="1" x14ac:dyDescent="0.2">
      <c r="A35" s="18" t="s">
        <v>71</v>
      </c>
      <c r="B35" s="15">
        <v>62</v>
      </c>
      <c r="C35" s="16">
        <v>62</v>
      </c>
      <c r="D35" s="17">
        <v>124</v>
      </c>
    </row>
    <row r="36" spans="1:4" ht="18" customHeight="1" x14ac:dyDescent="0.2">
      <c r="A36" s="14">
        <v>25</v>
      </c>
      <c r="B36" s="15">
        <v>12</v>
      </c>
      <c r="C36" s="16">
        <v>13</v>
      </c>
      <c r="D36" s="17">
        <v>25</v>
      </c>
    </row>
    <row r="37" spans="1:4" ht="18" customHeight="1" x14ac:dyDescent="0.2">
      <c r="A37" s="14">
        <v>26</v>
      </c>
      <c r="B37" s="15">
        <v>15</v>
      </c>
      <c r="C37" s="16">
        <v>9</v>
      </c>
      <c r="D37" s="17">
        <v>24</v>
      </c>
    </row>
    <row r="38" spans="1:4" ht="18" customHeight="1" x14ac:dyDescent="0.2">
      <c r="A38" s="14">
        <v>27</v>
      </c>
      <c r="B38" s="15">
        <v>7</v>
      </c>
      <c r="C38" s="16">
        <v>16</v>
      </c>
      <c r="D38" s="17">
        <v>23</v>
      </c>
    </row>
    <row r="39" spans="1:4" ht="18" customHeight="1" x14ac:dyDescent="0.2">
      <c r="A39" s="14">
        <v>28</v>
      </c>
      <c r="B39" s="15">
        <v>11</v>
      </c>
      <c r="C39" s="16">
        <v>8</v>
      </c>
      <c r="D39" s="17">
        <v>19</v>
      </c>
    </row>
    <row r="40" spans="1:4" ht="18" customHeight="1" x14ac:dyDescent="0.2">
      <c r="A40" s="14">
        <v>29</v>
      </c>
      <c r="B40" s="15">
        <v>8</v>
      </c>
      <c r="C40" s="16">
        <v>9</v>
      </c>
      <c r="D40" s="17">
        <v>17</v>
      </c>
    </row>
    <row r="41" spans="1:4" ht="18" customHeight="1" x14ac:dyDescent="0.2">
      <c r="A41" s="18" t="s">
        <v>72</v>
      </c>
      <c r="B41" s="15">
        <v>53</v>
      </c>
      <c r="C41" s="16">
        <v>55</v>
      </c>
      <c r="D41" s="17">
        <v>108</v>
      </c>
    </row>
    <row r="42" spans="1:4" ht="18" customHeight="1" x14ac:dyDescent="0.2">
      <c r="A42" s="14">
        <v>30</v>
      </c>
      <c r="B42" s="15">
        <v>13</v>
      </c>
      <c r="C42" s="16">
        <v>16</v>
      </c>
      <c r="D42" s="17">
        <v>29</v>
      </c>
    </row>
    <row r="43" spans="1:4" ht="18" customHeight="1" x14ac:dyDescent="0.2">
      <c r="A43" s="14">
        <v>31</v>
      </c>
      <c r="B43" s="15">
        <v>14</v>
      </c>
      <c r="C43" s="16">
        <v>9</v>
      </c>
      <c r="D43" s="17">
        <v>23</v>
      </c>
    </row>
    <row r="44" spans="1:4" ht="18" customHeight="1" x14ac:dyDescent="0.2">
      <c r="A44" s="14">
        <v>32</v>
      </c>
      <c r="B44" s="15">
        <v>8</v>
      </c>
      <c r="C44" s="16">
        <v>8</v>
      </c>
      <c r="D44" s="17">
        <v>16</v>
      </c>
    </row>
    <row r="45" spans="1:4" ht="18" customHeight="1" x14ac:dyDescent="0.2">
      <c r="A45" s="14">
        <v>33</v>
      </c>
      <c r="B45" s="15">
        <v>17</v>
      </c>
      <c r="C45" s="16">
        <v>11</v>
      </c>
      <c r="D45" s="17">
        <v>28</v>
      </c>
    </row>
    <row r="46" spans="1:4" ht="18" customHeight="1" x14ac:dyDescent="0.2">
      <c r="A46" s="14">
        <v>34</v>
      </c>
      <c r="B46" s="15">
        <v>10</v>
      </c>
      <c r="C46" s="16">
        <v>23</v>
      </c>
      <c r="D46" s="17">
        <v>33</v>
      </c>
    </row>
    <row r="47" spans="1:4" ht="18" customHeight="1" x14ac:dyDescent="0.2">
      <c r="A47" s="18" t="s">
        <v>73</v>
      </c>
      <c r="B47" s="15">
        <v>62</v>
      </c>
      <c r="C47" s="16">
        <v>67</v>
      </c>
      <c r="D47" s="17">
        <v>129</v>
      </c>
    </row>
    <row r="48" spans="1:4" ht="18" customHeight="1" x14ac:dyDescent="0.2">
      <c r="A48" s="14">
        <v>35</v>
      </c>
      <c r="B48" s="15">
        <v>22</v>
      </c>
      <c r="C48" s="16">
        <v>25</v>
      </c>
      <c r="D48" s="17">
        <v>47</v>
      </c>
    </row>
    <row r="49" spans="1:4" ht="18" customHeight="1" x14ac:dyDescent="0.2">
      <c r="A49" s="14">
        <v>36</v>
      </c>
      <c r="B49" s="15">
        <v>16</v>
      </c>
      <c r="C49" s="16">
        <v>13</v>
      </c>
      <c r="D49" s="17">
        <v>29</v>
      </c>
    </row>
    <row r="50" spans="1:4" ht="18" customHeight="1" x14ac:dyDescent="0.2">
      <c r="A50" s="14">
        <v>37</v>
      </c>
      <c r="B50" s="15">
        <v>27</v>
      </c>
      <c r="C50" s="16">
        <v>13</v>
      </c>
      <c r="D50" s="17">
        <v>40</v>
      </c>
    </row>
    <row r="51" spans="1:4" ht="18" customHeight="1" x14ac:dyDescent="0.2">
      <c r="A51" s="14">
        <v>38</v>
      </c>
      <c r="B51" s="15">
        <v>15</v>
      </c>
      <c r="C51" s="16">
        <v>21</v>
      </c>
      <c r="D51" s="17">
        <v>36</v>
      </c>
    </row>
    <row r="52" spans="1:4" ht="18" customHeight="1" x14ac:dyDescent="0.2">
      <c r="A52" s="14">
        <v>39</v>
      </c>
      <c r="B52" s="15">
        <v>21</v>
      </c>
      <c r="C52" s="16">
        <v>16</v>
      </c>
      <c r="D52" s="17">
        <v>37</v>
      </c>
    </row>
    <row r="53" spans="1:4" ht="18" customHeight="1" x14ac:dyDescent="0.2">
      <c r="A53" s="18" t="s">
        <v>74</v>
      </c>
      <c r="B53" s="15">
        <v>101</v>
      </c>
      <c r="C53" s="16">
        <v>88</v>
      </c>
      <c r="D53" s="17">
        <v>189</v>
      </c>
    </row>
    <row r="54" spans="1:4" ht="18" customHeight="1" x14ac:dyDescent="0.2">
      <c r="A54" s="14">
        <v>40</v>
      </c>
      <c r="B54" s="15">
        <v>16</v>
      </c>
      <c r="C54" s="16">
        <v>13</v>
      </c>
      <c r="D54" s="17">
        <v>29</v>
      </c>
    </row>
    <row r="55" spans="1:4" ht="18" customHeight="1" x14ac:dyDescent="0.2">
      <c r="A55" s="14">
        <v>41</v>
      </c>
      <c r="B55" s="15">
        <v>15</v>
      </c>
      <c r="C55" s="16">
        <v>9</v>
      </c>
      <c r="D55" s="17">
        <v>24</v>
      </c>
    </row>
    <row r="56" spans="1:4" ht="18" customHeight="1" x14ac:dyDescent="0.2">
      <c r="A56" s="14">
        <v>42</v>
      </c>
      <c r="B56" s="15">
        <v>12</v>
      </c>
      <c r="C56" s="16">
        <v>16</v>
      </c>
      <c r="D56" s="17">
        <v>28</v>
      </c>
    </row>
    <row r="57" spans="1:4" ht="18" customHeight="1" x14ac:dyDescent="0.2">
      <c r="A57" s="14">
        <v>43</v>
      </c>
      <c r="B57" s="15">
        <v>17</v>
      </c>
      <c r="C57" s="16">
        <v>20</v>
      </c>
      <c r="D57" s="17">
        <v>37</v>
      </c>
    </row>
    <row r="58" spans="1:4" ht="18" customHeight="1" x14ac:dyDescent="0.2">
      <c r="A58" s="14">
        <v>44</v>
      </c>
      <c r="B58" s="15">
        <v>15</v>
      </c>
      <c r="C58" s="16">
        <v>24</v>
      </c>
      <c r="D58" s="17">
        <v>39</v>
      </c>
    </row>
    <row r="59" spans="1:4" ht="18" customHeight="1" x14ac:dyDescent="0.2">
      <c r="A59" s="18" t="s">
        <v>75</v>
      </c>
      <c r="B59" s="15">
        <v>75</v>
      </c>
      <c r="C59" s="16">
        <v>82</v>
      </c>
      <c r="D59" s="17">
        <v>157</v>
      </c>
    </row>
    <row r="60" spans="1:4" ht="18" customHeight="1" x14ac:dyDescent="0.2">
      <c r="A60" s="14">
        <v>45</v>
      </c>
      <c r="B60" s="15">
        <v>21</v>
      </c>
      <c r="C60" s="16">
        <v>16</v>
      </c>
      <c r="D60" s="17">
        <v>37</v>
      </c>
    </row>
    <row r="61" spans="1:4" ht="18" customHeight="1" x14ac:dyDescent="0.2">
      <c r="A61" s="14">
        <v>46</v>
      </c>
      <c r="B61" s="15">
        <v>16</v>
      </c>
      <c r="C61" s="16">
        <v>13</v>
      </c>
      <c r="D61" s="17">
        <v>29</v>
      </c>
    </row>
    <row r="62" spans="1:4" ht="18" customHeight="1" x14ac:dyDescent="0.2">
      <c r="A62" s="14">
        <v>47</v>
      </c>
      <c r="B62" s="15">
        <v>15</v>
      </c>
      <c r="C62" s="16">
        <v>13</v>
      </c>
      <c r="D62" s="17">
        <v>28</v>
      </c>
    </row>
    <row r="63" spans="1:4" ht="18" customHeight="1" x14ac:dyDescent="0.2">
      <c r="A63" s="14">
        <v>48</v>
      </c>
      <c r="B63" s="15">
        <v>22</v>
      </c>
      <c r="C63" s="16">
        <v>15</v>
      </c>
      <c r="D63" s="17">
        <v>37</v>
      </c>
    </row>
    <row r="64" spans="1:4" ht="18" customHeight="1" x14ac:dyDescent="0.2">
      <c r="A64" s="14">
        <v>49</v>
      </c>
      <c r="B64" s="15">
        <v>13</v>
      </c>
      <c r="C64" s="16">
        <v>19</v>
      </c>
      <c r="D64" s="17">
        <v>32</v>
      </c>
    </row>
    <row r="65" spans="1:4" ht="18" customHeight="1" x14ac:dyDescent="0.2">
      <c r="A65" s="18" t="s">
        <v>76</v>
      </c>
      <c r="B65" s="15">
        <v>87</v>
      </c>
      <c r="C65" s="16">
        <v>76</v>
      </c>
      <c r="D65" s="17">
        <v>163</v>
      </c>
    </row>
    <row r="66" spans="1:4" ht="18" customHeight="1" x14ac:dyDescent="0.2">
      <c r="A66" s="14">
        <v>50</v>
      </c>
      <c r="B66" s="15">
        <v>19</v>
      </c>
      <c r="C66" s="16">
        <v>25</v>
      </c>
      <c r="D66" s="17">
        <v>44</v>
      </c>
    </row>
    <row r="67" spans="1:4" ht="18" customHeight="1" x14ac:dyDescent="0.2">
      <c r="A67" s="14">
        <v>51</v>
      </c>
      <c r="B67" s="15">
        <v>15</v>
      </c>
      <c r="C67" s="16">
        <v>21</v>
      </c>
      <c r="D67" s="17">
        <v>36</v>
      </c>
    </row>
    <row r="68" spans="1:4" ht="18" customHeight="1" x14ac:dyDescent="0.2">
      <c r="A68" s="14">
        <v>52</v>
      </c>
      <c r="B68" s="15">
        <v>14</v>
      </c>
      <c r="C68" s="16">
        <v>14</v>
      </c>
      <c r="D68" s="17">
        <v>28</v>
      </c>
    </row>
    <row r="69" spans="1:4" ht="18" customHeight="1" x14ac:dyDescent="0.2">
      <c r="A69" s="14">
        <v>53</v>
      </c>
      <c r="B69" s="15">
        <v>25</v>
      </c>
      <c r="C69" s="16">
        <v>15</v>
      </c>
      <c r="D69" s="17">
        <v>40</v>
      </c>
    </row>
    <row r="70" spans="1:4" ht="18" customHeight="1" x14ac:dyDescent="0.2">
      <c r="A70" s="14">
        <v>54</v>
      </c>
      <c r="B70" s="15">
        <v>14</v>
      </c>
      <c r="C70" s="16">
        <v>14</v>
      </c>
      <c r="D70" s="17">
        <v>28</v>
      </c>
    </row>
    <row r="71" spans="1:4" ht="18" customHeight="1" x14ac:dyDescent="0.2">
      <c r="A71" s="18" t="s">
        <v>77</v>
      </c>
      <c r="B71" s="15">
        <v>87</v>
      </c>
      <c r="C71" s="16">
        <v>89</v>
      </c>
      <c r="D71" s="17">
        <v>176</v>
      </c>
    </row>
    <row r="72" spans="1:4" ht="18" customHeight="1" x14ac:dyDescent="0.2">
      <c r="A72" s="14">
        <v>55</v>
      </c>
      <c r="B72" s="15">
        <v>12</v>
      </c>
      <c r="C72" s="16">
        <v>23</v>
      </c>
      <c r="D72" s="17">
        <v>35</v>
      </c>
    </row>
    <row r="73" spans="1:4" ht="18" customHeight="1" x14ac:dyDescent="0.2">
      <c r="A73" s="14">
        <v>56</v>
      </c>
      <c r="B73" s="15">
        <v>25</v>
      </c>
      <c r="C73" s="16">
        <v>20</v>
      </c>
      <c r="D73" s="17">
        <v>45</v>
      </c>
    </row>
    <row r="74" spans="1:4" ht="18" customHeight="1" x14ac:dyDescent="0.2">
      <c r="A74" s="14">
        <v>57</v>
      </c>
      <c r="B74" s="15">
        <v>21</v>
      </c>
      <c r="C74" s="16">
        <v>12</v>
      </c>
      <c r="D74" s="17">
        <v>33</v>
      </c>
    </row>
    <row r="75" spans="1:4" ht="18" customHeight="1" x14ac:dyDescent="0.2">
      <c r="A75" s="14">
        <v>58</v>
      </c>
      <c r="B75" s="15">
        <v>18</v>
      </c>
      <c r="C75" s="16">
        <v>19</v>
      </c>
      <c r="D75" s="17">
        <v>37</v>
      </c>
    </row>
    <row r="76" spans="1:4" ht="18" customHeight="1" x14ac:dyDescent="0.2">
      <c r="A76" s="14">
        <v>59</v>
      </c>
      <c r="B76" s="15">
        <v>26</v>
      </c>
      <c r="C76" s="16">
        <v>34</v>
      </c>
      <c r="D76" s="17">
        <v>60</v>
      </c>
    </row>
    <row r="77" spans="1:4" ht="18" customHeight="1" x14ac:dyDescent="0.2">
      <c r="A77" s="18" t="s">
        <v>78</v>
      </c>
      <c r="B77" s="15">
        <v>102</v>
      </c>
      <c r="C77" s="16">
        <v>108</v>
      </c>
      <c r="D77" s="17">
        <v>210</v>
      </c>
    </row>
    <row r="78" spans="1:4" ht="18" customHeight="1" x14ac:dyDescent="0.2">
      <c r="A78" s="14">
        <v>60</v>
      </c>
      <c r="B78" s="15">
        <v>21</v>
      </c>
      <c r="C78" s="16">
        <v>22</v>
      </c>
      <c r="D78" s="17">
        <v>43</v>
      </c>
    </row>
    <row r="79" spans="1:4" ht="18" customHeight="1" x14ac:dyDescent="0.2">
      <c r="A79" s="14">
        <v>61</v>
      </c>
      <c r="B79" s="15">
        <v>31</v>
      </c>
      <c r="C79" s="16">
        <v>25</v>
      </c>
      <c r="D79" s="17">
        <v>56</v>
      </c>
    </row>
    <row r="80" spans="1:4" ht="18" customHeight="1" x14ac:dyDescent="0.2">
      <c r="A80" s="14">
        <v>62</v>
      </c>
      <c r="B80" s="15">
        <v>31</v>
      </c>
      <c r="C80" s="16">
        <v>38</v>
      </c>
      <c r="D80" s="17">
        <v>69</v>
      </c>
    </row>
    <row r="81" spans="1:4" ht="18" customHeight="1" x14ac:dyDescent="0.2">
      <c r="A81" s="14">
        <v>63</v>
      </c>
      <c r="B81" s="15">
        <v>11</v>
      </c>
      <c r="C81" s="16">
        <v>15</v>
      </c>
      <c r="D81" s="17">
        <v>26</v>
      </c>
    </row>
    <row r="82" spans="1:4" ht="18" customHeight="1" x14ac:dyDescent="0.2">
      <c r="A82" s="14">
        <v>64</v>
      </c>
      <c r="B82" s="15">
        <v>17</v>
      </c>
      <c r="C82" s="16">
        <v>14</v>
      </c>
      <c r="D82" s="17">
        <v>31</v>
      </c>
    </row>
    <row r="83" spans="1:4" ht="18" customHeight="1" x14ac:dyDescent="0.2">
      <c r="A83" s="18" t="s">
        <v>79</v>
      </c>
      <c r="B83" s="15">
        <v>111</v>
      </c>
      <c r="C83" s="16">
        <v>114</v>
      </c>
      <c r="D83" s="17">
        <v>225</v>
      </c>
    </row>
    <row r="84" spans="1:4" ht="18" customHeight="1" x14ac:dyDescent="0.2">
      <c r="A84" s="18" t="s">
        <v>80</v>
      </c>
      <c r="B84" s="15">
        <v>794</v>
      </c>
      <c r="C84" s="16">
        <v>795</v>
      </c>
      <c r="D84" s="17">
        <v>1589</v>
      </c>
    </row>
    <row r="85" spans="1:4" ht="18" customHeight="1" x14ac:dyDescent="0.2">
      <c r="A85" s="14">
        <v>65</v>
      </c>
      <c r="B85" s="15">
        <v>24</v>
      </c>
      <c r="C85" s="16">
        <v>32</v>
      </c>
      <c r="D85" s="17">
        <v>56</v>
      </c>
    </row>
    <row r="86" spans="1:4" ht="18" customHeight="1" x14ac:dyDescent="0.2">
      <c r="A86" s="14">
        <v>66</v>
      </c>
      <c r="B86" s="15">
        <v>13</v>
      </c>
      <c r="C86" s="16">
        <v>16</v>
      </c>
      <c r="D86" s="17">
        <v>29</v>
      </c>
    </row>
    <row r="87" spans="1:4" ht="18" customHeight="1" x14ac:dyDescent="0.2">
      <c r="A87" s="14">
        <v>67</v>
      </c>
      <c r="B87" s="15">
        <v>20</v>
      </c>
      <c r="C87" s="16">
        <v>17</v>
      </c>
      <c r="D87" s="17">
        <v>37</v>
      </c>
    </row>
    <row r="88" spans="1:4" ht="18" customHeight="1" x14ac:dyDescent="0.2">
      <c r="A88" s="14">
        <v>68</v>
      </c>
      <c r="B88" s="15">
        <v>20</v>
      </c>
      <c r="C88" s="16">
        <v>23</v>
      </c>
      <c r="D88" s="17">
        <v>43</v>
      </c>
    </row>
    <row r="89" spans="1:4" ht="18" customHeight="1" x14ac:dyDescent="0.2">
      <c r="A89" s="14">
        <v>69</v>
      </c>
      <c r="B89" s="15">
        <v>24</v>
      </c>
      <c r="C89" s="16">
        <v>20</v>
      </c>
      <c r="D89" s="17">
        <v>44</v>
      </c>
    </row>
    <row r="90" spans="1:4" ht="18" customHeight="1" x14ac:dyDescent="0.2">
      <c r="A90" s="18" t="s">
        <v>81</v>
      </c>
      <c r="B90" s="15">
        <v>101</v>
      </c>
      <c r="C90" s="16">
        <v>108</v>
      </c>
      <c r="D90" s="17">
        <v>209</v>
      </c>
    </row>
    <row r="91" spans="1:4" ht="18" customHeight="1" x14ac:dyDescent="0.2">
      <c r="A91" s="14">
        <v>70</v>
      </c>
      <c r="B91" s="15">
        <v>13</v>
      </c>
      <c r="C91" s="16">
        <v>13</v>
      </c>
      <c r="D91" s="17">
        <v>26</v>
      </c>
    </row>
    <row r="92" spans="1:4" ht="18" customHeight="1" x14ac:dyDescent="0.2">
      <c r="A92" s="14">
        <v>71</v>
      </c>
      <c r="B92" s="15">
        <v>18</v>
      </c>
      <c r="C92" s="16">
        <v>26</v>
      </c>
      <c r="D92" s="17">
        <v>44</v>
      </c>
    </row>
    <row r="93" spans="1:4" ht="18" customHeight="1" x14ac:dyDescent="0.2">
      <c r="A93" s="14">
        <v>72</v>
      </c>
      <c r="B93" s="15">
        <v>20</v>
      </c>
      <c r="C93" s="16">
        <v>26</v>
      </c>
      <c r="D93" s="17">
        <v>46</v>
      </c>
    </row>
    <row r="94" spans="1:4" ht="18" customHeight="1" x14ac:dyDescent="0.2">
      <c r="A94" s="14">
        <v>73</v>
      </c>
      <c r="B94" s="15">
        <v>22</v>
      </c>
      <c r="C94" s="16">
        <v>28</v>
      </c>
      <c r="D94" s="17">
        <v>50</v>
      </c>
    </row>
    <row r="95" spans="1:4" ht="18" customHeight="1" x14ac:dyDescent="0.2">
      <c r="A95" s="14">
        <v>74</v>
      </c>
      <c r="B95" s="15">
        <v>14</v>
      </c>
      <c r="C95" s="16">
        <v>20</v>
      </c>
      <c r="D95" s="17">
        <v>34</v>
      </c>
    </row>
    <row r="96" spans="1:4" ht="18" customHeight="1" x14ac:dyDescent="0.2">
      <c r="A96" s="18" t="s">
        <v>82</v>
      </c>
      <c r="B96" s="15">
        <v>87</v>
      </c>
      <c r="C96" s="16">
        <v>113</v>
      </c>
      <c r="D96" s="17">
        <v>200</v>
      </c>
    </row>
    <row r="97" spans="1:4" ht="18" customHeight="1" x14ac:dyDescent="0.2">
      <c r="A97" s="14">
        <v>75</v>
      </c>
      <c r="B97" s="15">
        <v>18</v>
      </c>
      <c r="C97" s="16">
        <v>22</v>
      </c>
      <c r="D97" s="17">
        <v>40</v>
      </c>
    </row>
    <row r="98" spans="1:4" ht="18" customHeight="1" x14ac:dyDescent="0.2">
      <c r="A98" s="14">
        <v>76</v>
      </c>
      <c r="B98" s="15">
        <v>19</v>
      </c>
      <c r="C98" s="16">
        <v>28</v>
      </c>
      <c r="D98" s="17">
        <v>47</v>
      </c>
    </row>
    <row r="99" spans="1:4" ht="18" customHeight="1" x14ac:dyDescent="0.2">
      <c r="A99" s="14">
        <v>77</v>
      </c>
      <c r="B99" s="15">
        <v>10</v>
      </c>
      <c r="C99" s="16">
        <v>20</v>
      </c>
      <c r="D99" s="17">
        <v>30</v>
      </c>
    </row>
    <row r="100" spans="1:4" ht="18" customHeight="1" x14ac:dyDescent="0.2">
      <c r="A100" s="14">
        <v>78</v>
      </c>
      <c r="B100" s="15">
        <v>20</v>
      </c>
      <c r="C100" s="16">
        <v>14</v>
      </c>
      <c r="D100" s="17">
        <v>34</v>
      </c>
    </row>
    <row r="101" spans="1:4" ht="18" customHeight="1" x14ac:dyDescent="0.2">
      <c r="A101" s="14">
        <v>79</v>
      </c>
      <c r="B101" s="15">
        <v>11</v>
      </c>
      <c r="C101" s="16">
        <v>21</v>
      </c>
      <c r="D101" s="17">
        <v>32</v>
      </c>
    </row>
    <row r="102" spans="1:4" ht="18" customHeight="1" x14ac:dyDescent="0.2">
      <c r="A102" s="18" t="s">
        <v>83</v>
      </c>
      <c r="B102" s="15">
        <v>78</v>
      </c>
      <c r="C102" s="16">
        <v>105</v>
      </c>
      <c r="D102" s="17">
        <v>183</v>
      </c>
    </row>
    <row r="103" spans="1:4" ht="18" customHeight="1" x14ac:dyDescent="0.2">
      <c r="A103" s="14">
        <v>80</v>
      </c>
      <c r="B103" s="15">
        <v>7</v>
      </c>
      <c r="C103" s="16">
        <v>24</v>
      </c>
      <c r="D103" s="17">
        <v>31</v>
      </c>
    </row>
    <row r="104" spans="1:4" ht="18" customHeight="1" x14ac:dyDescent="0.2">
      <c r="A104" s="14">
        <v>81</v>
      </c>
      <c r="B104" s="15">
        <v>16</v>
      </c>
      <c r="C104" s="16">
        <v>21</v>
      </c>
      <c r="D104" s="17">
        <v>37</v>
      </c>
    </row>
    <row r="105" spans="1:4" ht="18" customHeight="1" x14ac:dyDescent="0.2">
      <c r="A105" s="14">
        <v>82</v>
      </c>
      <c r="B105" s="15">
        <v>23</v>
      </c>
      <c r="C105" s="16">
        <v>24</v>
      </c>
      <c r="D105" s="17">
        <v>47</v>
      </c>
    </row>
    <row r="106" spans="1:4" ht="18" customHeight="1" x14ac:dyDescent="0.2">
      <c r="A106" s="14">
        <v>83</v>
      </c>
      <c r="B106" s="15">
        <v>7</v>
      </c>
      <c r="C106" s="16">
        <v>20</v>
      </c>
      <c r="D106" s="17">
        <v>27</v>
      </c>
    </row>
    <row r="107" spans="1:4" ht="18" customHeight="1" x14ac:dyDescent="0.2">
      <c r="A107" s="14">
        <v>84</v>
      </c>
      <c r="B107" s="15">
        <v>7</v>
      </c>
      <c r="C107" s="16">
        <v>18</v>
      </c>
      <c r="D107" s="17">
        <v>25</v>
      </c>
    </row>
    <row r="108" spans="1:4" ht="18" customHeight="1" x14ac:dyDescent="0.2">
      <c r="A108" s="18" t="s">
        <v>84</v>
      </c>
      <c r="B108" s="15">
        <v>60</v>
      </c>
      <c r="C108" s="16">
        <v>107</v>
      </c>
      <c r="D108" s="17">
        <v>167</v>
      </c>
    </row>
    <row r="109" spans="1:4" ht="18" customHeight="1" x14ac:dyDescent="0.2">
      <c r="A109" s="14">
        <v>85</v>
      </c>
      <c r="B109" s="15">
        <v>6</v>
      </c>
      <c r="C109" s="16">
        <v>9</v>
      </c>
      <c r="D109" s="17">
        <v>15</v>
      </c>
    </row>
    <row r="110" spans="1:4" ht="18" customHeight="1" x14ac:dyDescent="0.2">
      <c r="A110" s="14">
        <v>86</v>
      </c>
      <c r="B110" s="15">
        <v>7</v>
      </c>
      <c r="C110" s="16">
        <v>11</v>
      </c>
      <c r="D110" s="17">
        <v>18</v>
      </c>
    </row>
    <row r="111" spans="1:4" ht="18" customHeight="1" x14ac:dyDescent="0.2">
      <c r="A111" s="14">
        <v>87</v>
      </c>
      <c r="B111" s="15">
        <v>8</v>
      </c>
      <c r="C111" s="16">
        <v>19</v>
      </c>
      <c r="D111" s="17">
        <v>27</v>
      </c>
    </row>
    <row r="112" spans="1:4" ht="18" customHeight="1" x14ac:dyDescent="0.2">
      <c r="A112" s="14">
        <v>88</v>
      </c>
      <c r="B112" s="15">
        <v>4</v>
      </c>
      <c r="C112" s="16">
        <v>14</v>
      </c>
      <c r="D112" s="17">
        <v>18</v>
      </c>
    </row>
    <row r="113" spans="1:4" ht="18" customHeight="1" x14ac:dyDescent="0.2">
      <c r="A113" s="14">
        <v>89</v>
      </c>
      <c r="B113" s="15">
        <v>2</v>
      </c>
      <c r="C113" s="16">
        <v>11</v>
      </c>
      <c r="D113" s="17">
        <v>13</v>
      </c>
    </row>
    <row r="114" spans="1:4" ht="18" customHeight="1" x14ac:dyDescent="0.2">
      <c r="A114" s="18" t="s">
        <v>85</v>
      </c>
      <c r="B114" s="15">
        <v>27</v>
      </c>
      <c r="C114" s="16">
        <v>64</v>
      </c>
      <c r="D114" s="17">
        <v>91</v>
      </c>
    </row>
    <row r="115" spans="1:4" ht="18" customHeight="1" x14ac:dyDescent="0.2">
      <c r="A115" s="14">
        <v>90</v>
      </c>
      <c r="B115" s="15">
        <v>4</v>
      </c>
      <c r="C115" s="16">
        <v>12</v>
      </c>
      <c r="D115" s="17">
        <v>16</v>
      </c>
    </row>
    <row r="116" spans="1:4" ht="18" customHeight="1" x14ac:dyDescent="0.2">
      <c r="A116" s="14">
        <v>91</v>
      </c>
      <c r="B116" s="15">
        <v>1</v>
      </c>
      <c r="C116" s="16">
        <v>5</v>
      </c>
      <c r="D116" s="17">
        <v>6</v>
      </c>
    </row>
    <row r="117" spans="1:4" ht="18" customHeight="1" x14ac:dyDescent="0.2">
      <c r="A117" s="14">
        <v>92</v>
      </c>
      <c r="B117" s="15">
        <v>4</v>
      </c>
      <c r="C117" s="16">
        <v>4</v>
      </c>
      <c r="D117" s="17">
        <v>8</v>
      </c>
    </row>
    <row r="118" spans="1:4" ht="18" customHeight="1" x14ac:dyDescent="0.2">
      <c r="A118" s="14">
        <v>93</v>
      </c>
      <c r="B118" s="15">
        <v>1</v>
      </c>
      <c r="C118" s="16">
        <v>3</v>
      </c>
      <c r="D118" s="17">
        <v>4</v>
      </c>
    </row>
    <row r="119" spans="1:4" ht="18" customHeight="1" x14ac:dyDescent="0.2">
      <c r="A119" s="14">
        <v>94</v>
      </c>
      <c r="B119" s="15">
        <v>2</v>
      </c>
      <c r="C119" s="16">
        <v>1</v>
      </c>
      <c r="D119" s="17">
        <v>3</v>
      </c>
    </row>
    <row r="120" spans="1:4" ht="18" customHeight="1" x14ac:dyDescent="0.2">
      <c r="A120" s="18" t="s">
        <v>86</v>
      </c>
      <c r="B120" s="15">
        <v>12</v>
      </c>
      <c r="C120" s="16">
        <v>25</v>
      </c>
      <c r="D120" s="17">
        <v>37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87</v>
      </c>
      <c r="B126" s="15">
        <v>3</v>
      </c>
      <c r="C126" s="16">
        <v>9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88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89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90</v>
      </c>
      <c r="B130" s="4">
        <v>368</v>
      </c>
      <c r="C130" s="5">
        <v>535</v>
      </c>
      <c r="D130" s="6">
        <v>903</v>
      </c>
    </row>
    <row r="131" spans="1:4" ht="18" customHeight="1" x14ac:dyDescent="0.2">
      <c r="A131" s="20" t="s">
        <v>65</v>
      </c>
      <c r="B131" s="7">
        <v>1273</v>
      </c>
      <c r="C131" s="8">
        <v>1439</v>
      </c>
      <c r="D131" s="9">
        <v>271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9</vt:i4>
      </vt:variant>
      <vt:variant>
        <vt:lpstr>名前付き一覧</vt:lpstr>
      </vt:variant>
      <vt:variant>
        <vt:i4>88</vt:i4>
      </vt:variant>
    </vt:vector>
  </HeadingPairs>
  <TitlesOfParts>
    <vt:vector size="177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0099富山地域）</vt:lpstr>
      <vt:lpstr>年齢別・性別人口(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）'!Print_Titles</vt:lpstr>
      <vt:lpstr>'年齢別・性別人口(0101下タ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09-06-02T08:02:00Z</cp:lastPrinted>
  <dcterms:created xsi:type="dcterms:W3CDTF">2003-03-26T04:07:19Z</dcterms:created>
  <dcterms:modified xsi:type="dcterms:W3CDTF">2023-03-02T07:51:5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